
<file path=[Content_Types].xml><?xml version="1.0" encoding="utf-8"?>
<Types xmlns="http://schemas.openxmlformats.org/package/2006/content-types">
  <Default Extension="emf" ContentType="image/x-emf"/>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60" r:id="rId5"/>
  </p:sldMasterIdLst>
  <p:notesMasterIdLst>
    <p:notesMasterId r:id="rId33"/>
  </p:notesMasterIdLst>
  <p:sldIdLst>
    <p:sldId id="256" r:id="rId6"/>
    <p:sldId id="259" r:id="rId7"/>
    <p:sldId id="4572" r:id="rId8"/>
    <p:sldId id="292" r:id="rId9"/>
    <p:sldId id="4574" r:id="rId10"/>
    <p:sldId id="4575" r:id="rId11"/>
    <p:sldId id="4573" r:id="rId12"/>
    <p:sldId id="308" r:id="rId13"/>
    <p:sldId id="288" r:id="rId14"/>
    <p:sldId id="260" r:id="rId15"/>
    <p:sldId id="279" r:id="rId16"/>
    <p:sldId id="263" r:id="rId17"/>
    <p:sldId id="268" r:id="rId18"/>
    <p:sldId id="264" r:id="rId19"/>
    <p:sldId id="265" r:id="rId20"/>
    <p:sldId id="269" r:id="rId21"/>
    <p:sldId id="270" r:id="rId22"/>
    <p:sldId id="271" r:id="rId23"/>
    <p:sldId id="266" r:id="rId24"/>
    <p:sldId id="272" r:id="rId25"/>
    <p:sldId id="273" r:id="rId26"/>
    <p:sldId id="274" r:id="rId27"/>
    <p:sldId id="275" r:id="rId28"/>
    <p:sldId id="267" r:id="rId29"/>
    <p:sldId id="293" r:id="rId30"/>
    <p:sldId id="4570" r:id="rId31"/>
    <p:sldId id="4571" r:id="rId32"/>
  </p:sldIdLst>
  <p:sldSz cx="12192000" cy="6858000"/>
  <p:notesSz cx="6858000" cy="92408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EB35F5AC-A300-B301-4089-53F69136DCAA}" name="Teresa Piazza" initials="TP" userId="S::teresa.piazza@usg.edu::2ceb0470-2fe5-48d3-b6ed-5b044774eed5"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995" autoAdjust="0"/>
    <p:restoredTop sz="66828" autoAdjust="0"/>
  </p:normalViewPr>
  <p:slideViewPr>
    <p:cSldViewPr snapToGrid="0">
      <p:cViewPr varScale="1">
        <p:scale>
          <a:sx n="81" d="100"/>
          <a:sy n="81" d="100"/>
        </p:scale>
        <p:origin x="2059" y="48"/>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varScale="1">
        <p:scale>
          <a:sx n="83" d="100"/>
          <a:sy n="83" d="100"/>
        </p:scale>
        <p:origin x="2988" y="102"/>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21" Type="http://schemas.openxmlformats.org/officeDocument/2006/relationships/slide" Target="slides/slide16.xml"/><Relationship Id="rId34" Type="http://schemas.openxmlformats.org/officeDocument/2006/relationships/presProps" Target="pres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notesMaster" Target="notesMasters/notesMaster1.xml"/><Relationship Id="rId38" Type="http://schemas.microsoft.com/office/2018/10/relationships/authors" Target="author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viewProps" Target="viewProps.xml"/><Relationship Id="rId8" Type="http://schemas.openxmlformats.org/officeDocument/2006/relationships/slide" Target="slides/slide3.xml"/><Relationship Id="rId3" Type="http://schemas.openxmlformats.org/officeDocument/2006/relationships/customXml" Target="../customXml/item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63647"/>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63647"/>
          </a:xfrm>
          <a:prstGeom prst="rect">
            <a:avLst/>
          </a:prstGeom>
        </p:spPr>
        <p:txBody>
          <a:bodyPr vert="horz" lIns="91440" tIns="45720" rIns="91440" bIns="45720" rtlCol="0"/>
          <a:lstStyle>
            <a:lvl1pPr algn="r">
              <a:defRPr sz="1200"/>
            </a:lvl1pPr>
          </a:lstStyle>
          <a:p>
            <a:fld id="{1FD6E9CA-0919-4FE5-92DC-D054A2377D90}" type="datetimeFigureOut">
              <a:rPr lang="en-US" smtClean="0"/>
              <a:t>10/7/2025</a:t>
            </a:fld>
            <a:endParaRPr lang="en-US"/>
          </a:p>
        </p:txBody>
      </p:sp>
      <p:sp>
        <p:nvSpPr>
          <p:cNvPr id="4" name="Slide Image Placeholder 3"/>
          <p:cNvSpPr>
            <a:spLocks noGrp="1" noRot="1" noChangeAspect="1"/>
          </p:cNvSpPr>
          <p:nvPr>
            <p:ph type="sldImg" idx="2"/>
          </p:nvPr>
        </p:nvSpPr>
        <p:spPr>
          <a:xfrm>
            <a:off x="658813" y="1155700"/>
            <a:ext cx="5540375" cy="311785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47153"/>
            <a:ext cx="5486400" cy="363858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777193"/>
            <a:ext cx="2971800" cy="463646"/>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777193"/>
            <a:ext cx="2971800" cy="463646"/>
          </a:xfrm>
          <a:prstGeom prst="rect">
            <a:avLst/>
          </a:prstGeom>
        </p:spPr>
        <p:txBody>
          <a:bodyPr vert="horz" lIns="91440" tIns="45720" rIns="91440" bIns="45720" rtlCol="0" anchor="b"/>
          <a:lstStyle>
            <a:lvl1pPr algn="r">
              <a:defRPr sz="1200"/>
            </a:lvl1pPr>
          </a:lstStyle>
          <a:p>
            <a:fld id="{6A20B55C-7A11-4DF9-AB93-05C27B337415}" type="slidenum">
              <a:rPr lang="en-US" smtClean="0"/>
              <a:t>‹#›</a:t>
            </a:fld>
            <a:endParaRPr lang="en-US"/>
          </a:p>
        </p:txBody>
      </p:sp>
    </p:spTree>
    <p:extLst>
      <p:ext uri="{BB962C8B-B14F-4D97-AF65-F5344CB8AC3E}">
        <p14:creationId xmlns:p14="http://schemas.microsoft.com/office/powerpoint/2010/main" val="5377923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A20B55C-7A11-4DF9-AB93-05C27B337415}" type="slidenum">
              <a:rPr lang="en-US" smtClean="0"/>
              <a:t>1</a:t>
            </a:fld>
            <a:endParaRPr lang="en-US"/>
          </a:p>
        </p:txBody>
      </p:sp>
    </p:spTree>
    <p:extLst>
      <p:ext uri="{BB962C8B-B14F-4D97-AF65-F5344CB8AC3E}">
        <p14:creationId xmlns:p14="http://schemas.microsoft.com/office/powerpoint/2010/main" val="366213417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1"/>
            <a:r>
              <a:rPr lang="en-US" sz="1200" kern="1200" dirty="0">
                <a:solidFill>
                  <a:schemeClr val="tx1"/>
                </a:solidFill>
                <a:effectLst/>
                <a:latin typeface="+mn-lt"/>
                <a:ea typeface="+mn-ea"/>
                <a:cs typeface="+mn-cs"/>
              </a:rPr>
              <a:t>Dashboards are self-service, interactive visualizations of data that provide insights into business performance. They enable organizations to:</a:t>
            </a:r>
          </a:p>
          <a:p>
            <a:pPr lvl="2"/>
            <a:r>
              <a:rPr lang="en-US" sz="1200" kern="1200" dirty="0">
                <a:solidFill>
                  <a:schemeClr val="tx1"/>
                </a:solidFill>
                <a:effectLst/>
                <a:latin typeface="+mn-lt"/>
                <a:ea typeface="+mn-ea"/>
                <a:cs typeface="+mn-cs"/>
              </a:rPr>
              <a:t>Monitor and drive business performance</a:t>
            </a:r>
          </a:p>
          <a:p>
            <a:pPr lvl="2"/>
            <a:r>
              <a:rPr lang="en-US" sz="1200" kern="1200" dirty="0">
                <a:solidFill>
                  <a:schemeClr val="tx1"/>
                </a:solidFill>
                <a:effectLst/>
                <a:latin typeface="+mn-lt"/>
                <a:ea typeface="+mn-ea"/>
                <a:cs typeface="+mn-cs"/>
              </a:rPr>
              <a:t>Visualize data through charts and numbers side by side</a:t>
            </a:r>
          </a:p>
          <a:p>
            <a:pPr lvl="2"/>
            <a:r>
              <a:rPr lang="en-US" sz="1200" kern="1200" dirty="0">
                <a:solidFill>
                  <a:schemeClr val="tx1"/>
                </a:solidFill>
                <a:effectLst/>
                <a:latin typeface="+mn-lt"/>
                <a:ea typeface="+mn-ea"/>
                <a:cs typeface="+mn-cs"/>
              </a:rPr>
              <a:t>Enter data directly on dashboards and see real-time updates</a:t>
            </a:r>
          </a:p>
          <a:p>
            <a:pPr lvl="2"/>
            <a:r>
              <a:rPr lang="en-US" sz="1200" kern="1200" dirty="0">
                <a:solidFill>
                  <a:schemeClr val="tx1"/>
                </a:solidFill>
                <a:effectLst/>
                <a:latin typeface="+mn-lt"/>
                <a:ea typeface="+mn-ea"/>
                <a:cs typeface="+mn-cs"/>
              </a:rPr>
              <a:t>Analyze historical data to improve future planning</a:t>
            </a:r>
          </a:p>
          <a:p>
            <a:pPr lvl="2"/>
            <a:r>
              <a:rPr lang="en-US" sz="1200" kern="1200" dirty="0">
                <a:solidFill>
                  <a:schemeClr val="tx1"/>
                </a:solidFill>
                <a:effectLst/>
                <a:latin typeface="+mn-lt"/>
                <a:ea typeface="+mn-ea"/>
                <a:cs typeface="+mn-cs"/>
              </a:rPr>
              <a:t>Collaborate by adding notes and sharing insights with team members</a:t>
            </a:r>
          </a:p>
          <a:p>
            <a:endParaRPr lang="en-US" dirty="0"/>
          </a:p>
        </p:txBody>
      </p:sp>
      <p:sp>
        <p:nvSpPr>
          <p:cNvPr id="4" name="Slide Number Placeholder 3"/>
          <p:cNvSpPr>
            <a:spLocks noGrp="1"/>
          </p:cNvSpPr>
          <p:nvPr>
            <p:ph type="sldNum" sz="quarter" idx="5"/>
          </p:nvPr>
        </p:nvSpPr>
        <p:spPr/>
        <p:txBody>
          <a:bodyPr/>
          <a:lstStyle/>
          <a:p>
            <a:fld id="{6A20B55C-7A11-4DF9-AB93-05C27B337415}" type="slidenum">
              <a:rPr lang="en-US" smtClean="0"/>
              <a:t>12</a:t>
            </a:fld>
            <a:endParaRPr lang="en-US"/>
          </a:p>
        </p:txBody>
      </p:sp>
    </p:spTree>
    <p:extLst>
      <p:ext uri="{BB962C8B-B14F-4D97-AF65-F5344CB8AC3E}">
        <p14:creationId xmlns:p14="http://schemas.microsoft.com/office/powerpoint/2010/main" val="79835114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ashboards drive value by utilizing Workday’s power reporting tools</a:t>
            </a:r>
          </a:p>
        </p:txBody>
      </p:sp>
      <p:sp>
        <p:nvSpPr>
          <p:cNvPr id="4" name="Slide Number Placeholder 3"/>
          <p:cNvSpPr>
            <a:spLocks noGrp="1"/>
          </p:cNvSpPr>
          <p:nvPr>
            <p:ph type="sldNum" sz="quarter" idx="5"/>
          </p:nvPr>
        </p:nvSpPr>
        <p:spPr/>
        <p:txBody>
          <a:bodyPr/>
          <a:lstStyle/>
          <a:p>
            <a:fld id="{6A20B55C-7A11-4DF9-AB93-05C27B337415}" type="slidenum">
              <a:rPr lang="en-US" smtClean="0"/>
              <a:t>13</a:t>
            </a:fld>
            <a:endParaRPr lang="en-US"/>
          </a:p>
        </p:txBody>
      </p:sp>
    </p:spTree>
    <p:extLst>
      <p:ext uri="{BB962C8B-B14F-4D97-AF65-F5344CB8AC3E}">
        <p14:creationId xmlns:p14="http://schemas.microsoft.com/office/powerpoint/2010/main" val="151668573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ypes: Shared &amp; Personal</a:t>
            </a:r>
          </a:p>
          <a:p>
            <a:endParaRPr lang="en-US" dirty="0"/>
          </a:p>
          <a:p>
            <a:r>
              <a:rPr lang="en-US" dirty="0"/>
              <a:t>Features: Perspectives, Chart Types, and Modes</a:t>
            </a:r>
          </a:p>
        </p:txBody>
      </p:sp>
      <p:sp>
        <p:nvSpPr>
          <p:cNvPr id="4" name="Slide Number Placeholder 3"/>
          <p:cNvSpPr>
            <a:spLocks noGrp="1"/>
          </p:cNvSpPr>
          <p:nvPr>
            <p:ph type="sldNum" sz="quarter" idx="5"/>
          </p:nvPr>
        </p:nvSpPr>
        <p:spPr/>
        <p:txBody>
          <a:bodyPr/>
          <a:lstStyle/>
          <a:p>
            <a:fld id="{6A20B55C-7A11-4DF9-AB93-05C27B337415}" type="slidenum">
              <a:rPr lang="en-US" smtClean="0"/>
              <a:t>14</a:t>
            </a:fld>
            <a:endParaRPr lang="en-US"/>
          </a:p>
        </p:txBody>
      </p:sp>
    </p:spTree>
    <p:extLst>
      <p:ext uri="{BB962C8B-B14F-4D97-AF65-F5344CB8AC3E}">
        <p14:creationId xmlns:p14="http://schemas.microsoft.com/office/powerpoint/2010/main" val="69423421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A20B55C-7A11-4DF9-AB93-05C27B337415}" type="slidenum">
              <a:rPr lang="en-US" smtClean="0"/>
              <a:t>17</a:t>
            </a:fld>
            <a:endParaRPr lang="en-US"/>
          </a:p>
        </p:txBody>
      </p:sp>
    </p:spTree>
    <p:extLst>
      <p:ext uri="{BB962C8B-B14F-4D97-AF65-F5344CB8AC3E}">
        <p14:creationId xmlns:p14="http://schemas.microsoft.com/office/powerpoint/2010/main" val="161373755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1E5ECB2-32E3-8744-3C3D-2373236FAD3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ABE319A-465C-FF04-3FAB-456F79CC3A2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8EEFBA7-68EA-7E7C-140C-F88269C2D17F}"/>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17529772-D0D0-8CF9-C1B2-6653D2836B7A}"/>
              </a:ext>
            </a:extLst>
          </p:cNvPr>
          <p:cNvSpPr>
            <a:spLocks noGrp="1"/>
          </p:cNvSpPr>
          <p:nvPr>
            <p:ph type="sldNum" sz="quarter" idx="5"/>
          </p:nvPr>
        </p:nvSpPr>
        <p:spPr/>
        <p:txBody>
          <a:bodyPr/>
          <a:lstStyle/>
          <a:p>
            <a:fld id="{6A20B55C-7A11-4DF9-AB93-05C27B337415}" type="slidenum">
              <a:rPr lang="en-US" smtClean="0"/>
              <a:t>18</a:t>
            </a:fld>
            <a:endParaRPr lang="en-US"/>
          </a:p>
        </p:txBody>
      </p:sp>
    </p:spTree>
    <p:extLst>
      <p:ext uri="{BB962C8B-B14F-4D97-AF65-F5344CB8AC3E}">
        <p14:creationId xmlns:p14="http://schemas.microsoft.com/office/powerpoint/2010/main" val="127116666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orklet = An icon or tile that provides quick access to frequently used tasks, reports, and information, acting as a customizable shortcut for specific business processes</a:t>
            </a:r>
          </a:p>
          <a:p>
            <a:r>
              <a:rPr lang="en-US" dirty="0"/>
              <a:t>Tenant = A dedicated instance of the Workday application for a single organization, acting as its unique secure environment for managing its own data and configurations. </a:t>
            </a:r>
          </a:p>
          <a:p>
            <a:r>
              <a:rPr lang="en-US" dirty="0"/>
              <a:t>Workday Company = specific type of Workday organization, typically representing a legal entity within the larger organization and serving as a primary unit for financial transactions and reporting</a:t>
            </a:r>
          </a:p>
        </p:txBody>
      </p:sp>
      <p:sp>
        <p:nvSpPr>
          <p:cNvPr id="4" name="Slide Number Placeholder 3"/>
          <p:cNvSpPr>
            <a:spLocks noGrp="1"/>
          </p:cNvSpPr>
          <p:nvPr>
            <p:ph type="sldNum" sz="quarter" idx="5"/>
          </p:nvPr>
        </p:nvSpPr>
        <p:spPr/>
        <p:txBody>
          <a:bodyPr/>
          <a:lstStyle/>
          <a:p>
            <a:fld id="{6A20B55C-7A11-4DF9-AB93-05C27B337415}" type="slidenum">
              <a:rPr lang="en-US" smtClean="0"/>
              <a:t>19</a:t>
            </a:fld>
            <a:endParaRPr lang="en-US"/>
          </a:p>
        </p:txBody>
      </p:sp>
    </p:spTree>
    <p:extLst>
      <p:ext uri="{BB962C8B-B14F-4D97-AF65-F5344CB8AC3E}">
        <p14:creationId xmlns:p14="http://schemas.microsoft.com/office/powerpoint/2010/main" val="61628142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dirty="0">
                <a:solidFill>
                  <a:schemeClr val="tx1"/>
                </a:solidFill>
              </a:rPr>
              <a:t>Note:</a:t>
            </a:r>
            <a:r>
              <a:rPr lang="en-US" sz="1200" dirty="0">
                <a:solidFill>
                  <a:schemeClr val="tx1"/>
                </a:solidFill>
              </a:rPr>
              <a:t> Illustrative screenshots included in this file do not represent USG’s Workday configuration or design. These screenshots are simply for use in giving a glimpse into the look and feel of Workday dashboards and reports. Understanding of Workday dashboards and reporting capabilities will grow over time with the core Unified ERP project team, and down the road with Institution Change Management Leads, advisory groups and subject matter experts as the software is designed and configured, and with testers supporting the User Experience Review phase of testing. Detailed training on Workday dashboards and reports for the broader USG community is targeted to be provided aligned with the project’s “just-in-time” user training philosophy before go-liv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chemeClr val="tx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chemeClr val="tx1"/>
                </a:solidFill>
              </a:rPr>
              <a:t>This series of slides show you how you can drill down into the data from the dashboard.</a:t>
            </a:r>
          </a:p>
          <a:p>
            <a:endParaRPr lang="en-US" dirty="0"/>
          </a:p>
        </p:txBody>
      </p:sp>
      <p:sp>
        <p:nvSpPr>
          <p:cNvPr id="4" name="Slide Number Placeholder 3"/>
          <p:cNvSpPr>
            <a:spLocks noGrp="1"/>
          </p:cNvSpPr>
          <p:nvPr>
            <p:ph type="sldNum" sz="quarter" idx="5"/>
          </p:nvPr>
        </p:nvSpPr>
        <p:spPr/>
        <p:txBody>
          <a:bodyPr/>
          <a:lstStyle/>
          <a:p>
            <a:fld id="{6A20B55C-7A11-4DF9-AB93-05C27B337415}" type="slidenum">
              <a:rPr lang="en-US" smtClean="0"/>
              <a:t>20</a:t>
            </a:fld>
            <a:endParaRPr lang="en-US"/>
          </a:p>
        </p:txBody>
      </p:sp>
    </p:spTree>
    <p:extLst>
      <p:ext uri="{BB962C8B-B14F-4D97-AF65-F5344CB8AC3E}">
        <p14:creationId xmlns:p14="http://schemas.microsoft.com/office/powerpoint/2010/main" val="121335973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D18E7F7-0710-592C-5F7B-4F8E4E382CB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D3028BB-86EC-2901-EEE8-202EFB38755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3A47CA1-CD64-7D0F-2BF7-042A9042AE55}"/>
              </a:ext>
            </a:extLst>
          </p:cNvPr>
          <p:cNvSpPr>
            <a:spLocks noGrp="1"/>
          </p:cNvSpPr>
          <p:nvPr>
            <p:ph type="body" idx="1"/>
          </p:nvPr>
        </p:nvSpPr>
        <p:spPr/>
        <p:txBody>
          <a:bodyPr/>
          <a:lstStyle/>
          <a:p>
            <a:r>
              <a:rPr lang="en-US" dirty="0"/>
              <a:t>Click in graph to pull up underlying data (names have been scrubbed)</a:t>
            </a:r>
          </a:p>
        </p:txBody>
      </p:sp>
      <p:sp>
        <p:nvSpPr>
          <p:cNvPr id="4" name="Slide Number Placeholder 3">
            <a:extLst>
              <a:ext uri="{FF2B5EF4-FFF2-40B4-BE49-F238E27FC236}">
                <a16:creationId xmlns:a16="http://schemas.microsoft.com/office/drawing/2014/main" id="{CD2A10FC-8146-BFA6-F2EE-0E2725A059DA}"/>
              </a:ext>
            </a:extLst>
          </p:cNvPr>
          <p:cNvSpPr>
            <a:spLocks noGrp="1"/>
          </p:cNvSpPr>
          <p:nvPr>
            <p:ph type="sldNum" sz="quarter" idx="5"/>
          </p:nvPr>
        </p:nvSpPr>
        <p:spPr/>
        <p:txBody>
          <a:bodyPr/>
          <a:lstStyle/>
          <a:p>
            <a:fld id="{6A20B55C-7A11-4DF9-AB93-05C27B337415}" type="slidenum">
              <a:rPr lang="en-US" smtClean="0"/>
              <a:t>21</a:t>
            </a:fld>
            <a:endParaRPr lang="en-US"/>
          </a:p>
        </p:txBody>
      </p:sp>
    </p:spTree>
    <p:extLst>
      <p:ext uri="{BB962C8B-B14F-4D97-AF65-F5344CB8AC3E}">
        <p14:creationId xmlns:p14="http://schemas.microsoft.com/office/powerpoint/2010/main" val="34489297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177650-78DD-5263-F5E1-C0CA827FB29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494C001-5CB0-4FC5-1051-CBFC10EC138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5A7CFF6-491C-B7F5-DBF5-17E83DA39098}"/>
              </a:ext>
            </a:extLst>
          </p:cNvPr>
          <p:cNvSpPr>
            <a:spLocks noGrp="1"/>
          </p:cNvSpPr>
          <p:nvPr>
            <p:ph type="body" idx="1"/>
          </p:nvPr>
        </p:nvSpPr>
        <p:spPr/>
        <p:txBody>
          <a:bodyPr/>
          <a:lstStyle/>
          <a:p>
            <a:r>
              <a:rPr lang="en-US" dirty="0"/>
              <a:t>View information by different filters, conditions, etc.</a:t>
            </a:r>
          </a:p>
        </p:txBody>
      </p:sp>
      <p:sp>
        <p:nvSpPr>
          <p:cNvPr id="4" name="Slide Number Placeholder 3">
            <a:extLst>
              <a:ext uri="{FF2B5EF4-FFF2-40B4-BE49-F238E27FC236}">
                <a16:creationId xmlns:a16="http://schemas.microsoft.com/office/drawing/2014/main" id="{F8A2ED04-8F11-8308-0074-9D5A9E5383BB}"/>
              </a:ext>
            </a:extLst>
          </p:cNvPr>
          <p:cNvSpPr>
            <a:spLocks noGrp="1"/>
          </p:cNvSpPr>
          <p:nvPr>
            <p:ph type="sldNum" sz="quarter" idx="5"/>
          </p:nvPr>
        </p:nvSpPr>
        <p:spPr/>
        <p:txBody>
          <a:bodyPr/>
          <a:lstStyle/>
          <a:p>
            <a:fld id="{6A20B55C-7A11-4DF9-AB93-05C27B337415}" type="slidenum">
              <a:rPr lang="en-US" smtClean="0"/>
              <a:t>22</a:t>
            </a:fld>
            <a:endParaRPr lang="en-US"/>
          </a:p>
        </p:txBody>
      </p:sp>
    </p:spTree>
    <p:extLst>
      <p:ext uri="{BB962C8B-B14F-4D97-AF65-F5344CB8AC3E}">
        <p14:creationId xmlns:p14="http://schemas.microsoft.com/office/powerpoint/2010/main" val="209358426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1F1ECFE-1C40-88B8-F7DB-349B3513D3D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3AC21CD-FFF4-72E8-BF0F-B6609DB8A09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7F01825-8B84-B038-12FF-A6F5569B6DB1}"/>
              </a:ext>
            </a:extLst>
          </p:cNvPr>
          <p:cNvSpPr>
            <a:spLocks noGrp="1"/>
          </p:cNvSpPr>
          <p:nvPr>
            <p:ph type="body" idx="1"/>
          </p:nvPr>
        </p:nvSpPr>
        <p:spPr/>
        <p:txBody>
          <a:bodyPr/>
          <a:lstStyle/>
          <a:p>
            <a:r>
              <a:rPr lang="en-US" dirty="0"/>
              <a:t>Example shows viewing by manager (of first position with greatest FTE), allowing viewers to drill down deep into the data</a:t>
            </a:r>
          </a:p>
        </p:txBody>
      </p:sp>
      <p:sp>
        <p:nvSpPr>
          <p:cNvPr id="4" name="Slide Number Placeholder 3">
            <a:extLst>
              <a:ext uri="{FF2B5EF4-FFF2-40B4-BE49-F238E27FC236}">
                <a16:creationId xmlns:a16="http://schemas.microsoft.com/office/drawing/2014/main" id="{A1FFB346-6D31-797A-E678-919F3ED53BEB}"/>
              </a:ext>
            </a:extLst>
          </p:cNvPr>
          <p:cNvSpPr>
            <a:spLocks noGrp="1"/>
          </p:cNvSpPr>
          <p:nvPr>
            <p:ph type="sldNum" sz="quarter" idx="5"/>
          </p:nvPr>
        </p:nvSpPr>
        <p:spPr/>
        <p:txBody>
          <a:bodyPr/>
          <a:lstStyle/>
          <a:p>
            <a:fld id="{6A20B55C-7A11-4DF9-AB93-05C27B337415}" type="slidenum">
              <a:rPr lang="en-US" smtClean="0"/>
              <a:t>23</a:t>
            </a:fld>
            <a:endParaRPr lang="en-US"/>
          </a:p>
        </p:txBody>
      </p:sp>
    </p:spTree>
    <p:extLst>
      <p:ext uri="{BB962C8B-B14F-4D97-AF65-F5344CB8AC3E}">
        <p14:creationId xmlns:p14="http://schemas.microsoft.com/office/powerpoint/2010/main" val="233182461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865F2C9E-36B1-478F-AD7B-D234EBA92DE2}" type="slidenum">
              <a:rPr lang="en-US" smtClean="0"/>
              <a:t>4</a:t>
            </a:fld>
            <a:endParaRPr lang="en-US"/>
          </a:p>
        </p:txBody>
      </p:sp>
    </p:spTree>
    <p:extLst>
      <p:ext uri="{BB962C8B-B14F-4D97-AF65-F5344CB8AC3E}">
        <p14:creationId xmlns:p14="http://schemas.microsoft.com/office/powerpoint/2010/main" val="259366698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s a unique stakeholder group, you may be engaged during design sessions and focus groups to gather insights.</a:t>
            </a:r>
          </a:p>
        </p:txBody>
      </p:sp>
      <p:sp>
        <p:nvSpPr>
          <p:cNvPr id="4" name="Slide Number Placeholder 3"/>
          <p:cNvSpPr>
            <a:spLocks noGrp="1"/>
          </p:cNvSpPr>
          <p:nvPr>
            <p:ph type="sldNum" sz="quarter" idx="5"/>
          </p:nvPr>
        </p:nvSpPr>
        <p:spPr/>
        <p:txBody>
          <a:bodyPr/>
          <a:lstStyle/>
          <a:p>
            <a:fld id="{6A20B55C-7A11-4DF9-AB93-05C27B337415}" type="slidenum">
              <a:rPr lang="en-US" smtClean="0"/>
              <a:t>24</a:t>
            </a:fld>
            <a:endParaRPr lang="en-US"/>
          </a:p>
        </p:txBody>
      </p:sp>
    </p:spTree>
    <p:extLst>
      <p:ext uri="{BB962C8B-B14F-4D97-AF65-F5344CB8AC3E}">
        <p14:creationId xmlns:p14="http://schemas.microsoft.com/office/powerpoint/2010/main" val="40901504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A20B55C-7A11-4DF9-AB93-05C27B337415}" type="slidenum">
              <a:rPr lang="en-US" smtClean="0"/>
              <a:t>25</a:t>
            </a:fld>
            <a:endParaRPr lang="en-US"/>
          </a:p>
        </p:txBody>
      </p:sp>
    </p:spTree>
    <p:extLst>
      <p:ext uri="{BB962C8B-B14F-4D97-AF65-F5344CB8AC3E}">
        <p14:creationId xmlns:p14="http://schemas.microsoft.com/office/powerpoint/2010/main" val="369293681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A20B55C-7A11-4DF9-AB93-05C27B337415}" type="slidenum">
              <a:rPr lang="en-US" smtClean="0"/>
              <a:t>26</a:t>
            </a:fld>
            <a:endParaRPr lang="en-US"/>
          </a:p>
        </p:txBody>
      </p:sp>
    </p:spTree>
    <p:extLst>
      <p:ext uri="{BB962C8B-B14F-4D97-AF65-F5344CB8AC3E}">
        <p14:creationId xmlns:p14="http://schemas.microsoft.com/office/powerpoint/2010/main" val="44862456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6A20B55C-7A11-4DF9-AB93-05C27B337415}" type="slidenum">
              <a:rPr lang="en-US" smtClean="0"/>
              <a:t>27</a:t>
            </a:fld>
            <a:endParaRPr lang="en-US"/>
          </a:p>
        </p:txBody>
      </p:sp>
    </p:spTree>
    <p:extLst>
      <p:ext uri="{BB962C8B-B14F-4D97-AF65-F5344CB8AC3E}">
        <p14:creationId xmlns:p14="http://schemas.microsoft.com/office/powerpoint/2010/main" val="356614676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rogram Management</a:t>
            </a:r>
          </a:p>
          <a:p>
            <a:r>
              <a:rPr lang="en-US" dirty="0"/>
              <a:t>Functional Setup of HCM / FIN Modules (include the list)</a:t>
            </a:r>
          </a:p>
          <a:p>
            <a:r>
              <a:rPr lang="en-US" dirty="0"/>
              <a:t>Technical setup of integrations, reports, security, WD Extend</a:t>
            </a:r>
          </a:p>
          <a:p>
            <a:r>
              <a:rPr lang="en-US" dirty="0"/>
              <a:t>Service Delivery &amp; Operations (Tech 2</a:t>
            </a:r>
          </a:p>
          <a:p>
            <a:r>
              <a:rPr lang="en-US" dirty="0"/>
              <a:t>Data Management</a:t>
            </a:r>
          </a:p>
        </p:txBody>
      </p:sp>
      <p:sp>
        <p:nvSpPr>
          <p:cNvPr id="4" name="Slide Number Placeholder 3"/>
          <p:cNvSpPr>
            <a:spLocks noGrp="1"/>
          </p:cNvSpPr>
          <p:nvPr>
            <p:ph type="sldNum" sz="quarter" idx="5"/>
          </p:nvPr>
        </p:nvSpPr>
        <p:spPr/>
        <p:txBody>
          <a:bodyPr/>
          <a:lstStyle/>
          <a:p>
            <a:fld id="{865F2C9E-36B1-478F-AD7B-D234EBA92DE2}" type="slidenum">
              <a:rPr lang="en-US" smtClean="0"/>
              <a:t>5</a:t>
            </a:fld>
            <a:endParaRPr lang="en-US"/>
          </a:p>
        </p:txBody>
      </p:sp>
    </p:spTree>
    <p:extLst>
      <p:ext uri="{BB962C8B-B14F-4D97-AF65-F5344CB8AC3E}">
        <p14:creationId xmlns:p14="http://schemas.microsoft.com/office/powerpoint/2010/main" val="300436559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F275EB3-F482-E893-459F-4C0D3D8E5BC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16DA11D-DAC1-1894-76B7-E0552E8D9AF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E3070D8-2870-DE5E-C4D0-BF655BB6B687}"/>
              </a:ext>
            </a:extLst>
          </p:cNvPr>
          <p:cNvSpPr>
            <a:spLocks noGrp="1"/>
          </p:cNvSpPr>
          <p:nvPr>
            <p:ph type="body" idx="1"/>
          </p:nvPr>
        </p:nvSpPr>
        <p:spPr/>
        <p:txBody>
          <a:bodyPr/>
          <a:lstStyle/>
          <a:p>
            <a:r>
              <a:rPr lang="en-US" dirty="0"/>
              <a:t>Program Management</a:t>
            </a:r>
          </a:p>
          <a:p>
            <a:r>
              <a:rPr lang="en-US" dirty="0"/>
              <a:t>Functional Setup of HCM / FIN Modules (include the list)</a:t>
            </a:r>
          </a:p>
          <a:p>
            <a:r>
              <a:rPr lang="en-US" dirty="0"/>
              <a:t>Technical setup of integrations, reports, security, WD Extend</a:t>
            </a:r>
          </a:p>
          <a:p>
            <a:r>
              <a:rPr lang="en-US" dirty="0"/>
              <a:t>Service Delivery &amp; Operations (Tech 2</a:t>
            </a:r>
          </a:p>
          <a:p>
            <a:r>
              <a:rPr lang="en-US" dirty="0"/>
              <a:t>Data Management</a:t>
            </a:r>
          </a:p>
        </p:txBody>
      </p:sp>
      <p:sp>
        <p:nvSpPr>
          <p:cNvPr id="4" name="Slide Number Placeholder 3">
            <a:extLst>
              <a:ext uri="{FF2B5EF4-FFF2-40B4-BE49-F238E27FC236}">
                <a16:creationId xmlns:a16="http://schemas.microsoft.com/office/drawing/2014/main" id="{2E0298E4-FBEF-5C28-DA61-DFE6E2884886}"/>
              </a:ext>
            </a:extLst>
          </p:cNvPr>
          <p:cNvSpPr>
            <a:spLocks noGrp="1"/>
          </p:cNvSpPr>
          <p:nvPr>
            <p:ph type="sldNum" sz="quarter" idx="5"/>
          </p:nvPr>
        </p:nvSpPr>
        <p:spPr/>
        <p:txBody>
          <a:bodyPr/>
          <a:lstStyle/>
          <a:p>
            <a:fld id="{865F2C9E-36B1-478F-AD7B-D234EBA92DE2}" type="slidenum">
              <a:rPr lang="en-US" smtClean="0"/>
              <a:t>6</a:t>
            </a:fld>
            <a:endParaRPr lang="en-US"/>
          </a:p>
        </p:txBody>
      </p:sp>
    </p:spTree>
    <p:extLst>
      <p:ext uri="{BB962C8B-B14F-4D97-AF65-F5344CB8AC3E}">
        <p14:creationId xmlns:p14="http://schemas.microsoft.com/office/powerpoint/2010/main" val="243773114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865F2C9E-36B1-478F-AD7B-D234EBA92DE2}" type="slidenum">
              <a:rPr lang="en-US" smtClean="0"/>
              <a:t>7</a:t>
            </a:fld>
            <a:endParaRPr lang="en-US"/>
          </a:p>
        </p:txBody>
      </p:sp>
    </p:spTree>
    <p:extLst>
      <p:ext uri="{BB962C8B-B14F-4D97-AF65-F5344CB8AC3E}">
        <p14:creationId xmlns:p14="http://schemas.microsoft.com/office/powerpoint/2010/main" val="276773954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ea typeface="Calibri"/>
                <a:cs typeface="Calibri"/>
              </a:rPr>
              <a:t>Business Suites have various workstreams with leads from USO, institutions, and Deloitte</a:t>
            </a:r>
          </a:p>
        </p:txBody>
      </p:sp>
      <p:sp>
        <p:nvSpPr>
          <p:cNvPr id="4" name="Slide Number Placeholder 3"/>
          <p:cNvSpPr>
            <a:spLocks noGrp="1"/>
          </p:cNvSpPr>
          <p:nvPr>
            <p:ph type="sldNum" sz="quarter" idx="5"/>
          </p:nvPr>
        </p:nvSpPr>
        <p:spPr/>
        <p:txBody>
          <a:bodyPr/>
          <a:lstStyle/>
          <a:p>
            <a:fld id="{865F2C9E-36B1-478F-AD7B-D234EBA92DE2}" type="slidenum">
              <a:rPr lang="en-US" smtClean="0"/>
              <a:t>8</a:t>
            </a:fld>
            <a:endParaRPr lang="en-US"/>
          </a:p>
        </p:txBody>
      </p:sp>
    </p:spTree>
    <p:extLst>
      <p:ext uri="{BB962C8B-B14F-4D97-AF65-F5344CB8AC3E}">
        <p14:creationId xmlns:p14="http://schemas.microsoft.com/office/powerpoint/2010/main" val="261646467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865F2C9E-36B1-478F-AD7B-D234EBA92DE2}" type="slidenum">
              <a:rPr lang="en-US" smtClean="0"/>
              <a:t>9</a:t>
            </a:fld>
            <a:endParaRPr lang="en-US"/>
          </a:p>
        </p:txBody>
      </p:sp>
    </p:spTree>
    <p:extLst>
      <p:ext uri="{BB962C8B-B14F-4D97-AF65-F5344CB8AC3E}">
        <p14:creationId xmlns:p14="http://schemas.microsoft.com/office/powerpoint/2010/main" val="199000977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wo of our program goals are: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a:t>Real-time consistent data for decision making and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a:t>Enhanced analytics and reporting,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dirty="0"/>
              <a:t>With a program intention of improving data analysis and reporting across the system</a:t>
            </a:r>
          </a:p>
          <a:p>
            <a:endParaRPr lang="en-US" dirty="0"/>
          </a:p>
        </p:txBody>
      </p:sp>
      <p:sp>
        <p:nvSpPr>
          <p:cNvPr id="4" name="Slide Number Placeholder 3"/>
          <p:cNvSpPr>
            <a:spLocks noGrp="1"/>
          </p:cNvSpPr>
          <p:nvPr>
            <p:ph type="sldNum" sz="quarter" idx="5"/>
          </p:nvPr>
        </p:nvSpPr>
        <p:spPr/>
        <p:txBody>
          <a:bodyPr/>
          <a:lstStyle/>
          <a:p>
            <a:fld id="{6A20B55C-7A11-4DF9-AB93-05C27B337415}" type="slidenum">
              <a:rPr lang="en-US" smtClean="0"/>
              <a:t>10</a:t>
            </a:fld>
            <a:endParaRPr lang="en-US"/>
          </a:p>
        </p:txBody>
      </p:sp>
    </p:spTree>
    <p:extLst>
      <p:ext uri="{BB962C8B-B14F-4D97-AF65-F5344CB8AC3E}">
        <p14:creationId xmlns:p14="http://schemas.microsoft.com/office/powerpoint/2010/main" val="236985563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reating Consolidated Reports for a single tenant with multiple companies</a:t>
            </a:r>
          </a:p>
          <a:p>
            <a:endParaRPr lang="en-US" dirty="0"/>
          </a:p>
          <a:p>
            <a:r>
              <a:rPr lang="en-US" dirty="0"/>
              <a:t>Multiple companies (institutions) can be configured within the same Workday tenant, and consolidated reporting is a standard feature built into the platform.</a:t>
            </a:r>
          </a:p>
          <a:p>
            <a:endParaRPr lang="en-US" dirty="0"/>
          </a:p>
          <a:p>
            <a:r>
              <a:rPr lang="en-US" dirty="0"/>
              <a:t>Key Workday features to achieve consolidated reporting:</a:t>
            </a:r>
          </a:p>
          <a:p>
            <a:r>
              <a:rPr lang="en-US" sz="1200" b="1" i="0" kern="1200" dirty="0">
                <a:solidFill>
                  <a:schemeClr val="tx1"/>
                </a:solidFill>
                <a:effectLst/>
                <a:latin typeface="+mn-lt"/>
                <a:ea typeface="+mn-ea"/>
                <a:cs typeface="+mn-cs"/>
              </a:rPr>
              <a:t>Composite reports</a:t>
            </a:r>
            <a:r>
              <a:rPr lang="en-US" sz="1200" b="0" i="0" kern="1200" dirty="0">
                <a:solidFill>
                  <a:schemeClr val="tx1"/>
                </a:solidFill>
                <a:effectLst/>
                <a:latin typeface="+mn-lt"/>
                <a:ea typeface="+mn-ea"/>
                <a:cs typeface="+mn-cs"/>
              </a:rPr>
              <a:t>: This advanced report type can combine data from multiple data sources, including existing matrix reports, into a single, comprehensive view. This is useful for combining data from different time periods or different business objects across your various companies.</a:t>
            </a:r>
          </a:p>
          <a:p>
            <a:r>
              <a:rPr lang="en-US" sz="1200" b="1" i="0" kern="1200" dirty="0">
                <a:solidFill>
                  <a:schemeClr val="tx1"/>
                </a:solidFill>
                <a:effectLst/>
                <a:latin typeface="+mn-lt"/>
                <a:ea typeface="+mn-ea"/>
                <a:cs typeface="+mn-cs"/>
              </a:rPr>
              <a:t>Financial Management for consolidation</a:t>
            </a:r>
            <a:r>
              <a:rPr lang="en-US" sz="1200" b="0" i="0" kern="1200" dirty="0">
                <a:solidFill>
                  <a:schemeClr val="tx1"/>
                </a:solidFill>
                <a:effectLst/>
                <a:latin typeface="+mn-lt"/>
                <a:ea typeface="+mn-ea"/>
                <a:cs typeface="+mn-cs"/>
              </a:rPr>
              <a:t>: Workday's Financial Management system includes built-in functionality to handle the financial close and consolidation process. This allows you to combine financial data from all your entities, such as subsidiaries and business units, into a unified, enterprise-wide financial view.</a:t>
            </a:r>
          </a:p>
          <a:p>
            <a:r>
              <a:rPr lang="en-US" sz="1200" b="1" i="0" kern="1200" dirty="0">
                <a:solidFill>
                  <a:schemeClr val="tx1"/>
                </a:solidFill>
                <a:effectLst/>
                <a:latin typeface="+mn-lt"/>
                <a:ea typeface="+mn-ea"/>
                <a:cs typeface="+mn-cs"/>
              </a:rPr>
              <a:t>Automated consolidation tasks</a:t>
            </a:r>
            <a:r>
              <a:rPr lang="en-US" sz="1200" b="0" i="0" kern="1200" dirty="0">
                <a:solidFill>
                  <a:schemeClr val="tx1"/>
                </a:solidFill>
                <a:effectLst/>
                <a:latin typeface="+mn-lt"/>
                <a:ea typeface="+mn-ea"/>
                <a:cs typeface="+mn-cs"/>
              </a:rPr>
              <a:t>: The platform automates many of the complex tasks involved in consolidation, such as currency translation, intercompany eliminations, and non-controlling interest calculations. This streamlines the process and ensures accuracy across all companies in the tenant.</a:t>
            </a:r>
          </a:p>
          <a:p>
            <a:r>
              <a:rPr lang="en-US" sz="1200" b="1" i="0" kern="1200" dirty="0">
                <a:solidFill>
                  <a:schemeClr val="tx1"/>
                </a:solidFill>
                <a:effectLst/>
                <a:latin typeface="+mn-lt"/>
                <a:ea typeface="+mn-ea"/>
                <a:cs typeface="+mn-cs"/>
              </a:rPr>
              <a:t>Multidimensional reporting</a:t>
            </a:r>
            <a:r>
              <a:rPr lang="en-US" sz="1200" b="0" i="0" kern="1200" dirty="0">
                <a:solidFill>
                  <a:schemeClr val="tx1"/>
                </a:solidFill>
                <a:effectLst/>
                <a:latin typeface="+mn-lt"/>
                <a:ea typeface="+mn-ea"/>
                <a:cs typeface="+mn-cs"/>
              </a:rPr>
              <a:t>: Workday's reporting is multidimensional, allowing you to easily drill down into consolidated data to view the underlying details for individual companies. This gives you deep insight and analysis from both a high-level and granular perspective.</a:t>
            </a:r>
          </a:p>
          <a:p>
            <a:r>
              <a:rPr lang="en-US" sz="1200" b="1" i="0" kern="1200" dirty="0">
                <a:solidFill>
                  <a:schemeClr val="tx1"/>
                </a:solidFill>
                <a:effectLst/>
                <a:latin typeface="+mn-lt"/>
                <a:ea typeface="+mn-ea"/>
                <a:cs typeface="+mn-cs"/>
              </a:rPr>
              <a:t>Single source of truth</a:t>
            </a:r>
            <a:r>
              <a:rPr lang="en-US" sz="1200" b="0" i="0" kern="1200" dirty="0">
                <a:solidFill>
                  <a:schemeClr val="tx1"/>
                </a:solidFill>
                <a:effectLst/>
                <a:latin typeface="+mn-lt"/>
                <a:ea typeface="+mn-ea"/>
                <a:cs typeface="+mn-cs"/>
              </a:rPr>
              <a:t>: Having all your data within a single tenant provides a unified source for reporting and analysis. This removes the risk of data silos that can occur when moving information between different systems, which ensures accuracy and consistency for all consolidated reports. </a:t>
            </a:r>
          </a:p>
          <a:p>
            <a:endParaRPr lang="en-US" dirty="0"/>
          </a:p>
        </p:txBody>
      </p:sp>
      <p:sp>
        <p:nvSpPr>
          <p:cNvPr id="4" name="Slide Number Placeholder 3"/>
          <p:cNvSpPr>
            <a:spLocks noGrp="1"/>
          </p:cNvSpPr>
          <p:nvPr>
            <p:ph type="sldNum" sz="quarter" idx="5"/>
          </p:nvPr>
        </p:nvSpPr>
        <p:spPr/>
        <p:txBody>
          <a:bodyPr/>
          <a:lstStyle/>
          <a:p>
            <a:fld id="{6A20B55C-7A11-4DF9-AB93-05C27B337415}" type="slidenum">
              <a:rPr lang="en-US" smtClean="0"/>
              <a:t>11</a:t>
            </a:fld>
            <a:endParaRPr lang="en-US"/>
          </a:p>
        </p:txBody>
      </p:sp>
    </p:spTree>
    <p:extLst>
      <p:ext uri="{BB962C8B-B14F-4D97-AF65-F5344CB8AC3E}">
        <p14:creationId xmlns:p14="http://schemas.microsoft.com/office/powerpoint/2010/main" val="20412684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8C416A-A5AB-14A7-73BB-D231C2D2595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96A9F1BF-CD5D-3357-E4B2-E8E4B175AB3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7AF2651E-7E2F-0581-EDC1-656A4F12D22C}"/>
              </a:ext>
            </a:extLst>
          </p:cNvPr>
          <p:cNvSpPr>
            <a:spLocks noGrp="1"/>
          </p:cNvSpPr>
          <p:nvPr>
            <p:ph type="dt" sz="half" idx="10"/>
          </p:nvPr>
        </p:nvSpPr>
        <p:spPr/>
        <p:txBody>
          <a:bodyPr/>
          <a:lstStyle/>
          <a:p>
            <a:fld id="{7E626C8E-5849-4481-9BEB-164ED460FEFC}" type="datetime1">
              <a:rPr lang="en-US" smtClean="0"/>
              <a:t>10/7/2025</a:t>
            </a:fld>
            <a:endParaRPr lang="en-US"/>
          </a:p>
        </p:txBody>
      </p:sp>
      <p:sp>
        <p:nvSpPr>
          <p:cNvPr id="5" name="Footer Placeholder 4">
            <a:extLst>
              <a:ext uri="{FF2B5EF4-FFF2-40B4-BE49-F238E27FC236}">
                <a16:creationId xmlns:a16="http://schemas.microsoft.com/office/drawing/2014/main" id="{CD86ABE0-2CBB-6F42-9991-DF2168FEFF2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3A6DDC8F-BA0D-F21E-4188-744E00E338AF}"/>
              </a:ext>
            </a:extLst>
          </p:cNvPr>
          <p:cNvSpPr>
            <a:spLocks noGrp="1"/>
          </p:cNvSpPr>
          <p:nvPr>
            <p:ph type="sldNum" sz="quarter" idx="12"/>
          </p:nvPr>
        </p:nvSpPr>
        <p:spPr/>
        <p:txBody>
          <a:bodyPr/>
          <a:lstStyle/>
          <a:p>
            <a:fld id="{FD0882FC-4526-4F55-8D94-153238F064C3}" type="slidenum">
              <a:rPr lang="en-US" smtClean="0"/>
              <a:t>‹#›</a:t>
            </a:fld>
            <a:endParaRPr lang="en-US"/>
          </a:p>
        </p:txBody>
      </p:sp>
      <p:grpSp>
        <p:nvGrpSpPr>
          <p:cNvPr id="8" name="Group 7">
            <a:extLst>
              <a:ext uri="{FF2B5EF4-FFF2-40B4-BE49-F238E27FC236}">
                <a16:creationId xmlns:a16="http://schemas.microsoft.com/office/drawing/2014/main" id="{58ABC49B-12E3-93F2-CBFF-6921269F85F6}"/>
              </a:ext>
            </a:extLst>
          </p:cNvPr>
          <p:cNvGrpSpPr/>
          <p:nvPr userDrawn="1"/>
        </p:nvGrpSpPr>
        <p:grpSpPr>
          <a:xfrm>
            <a:off x="0" y="0"/>
            <a:ext cx="12192000" cy="802257"/>
            <a:chOff x="0" y="0"/>
            <a:chExt cx="12192000" cy="802257"/>
          </a:xfrm>
        </p:grpSpPr>
        <p:sp>
          <p:nvSpPr>
            <p:cNvPr id="7" name="Rectangle 6">
              <a:extLst>
                <a:ext uri="{FF2B5EF4-FFF2-40B4-BE49-F238E27FC236}">
                  <a16:creationId xmlns:a16="http://schemas.microsoft.com/office/drawing/2014/main" id="{0227191E-0000-7160-C425-3F36AC620CF7}"/>
                </a:ext>
              </a:extLst>
            </p:cNvPr>
            <p:cNvSpPr/>
            <p:nvPr userDrawn="1"/>
          </p:nvSpPr>
          <p:spPr>
            <a:xfrm>
              <a:off x="0" y="0"/>
              <a:ext cx="12192000" cy="802257"/>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l"/>
              <a:r>
                <a:rPr lang="en-US" sz="2800" b="1" dirty="0">
                  <a:latin typeface="+mj-lt"/>
                </a:rPr>
                <a:t>  Unified ERP Program</a:t>
              </a:r>
            </a:p>
          </p:txBody>
        </p:sp>
        <p:pic>
          <p:nvPicPr>
            <p:cNvPr id="10" name="Picture 9">
              <a:extLst>
                <a:ext uri="{FF2B5EF4-FFF2-40B4-BE49-F238E27FC236}">
                  <a16:creationId xmlns:a16="http://schemas.microsoft.com/office/drawing/2014/main" id="{8CA936A9-B1EF-8CA1-FF06-9DF4A19B26D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860722" y="52195"/>
              <a:ext cx="986155" cy="697865"/>
            </a:xfrm>
            <a:prstGeom prst="rect">
              <a:avLst/>
            </a:prstGeom>
          </p:spPr>
        </p:pic>
      </p:grpSp>
    </p:spTree>
    <p:extLst>
      <p:ext uri="{BB962C8B-B14F-4D97-AF65-F5344CB8AC3E}">
        <p14:creationId xmlns:p14="http://schemas.microsoft.com/office/powerpoint/2010/main" val="300193688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6D05AC-0BFA-6205-9DF3-842E9A5694C4}"/>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F54563EA-3930-6976-3556-0CDB564E7CF1}"/>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4D68BB10-CDFD-A0AB-678F-2FE60FD2DCC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B3B61AD-1F95-A2C1-A83C-3B0B274EBB20}"/>
              </a:ext>
            </a:extLst>
          </p:cNvPr>
          <p:cNvSpPr>
            <a:spLocks noGrp="1"/>
          </p:cNvSpPr>
          <p:nvPr>
            <p:ph type="dt" sz="half" idx="10"/>
          </p:nvPr>
        </p:nvSpPr>
        <p:spPr/>
        <p:txBody>
          <a:bodyPr/>
          <a:lstStyle/>
          <a:p>
            <a:fld id="{C4152A6D-83C1-4381-AF77-84A42A9F47E6}" type="datetime1">
              <a:rPr lang="en-US" smtClean="0"/>
              <a:t>10/7/2025</a:t>
            </a:fld>
            <a:endParaRPr lang="en-US"/>
          </a:p>
        </p:txBody>
      </p:sp>
      <p:sp>
        <p:nvSpPr>
          <p:cNvPr id="6" name="Footer Placeholder 5">
            <a:extLst>
              <a:ext uri="{FF2B5EF4-FFF2-40B4-BE49-F238E27FC236}">
                <a16:creationId xmlns:a16="http://schemas.microsoft.com/office/drawing/2014/main" id="{38EA79D2-9ACE-5F7B-48F1-682268459C7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427E73D-EF10-E155-CD95-527933A270E4}"/>
              </a:ext>
            </a:extLst>
          </p:cNvPr>
          <p:cNvSpPr>
            <a:spLocks noGrp="1"/>
          </p:cNvSpPr>
          <p:nvPr>
            <p:ph type="sldNum" sz="quarter" idx="12"/>
          </p:nvPr>
        </p:nvSpPr>
        <p:spPr/>
        <p:txBody>
          <a:bodyPr/>
          <a:lstStyle/>
          <a:p>
            <a:fld id="{FD0882FC-4526-4F55-8D94-153238F064C3}" type="slidenum">
              <a:rPr lang="en-US" smtClean="0"/>
              <a:t>‹#›</a:t>
            </a:fld>
            <a:endParaRPr lang="en-US"/>
          </a:p>
        </p:txBody>
      </p:sp>
      <p:sp>
        <p:nvSpPr>
          <p:cNvPr id="8" name="Rectangle 7">
            <a:extLst>
              <a:ext uri="{FF2B5EF4-FFF2-40B4-BE49-F238E27FC236}">
                <a16:creationId xmlns:a16="http://schemas.microsoft.com/office/drawing/2014/main" id="{CDC7FFA9-6E8F-C5D9-9AF5-0190A0A24109}"/>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9" name="Slide Number Placeholder 5">
            <a:extLst>
              <a:ext uri="{FF2B5EF4-FFF2-40B4-BE49-F238E27FC236}">
                <a16:creationId xmlns:a16="http://schemas.microsoft.com/office/drawing/2014/main" id="{925FF429-8DC8-B264-F204-625CFC02495C}"/>
              </a:ext>
            </a:extLst>
          </p:cNvPr>
          <p:cNvSpPr txBox="1">
            <a:spLocks/>
          </p:cNvSpPr>
          <p:nvPr userDrawn="1"/>
        </p:nvSpPr>
        <p:spPr>
          <a:xfrm>
            <a:off x="8924544" y="6492240"/>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D0882FC-4526-4F55-8D94-153238F064C3}" type="slidenum">
              <a:rPr lang="en-US" smtClean="0"/>
              <a:pPr/>
              <a:t>‹#›</a:t>
            </a:fld>
            <a:endParaRPr lang="en-US"/>
          </a:p>
        </p:txBody>
      </p:sp>
    </p:spTree>
    <p:extLst>
      <p:ext uri="{BB962C8B-B14F-4D97-AF65-F5344CB8AC3E}">
        <p14:creationId xmlns:p14="http://schemas.microsoft.com/office/powerpoint/2010/main" val="297884526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03A19DC-6A64-8DC4-DC59-3DF20E916CD0}"/>
              </a:ext>
            </a:extLst>
          </p:cNvPr>
          <p:cNvSpPr>
            <a:spLocks noGrp="1"/>
          </p:cNvSpPr>
          <p:nvPr>
            <p:ph type="title"/>
          </p:nvPr>
        </p:nvSpPr>
        <p:spPr>
          <a:xfrm>
            <a:off x="219456" y="155448"/>
            <a:ext cx="10515600" cy="1124712"/>
          </a:xfrm>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1BA922A3-2553-659C-2C44-77A58DFA0768}"/>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E5569AF-3500-7376-C7BC-B4791E069412}"/>
              </a:ext>
            </a:extLst>
          </p:cNvPr>
          <p:cNvSpPr>
            <a:spLocks noGrp="1"/>
          </p:cNvSpPr>
          <p:nvPr>
            <p:ph type="dt" sz="half" idx="10"/>
          </p:nvPr>
        </p:nvSpPr>
        <p:spPr/>
        <p:txBody>
          <a:bodyPr/>
          <a:lstStyle/>
          <a:p>
            <a:fld id="{5C036814-0955-427D-962A-25F3943B2D6D}" type="datetime1">
              <a:rPr lang="en-US" smtClean="0"/>
              <a:t>10/7/2025</a:t>
            </a:fld>
            <a:endParaRPr lang="en-US"/>
          </a:p>
        </p:txBody>
      </p:sp>
      <p:sp>
        <p:nvSpPr>
          <p:cNvPr id="5" name="Footer Placeholder 4">
            <a:extLst>
              <a:ext uri="{FF2B5EF4-FFF2-40B4-BE49-F238E27FC236}">
                <a16:creationId xmlns:a16="http://schemas.microsoft.com/office/drawing/2014/main" id="{32D0CD88-FAA3-4B9A-928F-B2D31A4E50C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7CD31B0-72B8-9C43-6910-DCC5037DA2C8}"/>
              </a:ext>
            </a:extLst>
          </p:cNvPr>
          <p:cNvSpPr>
            <a:spLocks noGrp="1"/>
          </p:cNvSpPr>
          <p:nvPr>
            <p:ph type="sldNum" sz="quarter" idx="12"/>
          </p:nvPr>
        </p:nvSpPr>
        <p:spPr/>
        <p:txBody>
          <a:bodyPr/>
          <a:lstStyle/>
          <a:p>
            <a:fld id="{FD0882FC-4526-4F55-8D94-153238F064C3}" type="slidenum">
              <a:rPr lang="en-US" smtClean="0"/>
              <a:t>‹#›</a:t>
            </a:fld>
            <a:endParaRPr lang="en-US"/>
          </a:p>
        </p:txBody>
      </p:sp>
      <p:sp>
        <p:nvSpPr>
          <p:cNvPr id="7" name="Rectangle 6">
            <a:extLst>
              <a:ext uri="{FF2B5EF4-FFF2-40B4-BE49-F238E27FC236}">
                <a16:creationId xmlns:a16="http://schemas.microsoft.com/office/drawing/2014/main" id="{A06BF353-066C-7151-1343-17A1A3D2F48F}"/>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8" name="Slide Number Placeholder 5">
            <a:extLst>
              <a:ext uri="{FF2B5EF4-FFF2-40B4-BE49-F238E27FC236}">
                <a16:creationId xmlns:a16="http://schemas.microsoft.com/office/drawing/2014/main" id="{66FAD196-1DE3-FBF2-1F1A-95A5A0B3E777}"/>
              </a:ext>
            </a:extLst>
          </p:cNvPr>
          <p:cNvSpPr txBox="1">
            <a:spLocks/>
          </p:cNvSpPr>
          <p:nvPr userDrawn="1"/>
        </p:nvSpPr>
        <p:spPr>
          <a:xfrm>
            <a:off x="8924544" y="6492240"/>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D0882FC-4526-4F55-8D94-153238F064C3}" type="slidenum">
              <a:rPr lang="en-US" smtClean="0"/>
              <a:pPr/>
              <a:t>‹#›</a:t>
            </a:fld>
            <a:endParaRPr lang="en-US"/>
          </a:p>
        </p:txBody>
      </p:sp>
    </p:spTree>
    <p:extLst>
      <p:ext uri="{BB962C8B-B14F-4D97-AF65-F5344CB8AC3E}">
        <p14:creationId xmlns:p14="http://schemas.microsoft.com/office/powerpoint/2010/main" val="274744771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2797D440-BD7F-E228-72E8-11C39D74913C}"/>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3E529CBD-77B4-C0DF-258A-0B805DD59573}"/>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BE809EC9-DA21-FD08-3EB1-040DD2B154B8}"/>
              </a:ext>
            </a:extLst>
          </p:cNvPr>
          <p:cNvSpPr>
            <a:spLocks noGrp="1"/>
          </p:cNvSpPr>
          <p:nvPr>
            <p:ph type="dt" sz="half" idx="10"/>
          </p:nvPr>
        </p:nvSpPr>
        <p:spPr/>
        <p:txBody>
          <a:bodyPr/>
          <a:lstStyle/>
          <a:p>
            <a:fld id="{BAD82688-1D43-46C9-A21E-25AEEADE45C9}" type="datetime1">
              <a:rPr lang="en-US" smtClean="0"/>
              <a:t>10/7/2025</a:t>
            </a:fld>
            <a:endParaRPr lang="en-US"/>
          </a:p>
        </p:txBody>
      </p:sp>
      <p:sp>
        <p:nvSpPr>
          <p:cNvPr id="5" name="Footer Placeholder 4">
            <a:extLst>
              <a:ext uri="{FF2B5EF4-FFF2-40B4-BE49-F238E27FC236}">
                <a16:creationId xmlns:a16="http://schemas.microsoft.com/office/drawing/2014/main" id="{BCA94D55-4E25-953D-7295-3EEC4226FDE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E06154F-6B28-DDE9-944D-650D548AD40C}"/>
              </a:ext>
            </a:extLst>
          </p:cNvPr>
          <p:cNvSpPr>
            <a:spLocks noGrp="1"/>
          </p:cNvSpPr>
          <p:nvPr>
            <p:ph type="sldNum" sz="quarter" idx="12"/>
          </p:nvPr>
        </p:nvSpPr>
        <p:spPr/>
        <p:txBody>
          <a:bodyPr/>
          <a:lstStyle/>
          <a:p>
            <a:fld id="{FD0882FC-4526-4F55-8D94-153238F064C3}" type="slidenum">
              <a:rPr lang="en-US" smtClean="0"/>
              <a:t>‹#›</a:t>
            </a:fld>
            <a:endParaRPr lang="en-US"/>
          </a:p>
        </p:txBody>
      </p:sp>
      <p:sp>
        <p:nvSpPr>
          <p:cNvPr id="7" name="Rectangle 6">
            <a:extLst>
              <a:ext uri="{FF2B5EF4-FFF2-40B4-BE49-F238E27FC236}">
                <a16:creationId xmlns:a16="http://schemas.microsoft.com/office/drawing/2014/main" id="{4AA78BCE-3F05-929C-B923-858B7F991B5A}"/>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8" name="Slide Number Placeholder 5">
            <a:extLst>
              <a:ext uri="{FF2B5EF4-FFF2-40B4-BE49-F238E27FC236}">
                <a16:creationId xmlns:a16="http://schemas.microsoft.com/office/drawing/2014/main" id="{BBC94E9F-92FC-D284-0887-01320C221545}"/>
              </a:ext>
            </a:extLst>
          </p:cNvPr>
          <p:cNvSpPr txBox="1">
            <a:spLocks/>
          </p:cNvSpPr>
          <p:nvPr userDrawn="1"/>
        </p:nvSpPr>
        <p:spPr>
          <a:xfrm>
            <a:off x="8924544" y="6492240"/>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D0882FC-4526-4F55-8D94-153238F064C3}" type="slidenum">
              <a:rPr lang="en-US" smtClean="0"/>
              <a:pPr/>
              <a:t>‹#›</a:t>
            </a:fld>
            <a:endParaRPr lang="en-US"/>
          </a:p>
        </p:txBody>
      </p:sp>
    </p:spTree>
    <p:extLst>
      <p:ext uri="{BB962C8B-B14F-4D97-AF65-F5344CB8AC3E}">
        <p14:creationId xmlns:p14="http://schemas.microsoft.com/office/powerpoint/2010/main" val="184282362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AABCEB-B449-B57D-9D03-CFF3177D311C}"/>
              </a:ext>
            </a:extLst>
          </p:cNvPr>
          <p:cNvSpPr>
            <a:spLocks noGrp="1"/>
          </p:cNvSpPr>
          <p:nvPr>
            <p:ph type="title"/>
          </p:nvPr>
        </p:nvSpPr>
        <p:spPr>
          <a:xfrm>
            <a:off x="292608" y="246888"/>
            <a:ext cx="10515600" cy="1123651"/>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1FACFAD5-D67D-AB7A-435C-09EE767F1108}"/>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Rectangle 7">
            <a:extLst>
              <a:ext uri="{FF2B5EF4-FFF2-40B4-BE49-F238E27FC236}">
                <a16:creationId xmlns:a16="http://schemas.microsoft.com/office/drawing/2014/main" id="{97FB3E66-6006-D3EA-B361-C667BBF2F6D2}"/>
              </a:ext>
            </a:extLst>
          </p:cNvPr>
          <p:cNvSpPr/>
          <p:nvPr/>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a:latin typeface="+mj-lt"/>
              </a:rPr>
              <a:t>  </a:t>
            </a:r>
            <a:r>
              <a:rPr lang="en-US" sz="2000" b="1">
                <a:latin typeface="+mj-lt"/>
              </a:rPr>
              <a:t>Unified ERP Program</a:t>
            </a:r>
            <a:endParaRPr lang="en-US" sz="2800" b="1">
              <a:latin typeface="+mj-lt"/>
            </a:endParaRPr>
          </a:p>
        </p:txBody>
      </p:sp>
      <p:sp>
        <p:nvSpPr>
          <p:cNvPr id="10" name="Slide Number Placeholder 5">
            <a:extLst>
              <a:ext uri="{FF2B5EF4-FFF2-40B4-BE49-F238E27FC236}">
                <a16:creationId xmlns:a16="http://schemas.microsoft.com/office/drawing/2014/main" id="{1AB7F0BD-B473-3917-4BDD-EC04EBFAD2A3}"/>
              </a:ext>
            </a:extLst>
          </p:cNvPr>
          <p:cNvSpPr>
            <a:spLocks noGrp="1"/>
          </p:cNvSpPr>
          <p:nvPr>
            <p:ph type="sldNum" sz="quarter" idx="12"/>
          </p:nvPr>
        </p:nvSpPr>
        <p:spPr>
          <a:xfrm>
            <a:off x="8920377" y="6492875"/>
            <a:ext cx="2743200" cy="365125"/>
          </a:xfrm>
        </p:spPr>
        <p:txBody>
          <a:bodyPr/>
          <a:lstStyle>
            <a:lvl1pPr>
              <a:defRPr>
                <a:solidFill>
                  <a:schemeClr val="bg1"/>
                </a:solidFill>
              </a:defRPr>
            </a:lvl1pPr>
          </a:lstStyle>
          <a:p>
            <a:fld id="{4DEC2A35-A0DE-479D-A364-465892DED2AC}" type="slidenum">
              <a:rPr lang="en-US" smtClean="0"/>
              <a:t>‹#›</a:t>
            </a:fld>
            <a:endParaRPr lang="en-US"/>
          </a:p>
        </p:txBody>
      </p:sp>
      <p:pic>
        <p:nvPicPr>
          <p:cNvPr id="12" name="Picture 11" descr="A blue text on a black background&#10;&#10;Description automatically generated">
            <a:extLst>
              <a:ext uri="{FF2B5EF4-FFF2-40B4-BE49-F238E27FC236}">
                <a16:creationId xmlns:a16="http://schemas.microsoft.com/office/drawing/2014/main" id="{69B28FF5-C85D-B279-CF9F-6F275D1B5015}"/>
              </a:ext>
            </a:extLst>
          </p:cNvPr>
          <p:cNvPicPr>
            <a:picLocks noChangeAspect="1"/>
          </p:cNvPicPr>
          <p:nvPr/>
        </p:nvPicPr>
        <p:blipFill rotWithShape="1">
          <a:blip r:embed="rId2">
            <a:extLst>
              <a:ext uri="{28A0092B-C50C-407E-A947-70E740481C1C}">
                <a14:useLocalDpi xmlns:a14="http://schemas.microsoft.com/office/drawing/2010/main" val="0"/>
              </a:ext>
            </a:extLst>
          </a:blip>
          <a:srcRect b="21017"/>
          <a:stretch/>
        </p:blipFill>
        <p:spPr>
          <a:xfrm>
            <a:off x="11126367" y="74839"/>
            <a:ext cx="984506" cy="772780"/>
          </a:xfrm>
          <a:prstGeom prst="rect">
            <a:avLst/>
          </a:prstGeom>
        </p:spPr>
      </p:pic>
      <p:sp>
        <p:nvSpPr>
          <p:cNvPr id="13" name="Date Placeholder 12">
            <a:extLst>
              <a:ext uri="{FF2B5EF4-FFF2-40B4-BE49-F238E27FC236}">
                <a16:creationId xmlns:a16="http://schemas.microsoft.com/office/drawing/2014/main" id="{53BD135F-5418-E50C-D379-71664207B02B}"/>
              </a:ext>
            </a:extLst>
          </p:cNvPr>
          <p:cNvSpPr>
            <a:spLocks noGrp="1"/>
          </p:cNvSpPr>
          <p:nvPr>
            <p:ph type="dt" sz="half" idx="13"/>
          </p:nvPr>
        </p:nvSpPr>
        <p:spPr/>
        <p:txBody>
          <a:bodyPr/>
          <a:lstStyle/>
          <a:p>
            <a:fld id="{D18E5B50-5EE7-4274-A9C4-292CE412EC5E}" type="datetimeFigureOut">
              <a:rPr lang="en-US" smtClean="0"/>
              <a:t>10/7/2025</a:t>
            </a:fld>
            <a:endParaRPr lang="en-US"/>
          </a:p>
        </p:txBody>
      </p:sp>
      <p:sp>
        <p:nvSpPr>
          <p:cNvPr id="14" name="Footer Placeholder 13">
            <a:extLst>
              <a:ext uri="{FF2B5EF4-FFF2-40B4-BE49-F238E27FC236}">
                <a16:creationId xmlns:a16="http://schemas.microsoft.com/office/drawing/2014/main" id="{6A5FC877-693D-64DB-22FD-C50EB8FD529D}"/>
              </a:ext>
            </a:extLst>
          </p:cNvPr>
          <p:cNvSpPr>
            <a:spLocks noGrp="1"/>
          </p:cNvSpPr>
          <p:nvPr>
            <p:ph type="ftr" sz="quarter" idx="14"/>
          </p:nvPr>
        </p:nvSpPr>
        <p:spPr/>
        <p:txBody>
          <a:bodyPr/>
          <a:lstStyle/>
          <a:p>
            <a:endParaRPr lang="en-US"/>
          </a:p>
        </p:txBody>
      </p:sp>
    </p:spTree>
    <p:extLst>
      <p:ext uri="{BB962C8B-B14F-4D97-AF65-F5344CB8AC3E}">
        <p14:creationId xmlns:p14="http://schemas.microsoft.com/office/powerpoint/2010/main" val="111479595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AABCEB-B449-B57D-9D03-CFF3177D311C}"/>
              </a:ext>
            </a:extLst>
          </p:cNvPr>
          <p:cNvSpPr>
            <a:spLocks noGrp="1"/>
          </p:cNvSpPr>
          <p:nvPr>
            <p:ph type="title"/>
          </p:nvPr>
        </p:nvSpPr>
        <p:spPr>
          <a:xfrm>
            <a:off x="292608" y="246888"/>
            <a:ext cx="10515600" cy="1123651"/>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1FACFAD5-D67D-AB7A-435C-09EE767F1108}"/>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Rectangle 7">
            <a:extLst>
              <a:ext uri="{FF2B5EF4-FFF2-40B4-BE49-F238E27FC236}">
                <a16:creationId xmlns:a16="http://schemas.microsoft.com/office/drawing/2014/main" id="{97FB3E66-6006-D3EA-B361-C667BBF2F6D2}"/>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10" name="Slide Number Placeholder 5">
            <a:extLst>
              <a:ext uri="{FF2B5EF4-FFF2-40B4-BE49-F238E27FC236}">
                <a16:creationId xmlns:a16="http://schemas.microsoft.com/office/drawing/2014/main" id="{1AB7F0BD-B473-3917-4BDD-EC04EBFAD2A3}"/>
              </a:ext>
            </a:extLst>
          </p:cNvPr>
          <p:cNvSpPr>
            <a:spLocks noGrp="1"/>
          </p:cNvSpPr>
          <p:nvPr>
            <p:ph type="sldNum" sz="quarter" idx="12"/>
          </p:nvPr>
        </p:nvSpPr>
        <p:spPr>
          <a:xfrm>
            <a:off x="8920377" y="6492875"/>
            <a:ext cx="2743200" cy="365125"/>
          </a:xfrm>
        </p:spPr>
        <p:txBody>
          <a:bodyPr/>
          <a:lstStyle>
            <a:lvl1pPr>
              <a:defRPr>
                <a:solidFill>
                  <a:schemeClr val="bg1"/>
                </a:solidFill>
              </a:defRPr>
            </a:lvl1pPr>
          </a:lstStyle>
          <a:p>
            <a:fld id="{FD0882FC-4526-4F55-8D94-153238F064C3}" type="slidenum">
              <a:rPr lang="en-US" smtClean="0"/>
              <a:pPr/>
              <a:t>‹#›</a:t>
            </a:fld>
            <a:endParaRPr lang="en-US"/>
          </a:p>
        </p:txBody>
      </p:sp>
      <p:pic>
        <p:nvPicPr>
          <p:cNvPr id="12" name="Picture 11" descr="A blue text on a black background&#10;&#10;Description automatically generated">
            <a:extLst>
              <a:ext uri="{FF2B5EF4-FFF2-40B4-BE49-F238E27FC236}">
                <a16:creationId xmlns:a16="http://schemas.microsoft.com/office/drawing/2014/main" id="{69B28FF5-C85D-B279-CF9F-6F275D1B5015}"/>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b="21017"/>
          <a:stretch/>
        </p:blipFill>
        <p:spPr>
          <a:xfrm>
            <a:off x="11126367" y="74839"/>
            <a:ext cx="984506" cy="772780"/>
          </a:xfrm>
          <a:prstGeom prst="rect">
            <a:avLst/>
          </a:prstGeom>
        </p:spPr>
      </p:pic>
      <p:sp>
        <p:nvSpPr>
          <p:cNvPr id="13" name="Date Placeholder 12">
            <a:extLst>
              <a:ext uri="{FF2B5EF4-FFF2-40B4-BE49-F238E27FC236}">
                <a16:creationId xmlns:a16="http://schemas.microsoft.com/office/drawing/2014/main" id="{53BD135F-5418-E50C-D379-71664207B02B}"/>
              </a:ext>
            </a:extLst>
          </p:cNvPr>
          <p:cNvSpPr>
            <a:spLocks noGrp="1"/>
          </p:cNvSpPr>
          <p:nvPr>
            <p:ph type="dt" sz="half" idx="13"/>
          </p:nvPr>
        </p:nvSpPr>
        <p:spPr/>
        <p:txBody>
          <a:bodyPr/>
          <a:lstStyle/>
          <a:p>
            <a:fld id="{41492C46-3EE6-4A39-86A4-C649B0B8072C}" type="datetime1">
              <a:rPr lang="en-US" smtClean="0"/>
              <a:t>10/7/2025</a:t>
            </a:fld>
            <a:endParaRPr lang="en-US"/>
          </a:p>
        </p:txBody>
      </p:sp>
      <p:sp>
        <p:nvSpPr>
          <p:cNvPr id="14" name="Footer Placeholder 13">
            <a:extLst>
              <a:ext uri="{FF2B5EF4-FFF2-40B4-BE49-F238E27FC236}">
                <a16:creationId xmlns:a16="http://schemas.microsoft.com/office/drawing/2014/main" id="{6A5FC877-693D-64DB-22FD-C50EB8FD529D}"/>
              </a:ext>
            </a:extLst>
          </p:cNvPr>
          <p:cNvSpPr>
            <a:spLocks noGrp="1"/>
          </p:cNvSpPr>
          <p:nvPr>
            <p:ph type="ftr" sz="quarter" idx="14"/>
          </p:nvPr>
        </p:nvSpPr>
        <p:spPr/>
        <p:txBody>
          <a:bodyPr/>
          <a:lstStyle/>
          <a:p>
            <a:endParaRPr lang="en-US"/>
          </a:p>
        </p:txBody>
      </p:sp>
    </p:spTree>
    <p:extLst>
      <p:ext uri="{BB962C8B-B14F-4D97-AF65-F5344CB8AC3E}">
        <p14:creationId xmlns:p14="http://schemas.microsoft.com/office/powerpoint/2010/main" val="300999744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CB7003-627F-B992-17B1-1CB141BB9921}"/>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3130BB82-714E-1F8F-5745-EB678D1BF0D9}"/>
              </a:ext>
            </a:extLst>
          </p:cNvPr>
          <p:cNvSpPr>
            <a:spLocks noGrp="1"/>
          </p:cNvSpPr>
          <p:nvPr>
            <p:ph type="body" idx="1"/>
          </p:nvPr>
        </p:nvSpPr>
        <p:spPr>
          <a:xfrm>
            <a:off x="831850" y="4589463"/>
            <a:ext cx="10515600" cy="1500187"/>
          </a:xfrm>
        </p:spPr>
        <p:txBody>
          <a:bodyPr/>
          <a:lstStyle>
            <a:lvl1pPr marL="0" indent="0">
              <a:buNone/>
              <a:defRPr sz="2400">
                <a:solidFill>
                  <a:schemeClr val="tx1">
                    <a:tint val="82000"/>
                  </a:schemeClr>
                </a:solidFill>
              </a:defRPr>
            </a:lvl1pPr>
            <a:lvl2pPr marL="457200" indent="0">
              <a:buNone/>
              <a:defRPr sz="2000">
                <a:solidFill>
                  <a:schemeClr val="tx1">
                    <a:tint val="82000"/>
                  </a:schemeClr>
                </a:solidFill>
              </a:defRPr>
            </a:lvl2pPr>
            <a:lvl3pPr marL="914400" indent="0">
              <a:buNone/>
              <a:defRPr sz="1800">
                <a:solidFill>
                  <a:schemeClr val="tx1">
                    <a:tint val="82000"/>
                  </a:schemeClr>
                </a:solidFill>
              </a:defRPr>
            </a:lvl3pPr>
            <a:lvl4pPr marL="1371600" indent="0">
              <a:buNone/>
              <a:defRPr sz="1600">
                <a:solidFill>
                  <a:schemeClr val="tx1">
                    <a:tint val="82000"/>
                  </a:schemeClr>
                </a:solidFill>
              </a:defRPr>
            </a:lvl4pPr>
            <a:lvl5pPr marL="1828800" indent="0">
              <a:buNone/>
              <a:defRPr sz="1600">
                <a:solidFill>
                  <a:schemeClr val="tx1">
                    <a:tint val="82000"/>
                  </a:schemeClr>
                </a:solidFill>
              </a:defRPr>
            </a:lvl5pPr>
            <a:lvl6pPr marL="2286000" indent="0">
              <a:buNone/>
              <a:defRPr sz="1600">
                <a:solidFill>
                  <a:schemeClr val="tx1">
                    <a:tint val="82000"/>
                  </a:schemeClr>
                </a:solidFill>
              </a:defRPr>
            </a:lvl6pPr>
            <a:lvl7pPr marL="2743200" indent="0">
              <a:buNone/>
              <a:defRPr sz="1600">
                <a:solidFill>
                  <a:schemeClr val="tx1">
                    <a:tint val="82000"/>
                  </a:schemeClr>
                </a:solidFill>
              </a:defRPr>
            </a:lvl7pPr>
            <a:lvl8pPr marL="3200400" indent="0">
              <a:buNone/>
              <a:defRPr sz="1600">
                <a:solidFill>
                  <a:schemeClr val="tx1">
                    <a:tint val="82000"/>
                  </a:schemeClr>
                </a:solidFill>
              </a:defRPr>
            </a:lvl8pPr>
            <a:lvl9pPr marL="3657600" indent="0">
              <a:buNone/>
              <a:defRPr sz="1600">
                <a:solidFill>
                  <a:schemeClr val="tx1">
                    <a:tint val="82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4CB29BDE-A2D2-426B-3D7A-72CEC5F7FE2A}"/>
              </a:ext>
            </a:extLst>
          </p:cNvPr>
          <p:cNvSpPr>
            <a:spLocks noGrp="1"/>
          </p:cNvSpPr>
          <p:nvPr>
            <p:ph type="dt" sz="half" idx="10"/>
          </p:nvPr>
        </p:nvSpPr>
        <p:spPr/>
        <p:txBody>
          <a:bodyPr/>
          <a:lstStyle/>
          <a:p>
            <a:fld id="{53278031-9F25-4AA1-872B-527E5261E499}" type="datetime1">
              <a:rPr lang="en-US" smtClean="0"/>
              <a:t>10/7/2025</a:t>
            </a:fld>
            <a:endParaRPr lang="en-US"/>
          </a:p>
        </p:txBody>
      </p:sp>
      <p:sp>
        <p:nvSpPr>
          <p:cNvPr id="5" name="Footer Placeholder 4">
            <a:extLst>
              <a:ext uri="{FF2B5EF4-FFF2-40B4-BE49-F238E27FC236}">
                <a16:creationId xmlns:a16="http://schemas.microsoft.com/office/drawing/2014/main" id="{DFD98716-1B55-A309-3B2D-D9E5431A0AEA}"/>
              </a:ext>
            </a:extLst>
          </p:cNvPr>
          <p:cNvSpPr>
            <a:spLocks noGrp="1"/>
          </p:cNvSpPr>
          <p:nvPr>
            <p:ph type="ftr" sz="quarter" idx="11"/>
          </p:nvPr>
        </p:nvSpPr>
        <p:spPr/>
        <p:txBody>
          <a:bodyPr/>
          <a:lstStyle/>
          <a:p>
            <a:endParaRPr lang="en-US"/>
          </a:p>
        </p:txBody>
      </p:sp>
      <p:sp>
        <p:nvSpPr>
          <p:cNvPr id="9" name="Rectangle 8">
            <a:extLst>
              <a:ext uri="{FF2B5EF4-FFF2-40B4-BE49-F238E27FC236}">
                <a16:creationId xmlns:a16="http://schemas.microsoft.com/office/drawing/2014/main" id="{541B41EA-4720-66B4-351A-8C6D97CB843F}"/>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pic>
        <p:nvPicPr>
          <p:cNvPr id="10" name="Picture 9" descr="A blue text on a black background&#10;&#10;Description automatically generated">
            <a:extLst>
              <a:ext uri="{FF2B5EF4-FFF2-40B4-BE49-F238E27FC236}">
                <a16:creationId xmlns:a16="http://schemas.microsoft.com/office/drawing/2014/main" id="{45B9BB62-5BDE-CEF8-5B62-7AC7FFFBCE90}"/>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b="21017"/>
          <a:stretch/>
        </p:blipFill>
        <p:spPr>
          <a:xfrm>
            <a:off x="11126367" y="74839"/>
            <a:ext cx="984506" cy="772780"/>
          </a:xfrm>
          <a:prstGeom prst="rect">
            <a:avLst/>
          </a:prstGeom>
        </p:spPr>
      </p:pic>
      <p:sp>
        <p:nvSpPr>
          <p:cNvPr id="6" name="Slide Number Placeholder 5">
            <a:extLst>
              <a:ext uri="{FF2B5EF4-FFF2-40B4-BE49-F238E27FC236}">
                <a16:creationId xmlns:a16="http://schemas.microsoft.com/office/drawing/2014/main" id="{F6CC9373-C21D-F1A7-D61D-1731BC52AEB7}"/>
              </a:ext>
            </a:extLst>
          </p:cNvPr>
          <p:cNvSpPr>
            <a:spLocks noGrp="1"/>
          </p:cNvSpPr>
          <p:nvPr>
            <p:ph type="sldNum" sz="quarter" idx="12"/>
          </p:nvPr>
        </p:nvSpPr>
        <p:spPr>
          <a:xfrm>
            <a:off x="8924544" y="6492240"/>
            <a:ext cx="2743200" cy="365125"/>
          </a:xfrm>
        </p:spPr>
        <p:txBody>
          <a:bodyPr/>
          <a:lstStyle>
            <a:lvl1pPr>
              <a:defRPr>
                <a:solidFill>
                  <a:schemeClr val="bg1"/>
                </a:solidFill>
              </a:defRPr>
            </a:lvl1pPr>
          </a:lstStyle>
          <a:p>
            <a:fld id="{FD0882FC-4526-4F55-8D94-153238F064C3}" type="slidenum">
              <a:rPr lang="en-US" smtClean="0"/>
              <a:pPr/>
              <a:t>‹#›</a:t>
            </a:fld>
            <a:endParaRPr lang="en-US"/>
          </a:p>
        </p:txBody>
      </p:sp>
    </p:spTree>
    <p:extLst>
      <p:ext uri="{BB962C8B-B14F-4D97-AF65-F5344CB8AC3E}">
        <p14:creationId xmlns:p14="http://schemas.microsoft.com/office/powerpoint/2010/main" val="28716768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E25931-728F-CFAF-2D38-F6CE6FF8E388}"/>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858E2527-A2ED-10E0-8244-8FA73AC7736C}"/>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72722C6A-8441-4945-4060-B3E352A3533F}"/>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4BBD673E-8E93-190A-E8C8-CE1542B2629E}"/>
              </a:ext>
            </a:extLst>
          </p:cNvPr>
          <p:cNvSpPr>
            <a:spLocks noGrp="1"/>
          </p:cNvSpPr>
          <p:nvPr>
            <p:ph type="dt" sz="half" idx="10"/>
          </p:nvPr>
        </p:nvSpPr>
        <p:spPr/>
        <p:txBody>
          <a:bodyPr/>
          <a:lstStyle/>
          <a:p>
            <a:fld id="{4CE74442-809D-4711-98BE-6B98DADDAA2D}" type="datetime1">
              <a:rPr lang="en-US" smtClean="0"/>
              <a:t>10/7/2025</a:t>
            </a:fld>
            <a:endParaRPr lang="en-US"/>
          </a:p>
        </p:txBody>
      </p:sp>
      <p:sp>
        <p:nvSpPr>
          <p:cNvPr id="6" name="Footer Placeholder 5">
            <a:extLst>
              <a:ext uri="{FF2B5EF4-FFF2-40B4-BE49-F238E27FC236}">
                <a16:creationId xmlns:a16="http://schemas.microsoft.com/office/drawing/2014/main" id="{0941BEDB-13D0-153C-13F1-543A759502CE}"/>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F50E37EF-EB46-7BB2-993F-04934DCF7355}"/>
              </a:ext>
            </a:extLst>
          </p:cNvPr>
          <p:cNvSpPr>
            <a:spLocks noGrp="1"/>
          </p:cNvSpPr>
          <p:nvPr>
            <p:ph type="sldNum" sz="quarter" idx="12"/>
          </p:nvPr>
        </p:nvSpPr>
        <p:spPr/>
        <p:txBody>
          <a:bodyPr/>
          <a:lstStyle/>
          <a:p>
            <a:fld id="{FD0882FC-4526-4F55-8D94-153238F064C3}" type="slidenum">
              <a:rPr lang="en-US" smtClean="0"/>
              <a:t>‹#›</a:t>
            </a:fld>
            <a:endParaRPr lang="en-US"/>
          </a:p>
        </p:txBody>
      </p:sp>
      <p:sp>
        <p:nvSpPr>
          <p:cNvPr id="9" name="Rectangle 8">
            <a:extLst>
              <a:ext uri="{FF2B5EF4-FFF2-40B4-BE49-F238E27FC236}">
                <a16:creationId xmlns:a16="http://schemas.microsoft.com/office/drawing/2014/main" id="{2A491AE7-52BE-C460-4E65-C0698D5731CA}"/>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10" name="Slide Number Placeholder 5">
            <a:extLst>
              <a:ext uri="{FF2B5EF4-FFF2-40B4-BE49-F238E27FC236}">
                <a16:creationId xmlns:a16="http://schemas.microsoft.com/office/drawing/2014/main" id="{CF3C8687-87DF-D6D9-86F7-B86A3ACA91B1}"/>
              </a:ext>
            </a:extLst>
          </p:cNvPr>
          <p:cNvSpPr txBox="1">
            <a:spLocks/>
          </p:cNvSpPr>
          <p:nvPr userDrawn="1"/>
        </p:nvSpPr>
        <p:spPr>
          <a:xfrm>
            <a:off x="8924544" y="6492240"/>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D0882FC-4526-4F55-8D94-153238F064C3}" type="slidenum">
              <a:rPr lang="en-US" smtClean="0"/>
              <a:pPr/>
              <a:t>‹#›</a:t>
            </a:fld>
            <a:endParaRPr lang="en-US"/>
          </a:p>
        </p:txBody>
      </p:sp>
    </p:spTree>
    <p:extLst>
      <p:ext uri="{BB962C8B-B14F-4D97-AF65-F5344CB8AC3E}">
        <p14:creationId xmlns:p14="http://schemas.microsoft.com/office/powerpoint/2010/main" val="38596969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AF751E-E8ED-9F82-194A-45845A209711}"/>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190C483C-32B1-1ECC-D075-885D19EE0DF4}"/>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3F5C8018-FDD7-91FD-D55C-AB2E6602DB3F}"/>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A5968E08-5A89-DD1F-B78A-F86454B94048}"/>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54C970E9-5306-DC7C-CE27-51876E0DD378}"/>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F7F51B1F-1A70-424B-F2B2-234A1499DAD6}"/>
              </a:ext>
            </a:extLst>
          </p:cNvPr>
          <p:cNvSpPr>
            <a:spLocks noGrp="1"/>
          </p:cNvSpPr>
          <p:nvPr>
            <p:ph type="dt" sz="half" idx="10"/>
          </p:nvPr>
        </p:nvSpPr>
        <p:spPr/>
        <p:txBody>
          <a:bodyPr/>
          <a:lstStyle/>
          <a:p>
            <a:fld id="{62ED760E-425D-40FA-9B4F-7F01F2142815}" type="datetime1">
              <a:rPr lang="en-US" smtClean="0"/>
              <a:t>10/7/2025</a:t>
            </a:fld>
            <a:endParaRPr lang="en-US"/>
          </a:p>
        </p:txBody>
      </p:sp>
      <p:sp>
        <p:nvSpPr>
          <p:cNvPr id="8" name="Footer Placeholder 7">
            <a:extLst>
              <a:ext uri="{FF2B5EF4-FFF2-40B4-BE49-F238E27FC236}">
                <a16:creationId xmlns:a16="http://schemas.microsoft.com/office/drawing/2014/main" id="{77B29A6F-C8EA-E95B-0A4E-E8645ECF139E}"/>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93EA155-2A00-5723-E29E-6876BED33428}"/>
              </a:ext>
            </a:extLst>
          </p:cNvPr>
          <p:cNvSpPr>
            <a:spLocks noGrp="1"/>
          </p:cNvSpPr>
          <p:nvPr>
            <p:ph type="sldNum" sz="quarter" idx="12"/>
          </p:nvPr>
        </p:nvSpPr>
        <p:spPr/>
        <p:txBody>
          <a:bodyPr/>
          <a:lstStyle/>
          <a:p>
            <a:fld id="{FD0882FC-4526-4F55-8D94-153238F064C3}" type="slidenum">
              <a:rPr lang="en-US" smtClean="0"/>
              <a:t>‹#›</a:t>
            </a:fld>
            <a:endParaRPr lang="en-US"/>
          </a:p>
        </p:txBody>
      </p:sp>
      <p:sp>
        <p:nvSpPr>
          <p:cNvPr id="10" name="Rectangle 9">
            <a:extLst>
              <a:ext uri="{FF2B5EF4-FFF2-40B4-BE49-F238E27FC236}">
                <a16:creationId xmlns:a16="http://schemas.microsoft.com/office/drawing/2014/main" id="{728E079A-ABC7-497F-AADF-233B31B015A5}"/>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11" name="Slide Number Placeholder 5">
            <a:extLst>
              <a:ext uri="{FF2B5EF4-FFF2-40B4-BE49-F238E27FC236}">
                <a16:creationId xmlns:a16="http://schemas.microsoft.com/office/drawing/2014/main" id="{5AB593A3-1120-3AE6-ED7B-BEB4D0F29681}"/>
              </a:ext>
            </a:extLst>
          </p:cNvPr>
          <p:cNvSpPr txBox="1">
            <a:spLocks/>
          </p:cNvSpPr>
          <p:nvPr userDrawn="1"/>
        </p:nvSpPr>
        <p:spPr>
          <a:xfrm>
            <a:off x="8924544" y="6492240"/>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D0882FC-4526-4F55-8D94-153238F064C3}" type="slidenum">
              <a:rPr lang="en-US" smtClean="0"/>
              <a:pPr/>
              <a:t>‹#›</a:t>
            </a:fld>
            <a:endParaRPr lang="en-US"/>
          </a:p>
        </p:txBody>
      </p:sp>
    </p:spTree>
    <p:extLst>
      <p:ext uri="{BB962C8B-B14F-4D97-AF65-F5344CB8AC3E}">
        <p14:creationId xmlns:p14="http://schemas.microsoft.com/office/powerpoint/2010/main" val="155153058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9011D1-CFD5-F6DF-419D-9B00D74141D9}"/>
              </a:ext>
            </a:extLst>
          </p:cNvPr>
          <p:cNvSpPr>
            <a:spLocks noGrp="1"/>
          </p:cNvSpPr>
          <p:nvPr>
            <p:ph type="title"/>
          </p:nvPr>
        </p:nvSpPr>
        <p:spPr>
          <a:xfrm>
            <a:off x="219456" y="155448"/>
            <a:ext cx="10515600" cy="1124712"/>
          </a:xfrm>
        </p:spPr>
        <p:txBody>
          <a:bodyPr/>
          <a:lstStyle/>
          <a:p>
            <a:r>
              <a:rPr lang="en-US"/>
              <a:t>Click to edit Master title style</a:t>
            </a:r>
          </a:p>
        </p:txBody>
      </p:sp>
      <p:sp>
        <p:nvSpPr>
          <p:cNvPr id="3" name="Date Placeholder 2">
            <a:extLst>
              <a:ext uri="{FF2B5EF4-FFF2-40B4-BE49-F238E27FC236}">
                <a16:creationId xmlns:a16="http://schemas.microsoft.com/office/drawing/2014/main" id="{A6E19ED0-905A-2578-7915-E4D00E662988}"/>
              </a:ext>
            </a:extLst>
          </p:cNvPr>
          <p:cNvSpPr>
            <a:spLocks noGrp="1"/>
          </p:cNvSpPr>
          <p:nvPr>
            <p:ph type="dt" sz="half" idx="10"/>
          </p:nvPr>
        </p:nvSpPr>
        <p:spPr/>
        <p:txBody>
          <a:bodyPr/>
          <a:lstStyle/>
          <a:p>
            <a:fld id="{28371839-2191-436D-806D-71A9C87333F7}" type="datetime1">
              <a:rPr lang="en-US" smtClean="0"/>
              <a:t>10/7/2025</a:t>
            </a:fld>
            <a:endParaRPr lang="en-US"/>
          </a:p>
        </p:txBody>
      </p:sp>
      <p:sp>
        <p:nvSpPr>
          <p:cNvPr id="4" name="Footer Placeholder 3">
            <a:extLst>
              <a:ext uri="{FF2B5EF4-FFF2-40B4-BE49-F238E27FC236}">
                <a16:creationId xmlns:a16="http://schemas.microsoft.com/office/drawing/2014/main" id="{816B711E-71F0-4D18-A7F0-4D06E9913FA8}"/>
              </a:ext>
            </a:extLst>
          </p:cNvPr>
          <p:cNvSpPr>
            <a:spLocks noGrp="1"/>
          </p:cNvSpPr>
          <p:nvPr>
            <p:ph type="ftr" sz="quarter" idx="11"/>
          </p:nvPr>
        </p:nvSpPr>
        <p:spPr/>
        <p:txBody>
          <a:bodyPr/>
          <a:lstStyle/>
          <a:p>
            <a:endParaRPr lang="en-US"/>
          </a:p>
        </p:txBody>
      </p:sp>
      <p:sp>
        <p:nvSpPr>
          <p:cNvPr id="6" name="Rectangle 5">
            <a:extLst>
              <a:ext uri="{FF2B5EF4-FFF2-40B4-BE49-F238E27FC236}">
                <a16:creationId xmlns:a16="http://schemas.microsoft.com/office/drawing/2014/main" id="{D9DA5663-DD1C-9C5C-2887-7C812D0B9B9F}"/>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7" name="Slide Number Placeholder 5">
            <a:extLst>
              <a:ext uri="{FF2B5EF4-FFF2-40B4-BE49-F238E27FC236}">
                <a16:creationId xmlns:a16="http://schemas.microsoft.com/office/drawing/2014/main" id="{604CED88-2449-2459-DF8D-42365E672512}"/>
              </a:ext>
            </a:extLst>
          </p:cNvPr>
          <p:cNvSpPr txBox="1">
            <a:spLocks/>
          </p:cNvSpPr>
          <p:nvPr userDrawn="1"/>
        </p:nvSpPr>
        <p:spPr>
          <a:xfrm>
            <a:off x="8920377" y="6492875"/>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D0882FC-4526-4F55-8D94-153238F064C3}" type="slidenum">
              <a:rPr lang="en-US" smtClean="0"/>
              <a:pPr/>
              <a:t>‹#›</a:t>
            </a:fld>
            <a:endParaRPr lang="en-US"/>
          </a:p>
        </p:txBody>
      </p:sp>
      <p:pic>
        <p:nvPicPr>
          <p:cNvPr id="8" name="Picture 7" descr="A blue text on a black background&#10;&#10;Description automatically generated">
            <a:extLst>
              <a:ext uri="{FF2B5EF4-FFF2-40B4-BE49-F238E27FC236}">
                <a16:creationId xmlns:a16="http://schemas.microsoft.com/office/drawing/2014/main" id="{21A42C95-E6BF-4523-1C57-103175552B3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b="21017"/>
          <a:stretch/>
        </p:blipFill>
        <p:spPr>
          <a:xfrm>
            <a:off x="11126367" y="74839"/>
            <a:ext cx="984506" cy="772780"/>
          </a:xfrm>
          <a:prstGeom prst="rect">
            <a:avLst/>
          </a:prstGeom>
        </p:spPr>
      </p:pic>
    </p:spTree>
    <p:extLst>
      <p:ext uri="{BB962C8B-B14F-4D97-AF65-F5344CB8AC3E}">
        <p14:creationId xmlns:p14="http://schemas.microsoft.com/office/powerpoint/2010/main" val="251337341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FDA3C4E-47CD-6FBF-5572-CC03E5893BFC}"/>
              </a:ext>
            </a:extLst>
          </p:cNvPr>
          <p:cNvSpPr>
            <a:spLocks noGrp="1"/>
          </p:cNvSpPr>
          <p:nvPr>
            <p:ph type="dt" sz="half" idx="10"/>
          </p:nvPr>
        </p:nvSpPr>
        <p:spPr/>
        <p:txBody>
          <a:bodyPr/>
          <a:lstStyle/>
          <a:p>
            <a:fld id="{0A7FAD4E-E563-413A-8CC3-0BCDC3FEDBD2}" type="datetime1">
              <a:rPr lang="en-US" smtClean="0"/>
              <a:t>10/7/2025</a:t>
            </a:fld>
            <a:endParaRPr lang="en-US"/>
          </a:p>
        </p:txBody>
      </p:sp>
      <p:sp>
        <p:nvSpPr>
          <p:cNvPr id="3" name="Footer Placeholder 2">
            <a:extLst>
              <a:ext uri="{FF2B5EF4-FFF2-40B4-BE49-F238E27FC236}">
                <a16:creationId xmlns:a16="http://schemas.microsoft.com/office/drawing/2014/main" id="{1193991C-5289-EFAA-E685-5F77BA07BE72}"/>
              </a:ext>
            </a:extLst>
          </p:cNvPr>
          <p:cNvSpPr>
            <a:spLocks noGrp="1"/>
          </p:cNvSpPr>
          <p:nvPr>
            <p:ph type="ftr" sz="quarter" idx="11"/>
          </p:nvPr>
        </p:nvSpPr>
        <p:spPr/>
        <p:txBody>
          <a:bodyPr/>
          <a:lstStyle/>
          <a:p>
            <a:endParaRPr lang="en-US"/>
          </a:p>
        </p:txBody>
      </p:sp>
      <p:sp>
        <p:nvSpPr>
          <p:cNvPr id="34" name="Rectangle 33">
            <a:extLst>
              <a:ext uri="{FF2B5EF4-FFF2-40B4-BE49-F238E27FC236}">
                <a16:creationId xmlns:a16="http://schemas.microsoft.com/office/drawing/2014/main" id="{582B57C4-A90D-3828-12BC-68D60B164C42}"/>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35" name="Slide Number Placeholder 5">
            <a:extLst>
              <a:ext uri="{FF2B5EF4-FFF2-40B4-BE49-F238E27FC236}">
                <a16:creationId xmlns:a16="http://schemas.microsoft.com/office/drawing/2014/main" id="{9DB39EE1-BEB2-D527-EBA1-D3D74019D0E5}"/>
              </a:ext>
            </a:extLst>
          </p:cNvPr>
          <p:cNvSpPr txBox="1">
            <a:spLocks/>
          </p:cNvSpPr>
          <p:nvPr userDrawn="1"/>
        </p:nvSpPr>
        <p:spPr>
          <a:xfrm>
            <a:off x="8920377" y="6492875"/>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D0882FC-4526-4F55-8D94-153238F064C3}" type="slidenum">
              <a:rPr lang="en-US" smtClean="0"/>
              <a:pPr/>
              <a:t>‹#›</a:t>
            </a:fld>
            <a:endParaRPr lang="en-US"/>
          </a:p>
        </p:txBody>
      </p:sp>
      <p:pic>
        <p:nvPicPr>
          <p:cNvPr id="36" name="Picture 35" descr="A blue text on a black background&#10;&#10;Description automatically generated">
            <a:extLst>
              <a:ext uri="{FF2B5EF4-FFF2-40B4-BE49-F238E27FC236}">
                <a16:creationId xmlns:a16="http://schemas.microsoft.com/office/drawing/2014/main" id="{27225B73-B5F3-4882-C794-F19BB858EB67}"/>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b="21017"/>
          <a:stretch/>
        </p:blipFill>
        <p:spPr>
          <a:xfrm>
            <a:off x="11126367" y="74839"/>
            <a:ext cx="984506" cy="772780"/>
          </a:xfrm>
          <a:prstGeom prst="rect">
            <a:avLst/>
          </a:prstGeom>
        </p:spPr>
      </p:pic>
    </p:spTree>
    <p:extLst>
      <p:ext uri="{BB962C8B-B14F-4D97-AF65-F5344CB8AC3E}">
        <p14:creationId xmlns:p14="http://schemas.microsoft.com/office/powerpoint/2010/main" val="254873424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9011D1-CFD5-F6DF-419D-9B00D74141D9}"/>
              </a:ext>
            </a:extLst>
          </p:cNvPr>
          <p:cNvSpPr>
            <a:spLocks noGrp="1"/>
          </p:cNvSpPr>
          <p:nvPr>
            <p:ph type="title"/>
          </p:nvPr>
        </p:nvSpPr>
        <p:spPr>
          <a:xfrm>
            <a:off x="219456" y="155448"/>
            <a:ext cx="10515600" cy="1124712"/>
          </a:xfrm>
        </p:spPr>
        <p:txBody>
          <a:bodyPr/>
          <a:lstStyle/>
          <a:p>
            <a:r>
              <a:rPr lang="en-US"/>
              <a:t>Click to edit Master title style</a:t>
            </a:r>
          </a:p>
        </p:txBody>
      </p:sp>
      <p:sp>
        <p:nvSpPr>
          <p:cNvPr id="3" name="Date Placeholder 2">
            <a:extLst>
              <a:ext uri="{FF2B5EF4-FFF2-40B4-BE49-F238E27FC236}">
                <a16:creationId xmlns:a16="http://schemas.microsoft.com/office/drawing/2014/main" id="{A6E19ED0-905A-2578-7915-E4D00E662988}"/>
              </a:ext>
            </a:extLst>
          </p:cNvPr>
          <p:cNvSpPr>
            <a:spLocks noGrp="1"/>
          </p:cNvSpPr>
          <p:nvPr>
            <p:ph type="dt" sz="half" idx="10"/>
          </p:nvPr>
        </p:nvSpPr>
        <p:spPr/>
        <p:txBody>
          <a:bodyPr/>
          <a:lstStyle/>
          <a:p>
            <a:fld id="{28371839-2191-436D-806D-71A9C87333F7}" type="datetime1">
              <a:rPr lang="en-US" smtClean="0"/>
              <a:t>10/7/2025</a:t>
            </a:fld>
            <a:endParaRPr lang="en-US"/>
          </a:p>
        </p:txBody>
      </p:sp>
      <p:sp>
        <p:nvSpPr>
          <p:cNvPr id="4" name="Footer Placeholder 3">
            <a:extLst>
              <a:ext uri="{FF2B5EF4-FFF2-40B4-BE49-F238E27FC236}">
                <a16:creationId xmlns:a16="http://schemas.microsoft.com/office/drawing/2014/main" id="{816B711E-71F0-4D18-A7F0-4D06E9913FA8}"/>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DC8CCC7-6AFE-A746-7708-480423E44D8E}"/>
              </a:ext>
            </a:extLst>
          </p:cNvPr>
          <p:cNvSpPr>
            <a:spLocks noGrp="1"/>
          </p:cNvSpPr>
          <p:nvPr>
            <p:ph type="sldNum" sz="quarter" idx="12"/>
          </p:nvPr>
        </p:nvSpPr>
        <p:spPr/>
        <p:txBody>
          <a:bodyPr/>
          <a:lstStyle/>
          <a:p>
            <a:fld id="{FD0882FC-4526-4F55-8D94-153238F064C3}" type="slidenum">
              <a:rPr lang="en-US" smtClean="0"/>
              <a:t>‹#›</a:t>
            </a:fld>
            <a:endParaRPr lang="en-US"/>
          </a:p>
        </p:txBody>
      </p:sp>
      <p:sp>
        <p:nvSpPr>
          <p:cNvPr id="6" name="Rectangle 5">
            <a:extLst>
              <a:ext uri="{FF2B5EF4-FFF2-40B4-BE49-F238E27FC236}">
                <a16:creationId xmlns:a16="http://schemas.microsoft.com/office/drawing/2014/main" id="{4C7CA801-1C25-C09E-3E02-FF18AA3D4850}"/>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7" name="Slide Number Placeholder 5">
            <a:extLst>
              <a:ext uri="{FF2B5EF4-FFF2-40B4-BE49-F238E27FC236}">
                <a16:creationId xmlns:a16="http://schemas.microsoft.com/office/drawing/2014/main" id="{B19853EF-C5F2-BB33-34FB-FF2B33C4CEC3}"/>
              </a:ext>
            </a:extLst>
          </p:cNvPr>
          <p:cNvSpPr txBox="1">
            <a:spLocks/>
          </p:cNvSpPr>
          <p:nvPr userDrawn="1"/>
        </p:nvSpPr>
        <p:spPr>
          <a:xfrm>
            <a:off x="8924544" y="6492240"/>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D0882FC-4526-4F55-8D94-153238F064C3}" type="slidenum">
              <a:rPr lang="en-US" smtClean="0"/>
              <a:pPr/>
              <a:t>‹#›</a:t>
            </a:fld>
            <a:endParaRPr lang="en-US"/>
          </a:p>
        </p:txBody>
      </p:sp>
    </p:spTree>
    <p:extLst>
      <p:ext uri="{BB962C8B-B14F-4D97-AF65-F5344CB8AC3E}">
        <p14:creationId xmlns:p14="http://schemas.microsoft.com/office/powerpoint/2010/main" val="251337341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5759DF-117A-58A6-6F62-52517E5D4CA7}"/>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C4F4BEB3-54D8-A8F6-F0CF-E53C36BA8BF8}"/>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5301E573-F0B2-3E01-E146-E618F5519D0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281757E7-5A52-37F9-89D5-5275E8F2B5AE}"/>
              </a:ext>
            </a:extLst>
          </p:cNvPr>
          <p:cNvSpPr>
            <a:spLocks noGrp="1"/>
          </p:cNvSpPr>
          <p:nvPr>
            <p:ph type="dt" sz="half" idx="10"/>
          </p:nvPr>
        </p:nvSpPr>
        <p:spPr/>
        <p:txBody>
          <a:bodyPr/>
          <a:lstStyle/>
          <a:p>
            <a:fld id="{552D80F8-7E79-4704-B5B5-9275362F7991}" type="datetime1">
              <a:rPr lang="en-US" smtClean="0"/>
              <a:t>10/7/2025</a:t>
            </a:fld>
            <a:endParaRPr lang="en-US"/>
          </a:p>
        </p:txBody>
      </p:sp>
      <p:sp>
        <p:nvSpPr>
          <p:cNvPr id="6" name="Footer Placeholder 5">
            <a:extLst>
              <a:ext uri="{FF2B5EF4-FFF2-40B4-BE49-F238E27FC236}">
                <a16:creationId xmlns:a16="http://schemas.microsoft.com/office/drawing/2014/main" id="{CA1B679D-AD97-BEA1-F660-94914588FC1E}"/>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356ADCFB-16AD-3400-99F1-8BE2CA397753}"/>
              </a:ext>
            </a:extLst>
          </p:cNvPr>
          <p:cNvSpPr>
            <a:spLocks noGrp="1"/>
          </p:cNvSpPr>
          <p:nvPr>
            <p:ph type="sldNum" sz="quarter" idx="12"/>
          </p:nvPr>
        </p:nvSpPr>
        <p:spPr/>
        <p:txBody>
          <a:bodyPr/>
          <a:lstStyle/>
          <a:p>
            <a:fld id="{FD0882FC-4526-4F55-8D94-153238F064C3}" type="slidenum">
              <a:rPr lang="en-US" smtClean="0"/>
              <a:t>‹#›</a:t>
            </a:fld>
            <a:endParaRPr lang="en-US"/>
          </a:p>
        </p:txBody>
      </p:sp>
      <p:sp>
        <p:nvSpPr>
          <p:cNvPr id="8" name="Rectangle 7">
            <a:extLst>
              <a:ext uri="{FF2B5EF4-FFF2-40B4-BE49-F238E27FC236}">
                <a16:creationId xmlns:a16="http://schemas.microsoft.com/office/drawing/2014/main" id="{B75E39DE-7287-C35B-F3A7-D981B26F0D85}"/>
              </a:ext>
            </a:extLst>
          </p:cNvPr>
          <p:cNvSpPr/>
          <p:nvPr userDrawn="1"/>
        </p:nvSpPr>
        <p:spPr>
          <a:xfrm>
            <a:off x="0" y="6501169"/>
            <a:ext cx="12192000" cy="365125"/>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tIns="0" bIns="91440" rtlCol="0" anchor="ctr"/>
          <a:lstStyle/>
          <a:p>
            <a:pPr algn="l"/>
            <a:r>
              <a:rPr lang="en-US" sz="2800" b="1" dirty="0">
                <a:latin typeface="+mj-lt"/>
              </a:rPr>
              <a:t>  </a:t>
            </a:r>
            <a:r>
              <a:rPr lang="en-US" sz="2000" b="1" dirty="0">
                <a:latin typeface="+mj-lt"/>
              </a:rPr>
              <a:t>Unified ERP Program</a:t>
            </a:r>
            <a:endParaRPr lang="en-US" sz="2800" b="1" dirty="0">
              <a:latin typeface="+mj-lt"/>
            </a:endParaRPr>
          </a:p>
        </p:txBody>
      </p:sp>
      <p:sp>
        <p:nvSpPr>
          <p:cNvPr id="9" name="Slide Number Placeholder 5">
            <a:extLst>
              <a:ext uri="{FF2B5EF4-FFF2-40B4-BE49-F238E27FC236}">
                <a16:creationId xmlns:a16="http://schemas.microsoft.com/office/drawing/2014/main" id="{1B5D6691-A726-8A41-43D4-1B1E86C19C77}"/>
              </a:ext>
            </a:extLst>
          </p:cNvPr>
          <p:cNvSpPr txBox="1">
            <a:spLocks/>
          </p:cNvSpPr>
          <p:nvPr userDrawn="1"/>
        </p:nvSpPr>
        <p:spPr>
          <a:xfrm>
            <a:off x="8924544" y="6492240"/>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D0882FC-4526-4F55-8D94-153238F064C3}" type="slidenum">
              <a:rPr lang="en-US" smtClean="0"/>
              <a:pPr/>
              <a:t>‹#›</a:t>
            </a:fld>
            <a:endParaRPr lang="en-US"/>
          </a:p>
        </p:txBody>
      </p:sp>
    </p:spTree>
    <p:extLst>
      <p:ext uri="{BB962C8B-B14F-4D97-AF65-F5344CB8AC3E}">
        <p14:creationId xmlns:p14="http://schemas.microsoft.com/office/powerpoint/2010/main" val="410800079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2" Type="http://schemas.openxmlformats.org/officeDocument/2006/relationships/theme" Target="../theme/theme2.xml"/><Relationship Id="rId1" Type="http://schemas.openxmlformats.org/officeDocument/2006/relationships/slideLayout" Target="../slideLayouts/slideLayout1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0305B51-AB61-9E67-6CE9-9B4AABD20B9C}"/>
              </a:ext>
            </a:extLst>
          </p:cNvPr>
          <p:cNvSpPr>
            <a:spLocks noGrp="1"/>
          </p:cNvSpPr>
          <p:nvPr>
            <p:ph type="title"/>
          </p:nvPr>
        </p:nvSpPr>
        <p:spPr>
          <a:xfrm>
            <a:off x="838200" y="854015"/>
            <a:ext cx="10515600" cy="95067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5A63B6BC-4FD9-CAD2-75D3-92E1640EB960}"/>
              </a:ext>
            </a:extLst>
          </p:cNvPr>
          <p:cNvSpPr>
            <a:spLocks noGrp="1"/>
          </p:cNvSpPr>
          <p:nvPr>
            <p:ph type="body" idx="1"/>
          </p:nvPr>
        </p:nvSpPr>
        <p:spPr>
          <a:xfrm>
            <a:off x="838200" y="1984075"/>
            <a:ext cx="10515600" cy="41928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D781B9E-F821-A07E-BDA4-FD06C87FA46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1A41FE9A-F5DE-485B-91D4-13D6E5BC4047}" type="datetime1">
              <a:rPr lang="en-US" smtClean="0"/>
              <a:t>10/7/2025</a:t>
            </a:fld>
            <a:endParaRPr lang="en-US"/>
          </a:p>
        </p:txBody>
      </p:sp>
      <p:sp>
        <p:nvSpPr>
          <p:cNvPr id="5" name="Footer Placeholder 4">
            <a:extLst>
              <a:ext uri="{FF2B5EF4-FFF2-40B4-BE49-F238E27FC236}">
                <a16:creationId xmlns:a16="http://schemas.microsoft.com/office/drawing/2014/main" id="{0D8D7B3E-19A7-F4FE-24B7-96FB464B78E4}"/>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US"/>
          </a:p>
        </p:txBody>
      </p:sp>
      <p:sp>
        <p:nvSpPr>
          <p:cNvPr id="6" name="Slide Number Placeholder 5">
            <a:extLst>
              <a:ext uri="{FF2B5EF4-FFF2-40B4-BE49-F238E27FC236}">
                <a16:creationId xmlns:a16="http://schemas.microsoft.com/office/drawing/2014/main" id="{2E2A2454-1D37-95D1-1005-6109DA75A2C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82000"/>
                  </a:schemeClr>
                </a:solidFill>
              </a:defRPr>
            </a:lvl1pPr>
          </a:lstStyle>
          <a:p>
            <a:fld id="{FD0882FC-4526-4F55-8D94-153238F064C3}" type="slidenum">
              <a:rPr lang="en-US" smtClean="0"/>
              <a:t>‹#›</a:t>
            </a:fld>
            <a:endParaRPr lang="en-US"/>
          </a:p>
        </p:txBody>
      </p:sp>
    </p:spTree>
    <p:extLst>
      <p:ext uri="{BB962C8B-B14F-4D97-AF65-F5344CB8AC3E}">
        <p14:creationId xmlns:p14="http://schemas.microsoft.com/office/powerpoint/2010/main" val="220925212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66" r:id="rId6"/>
    <p:sldLayoutId id="2147483667" r:id="rId7"/>
    <p:sldLayoutId id="2147483654" r:id="rId8"/>
    <p:sldLayoutId id="2147483656" r:id="rId9"/>
    <p:sldLayoutId id="2147483657" r:id="rId10"/>
    <p:sldLayoutId id="2147483658" r:id="rId11"/>
    <p:sldLayoutId id="2147483659" r:id="rId12"/>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0305B51-AB61-9E67-6CE9-9B4AABD20B9C}"/>
              </a:ext>
            </a:extLst>
          </p:cNvPr>
          <p:cNvSpPr>
            <a:spLocks noGrp="1"/>
          </p:cNvSpPr>
          <p:nvPr>
            <p:ph type="title"/>
          </p:nvPr>
        </p:nvSpPr>
        <p:spPr>
          <a:xfrm>
            <a:off x="838200" y="854015"/>
            <a:ext cx="10515600" cy="95067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5A63B6BC-4FD9-CAD2-75D3-92E1640EB960}"/>
              </a:ext>
            </a:extLst>
          </p:cNvPr>
          <p:cNvSpPr>
            <a:spLocks noGrp="1"/>
          </p:cNvSpPr>
          <p:nvPr>
            <p:ph type="body" idx="1"/>
          </p:nvPr>
        </p:nvSpPr>
        <p:spPr>
          <a:xfrm>
            <a:off x="838200" y="1984075"/>
            <a:ext cx="10515600" cy="41928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D781B9E-F821-A07E-BDA4-FD06C87FA46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D18E5B50-5EE7-4274-A9C4-292CE412EC5E}" type="datetimeFigureOut">
              <a:rPr lang="en-US" smtClean="0"/>
              <a:t>10/7/2025</a:t>
            </a:fld>
            <a:endParaRPr lang="en-US"/>
          </a:p>
        </p:txBody>
      </p:sp>
      <p:sp>
        <p:nvSpPr>
          <p:cNvPr id="5" name="Footer Placeholder 4">
            <a:extLst>
              <a:ext uri="{FF2B5EF4-FFF2-40B4-BE49-F238E27FC236}">
                <a16:creationId xmlns:a16="http://schemas.microsoft.com/office/drawing/2014/main" id="{0D8D7B3E-19A7-F4FE-24B7-96FB464B78E4}"/>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US"/>
          </a:p>
        </p:txBody>
      </p:sp>
      <p:sp>
        <p:nvSpPr>
          <p:cNvPr id="6" name="Slide Number Placeholder 5">
            <a:extLst>
              <a:ext uri="{FF2B5EF4-FFF2-40B4-BE49-F238E27FC236}">
                <a16:creationId xmlns:a16="http://schemas.microsoft.com/office/drawing/2014/main" id="{2E2A2454-1D37-95D1-1005-6109DA75A2C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82000"/>
                  </a:schemeClr>
                </a:solidFill>
              </a:defRPr>
            </a:lvl1pPr>
          </a:lstStyle>
          <a:p>
            <a:fld id="{4DEC2A35-A0DE-479D-A364-465892DED2AC}" type="slidenum">
              <a:rPr lang="en-US" smtClean="0"/>
              <a:t>‹#›</a:t>
            </a:fld>
            <a:endParaRPr lang="en-US"/>
          </a:p>
        </p:txBody>
      </p:sp>
    </p:spTree>
    <p:extLst>
      <p:ext uri="{BB962C8B-B14F-4D97-AF65-F5344CB8AC3E}">
        <p14:creationId xmlns:p14="http://schemas.microsoft.com/office/powerpoint/2010/main" val="133241574"/>
      </p:ext>
    </p:extLst>
  </p:cSld>
  <p:clrMap bg1="lt1" tx1="dk1" bg2="lt2" tx2="dk2" accent1="accent1" accent2="accent2" accent3="accent3" accent4="accent4" accent5="accent5" accent6="accent6" hlink="hlink" folHlink="folHlink"/>
  <p:sldLayoutIdLst>
    <p:sldLayoutId id="2147483662"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hyperlink" Target="http://www.usg.edu/unified-erp" TargetMode="External"/><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2.xml"/><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3.xml"/><Relationship Id="rId1" Type="http://schemas.openxmlformats.org/officeDocument/2006/relationships/slideLayout" Target="../slideLayouts/slideLayout13.xml"/><Relationship Id="rId4" Type="http://schemas.openxmlformats.org/officeDocument/2006/relationships/image" Target="../media/image4.sv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xml"/><Relationship Id="rId1" Type="http://schemas.openxmlformats.org/officeDocument/2006/relationships/tags" Target="../tags/tag1.xml"/><Relationship Id="rId4" Type="http://schemas.openxmlformats.org/officeDocument/2006/relationships/notesSlide" Target="../notesSlides/notesSlide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5A27BB-20F8-6205-085C-25BE6A8ACA94}"/>
              </a:ext>
            </a:extLst>
          </p:cNvPr>
          <p:cNvSpPr>
            <a:spLocks noGrp="1"/>
          </p:cNvSpPr>
          <p:nvPr>
            <p:ph type="ctrTitle"/>
          </p:nvPr>
        </p:nvSpPr>
        <p:spPr>
          <a:xfrm>
            <a:off x="355076" y="1471154"/>
            <a:ext cx="11481847" cy="2387600"/>
          </a:xfrm>
        </p:spPr>
        <p:txBody>
          <a:bodyPr>
            <a:normAutofit fontScale="90000"/>
          </a:bodyPr>
          <a:lstStyle/>
          <a:p>
            <a:r>
              <a:rPr lang="en-US" dirty="0"/>
              <a:t>Unified ERP Program Update</a:t>
            </a:r>
            <a:br>
              <a:rPr lang="en-US" dirty="0"/>
            </a:br>
            <a:br>
              <a:rPr lang="en-US" dirty="0"/>
            </a:br>
            <a:r>
              <a:rPr lang="en-US" sz="5300" dirty="0"/>
              <a:t>Institutional Research &amp; Planning </a:t>
            </a:r>
          </a:p>
        </p:txBody>
      </p:sp>
      <p:sp>
        <p:nvSpPr>
          <p:cNvPr id="3" name="Subtitle 2">
            <a:extLst>
              <a:ext uri="{FF2B5EF4-FFF2-40B4-BE49-F238E27FC236}">
                <a16:creationId xmlns:a16="http://schemas.microsoft.com/office/drawing/2014/main" id="{1CEE99D2-4960-FDB8-4147-78FFE6A79813}"/>
              </a:ext>
            </a:extLst>
          </p:cNvPr>
          <p:cNvSpPr>
            <a:spLocks noGrp="1"/>
          </p:cNvSpPr>
          <p:nvPr>
            <p:ph type="subTitle" idx="1"/>
          </p:nvPr>
        </p:nvSpPr>
        <p:spPr>
          <a:xfrm>
            <a:off x="1524000" y="4488157"/>
            <a:ext cx="9144000" cy="1655762"/>
          </a:xfrm>
        </p:spPr>
        <p:txBody>
          <a:bodyPr>
            <a:normAutofit/>
          </a:bodyPr>
          <a:lstStyle/>
          <a:p>
            <a:r>
              <a:rPr lang="en-US" i="1" dirty="0"/>
              <a:t>October 7, 2025</a:t>
            </a:r>
          </a:p>
        </p:txBody>
      </p:sp>
      <p:sp>
        <p:nvSpPr>
          <p:cNvPr id="4" name="Slide Number Placeholder 3">
            <a:extLst>
              <a:ext uri="{FF2B5EF4-FFF2-40B4-BE49-F238E27FC236}">
                <a16:creationId xmlns:a16="http://schemas.microsoft.com/office/drawing/2014/main" id="{91ACE8B1-1435-88FF-D8F1-0A508474A0EE}"/>
              </a:ext>
            </a:extLst>
          </p:cNvPr>
          <p:cNvSpPr>
            <a:spLocks noGrp="1"/>
          </p:cNvSpPr>
          <p:nvPr>
            <p:ph type="sldNum" sz="quarter" idx="12"/>
          </p:nvPr>
        </p:nvSpPr>
        <p:spPr/>
        <p:txBody>
          <a:bodyPr/>
          <a:lstStyle/>
          <a:p>
            <a:fld id="{FD0882FC-4526-4F55-8D94-153238F064C3}" type="slidenum">
              <a:rPr lang="en-US" smtClean="0"/>
              <a:t>1</a:t>
            </a:fld>
            <a:endParaRPr lang="en-US"/>
          </a:p>
        </p:txBody>
      </p:sp>
    </p:spTree>
    <p:extLst>
      <p:ext uri="{BB962C8B-B14F-4D97-AF65-F5344CB8AC3E}">
        <p14:creationId xmlns:p14="http://schemas.microsoft.com/office/powerpoint/2010/main" val="999352231"/>
      </p:ext>
    </p:extLst>
  </p:cSld>
  <p:clrMapOvr>
    <a:masterClrMapping/>
  </p:clrMapOvr>
  <mc:AlternateContent xmlns:mc="http://schemas.openxmlformats.org/markup-compatibility/2006" xmlns:p14="http://schemas.microsoft.com/office/powerpoint/2010/main">
    <mc:Choice Requires="p14">
      <p:transition p14:dur="0" advTm="7550"/>
    </mc:Choice>
    <mc:Fallback xmlns="">
      <p:transition advTm="7550"/>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525CC42-F1EA-5F6E-51A8-B73CFF98CEF6}"/>
              </a:ext>
            </a:extLst>
          </p:cNvPr>
          <p:cNvSpPr>
            <a:spLocks noGrp="1"/>
          </p:cNvSpPr>
          <p:nvPr>
            <p:ph type="title"/>
          </p:nvPr>
        </p:nvSpPr>
        <p:spPr/>
        <p:txBody>
          <a:bodyPr/>
          <a:lstStyle/>
          <a:p>
            <a:r>
              <a:rPr lang="en-US" dirty="0"/>
              <a:t>How does Workday affect IR?</a:t>
            </a:r>
          </a:p>
        </p:txBody>
      </p:sp>
      <p:sp>
        <p:nvSpPr>
          <p:cNvPr id="4" name="Slide Number Placeholder 3">
            <a:extLst>
              <a:ext uri="{FF2B5EF4-FFF2-40B4-BE49-F238E27FC236}">
                <a16:creationId xmlns:a16="http://schemas.microsoft.com/office/drawing/2014/main" id="{35BBEA52-EA7C-C00C-20D7-65DBFBEA35B1}"/>
              </a:ext>
            </a:extLst>
          </p:cNvPr>
          <p:cNvSpPr>
            <a:spLocks noGrp="1"/>
          </p:cNvSpPr>
          <p:nvPr>
            <p:ph type="sldNum" sz="quarter" idx="12"/>
          </p:nvPr>
        </p:nvSpPr>
        <p:spPr/>
        <p:txBody>
          <a:bodyPr/>
          <a:lstStyle/>
          <a:p>
            <a:fld id="{FD0882FC-4526-4F55-8D94-153238F064C3}" type="slidenum">
              <a:rPr lang="en-US" smtClean="0"/>
              <a:pPr/>
              <a:t>10</a:t>
            </a:fld>
            <a:endParaRPr lang="en-US"/>
          </a:p>
        </p:txBody>
      </p:sp>
      <p:grpSp>
        <p:nvGrpSpPr>
          <p:cNvPr id="30" name="Group 29">
            <a:extLst>
              <a:ext uri="{FF2B5EF4-FFF2-40B4-BE49-F238E27FC236}">
                <a16:creationId xmlns:a16="http://schemas.microsoft.com/office/drawing/2014/main" id="{47361135-8022-BF05-CD25-C0D6ED341345}"/>
              </a:ext>
            </a:extLst>
          </p:cNvPr>
          <p:cNvGrpSpPr/>
          <p:nvPr/>
        </p:nvGrpSpPr>
        <p:grpSpPr>
          <a:xfrm>
            <a:off x="520162" y="2869907"/>
            <a:ext cx="11395511" cy="3334731"/>
            <a:chOff x="387819" y="1809750"/>
            <a:chExt cx="8368363" cy="2448880"/>
          </a:xfrm>
        </p:grpSpPr>
        <p:sp>
          <p:nvSpPr>
            <p:cNvPr id="5" name="Rounded Rectangle 40">
              <a:extLst>
                <a:ext uri="{FF2B5EF4-FFF2-40B4-BE49-F238E27FC236}">
                  <a16:creationId xmlns:a16="http://schemas.microsoft.com/office/drawing/2014/main" id="{742151D7-9145-75D8-483A-47E033E42917}"/>
                </a:ext>
              </a:extLst>
            </p:cNvPr>
            <p:cNvSpPr/>
            <p:nvPr/>
          </p:nvSpPr>
          <p:spPr>
            <a:xfrm>
              <a:off x="387819" y="1809750"/>
              <a:ext cx="1596330" cy="2448880"/>
            </a:xfrm>
            <a:prstGeom prst="roundRect">
              <a:avLst/>
            </a:prstGeom>
            <a:solidFill>
              <a:schemeClr val="bg1"/>
            </a:solidFill>
            <a:ln>
              <a:noFill/>
            </a:ln>
            <a:effectLst>
              <a:outerShdw blurRad="508000" dist="444500" dir="9600000" sx="90000" sy="90000" algn="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dirty="0">
                <a:solidFill>
                  <a:schemeClr val="tx1">
                    <a:lumMod val="75000"/>
                    <a:lumOff val="25000"/>
                  </a:schemeClr>
                </a:solidFill>
              </a:endParaRPr>
            </a:p>
          </p:txBody>
        </p:sp>
        <p:sp>
          <p:nvSpPr>
            <p:cNvPr id="6" name="Rounded Rectangle 40">
              <a:extLst>
                <a:ext uri="{FF2B5EF4-FFF2-40B4-BE49-F238E27FC236}">
                  <a16:creationId xmlns:a16="http://schemas.microsoft.com/office/drawing/2014/main" id="{3F2E3F9D-3521-08F4-8FC5-1882096FA119}"/>
                </a:ext>
              </a:extLst>
            </p:cNvPr>
            <p:cNvSpPr/>
            <p:nvPr/>
          </p:nvSpPr>
          <p:spPr>
            <a:xfrm>
              <a:off x="2080827" y="1809750"/>
              <a:ext cx="1596330" cy="2448880"/>
            </a:xfrm>
            <a:prstGeom prst="roundRect">
              <a:avLst/>
            </a:prstGeom>
            <a:solidFill>
              <a:schemeClr val="bg1"/>
            </a:solidFill>
            <a:ln>
              <a:noFill/>
            </a:ln>
            <a:effectLst>
              <a:outerShdw blurRad="508000" dist="444500" dir="9600000" sx="90000" sy="90000" algn="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dirty="0">
                <a:solidFill>
                  <a:schemeClr val="tx1">
                    <a:lumMod val="75000"/>
                    <a:lumOff val="25000"/>
                  </a:schemeClr>
                </a:solidFill>
              </a:endParaRPr>
            </a:p>
          </p:txBody>
        </p:sp>
        <p:sp>
          <p:nvSpPr>
            <p:cNvPr id="7" name="Rounded Rectangle 40">
              <a:extLst>
                <a:ext uri="{FF2B5EF4-FFF2-40B4-BE49-F238E27FC236}">
                  <a16:creationId xmlns:a16="http://schemas.microsoft.com/office/drawing/2014/main" id="{BE029A2C-0824-9376-B5CD-2CD558C75E5A}"/>
                </a:ext>
              </a:extLst>
            </p:cNvPr>
            <p:cNvSpPr/>
            <p:nvPr/>
          </p:nvSpPr>
          <p:spPr>
            <a:xfrm>
              <a:off x="3773835" y="1809750"/>
              <a:ext cx="1596330" cy="2448880"/>
            </a:xfrm>
            <a:prstGeom prst="roundRect">
              <a:avLst/>
            </a:prstGeom>
            <a:solidFill>
              <a:schemeClr val="bg1"/>
            </a:solidFill>
            <a:ln>
              <a:noFill/>
            </a:ln>
            <a:effectLst>
              <a:outerShdw blurRad="508000" dist="444500" dir="9600000" sx="90000" sy="90000" algn="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dirty="0">
                <a:solidFill>
                  <a:schemeClr val="tx1">
                    <a:lumMod val="75000"/>
                    <a:lumOff val="25000"/>
                  </a:schemeClr>
                </a:solidFill>
              </a:endParaRPr>
            </a:p>
          </p:txBody>
        </p:sp>
        <p:sp>
          <p:nvSpPr>
            <p:cNvPr id="8" name="Rounded Rectangle 40">
              <a:extLst>
                <a:ext uri="{FF2B5EF4-FFF2-40B4-BE49-F238E27FC236}">
                  <a16:creationId xmlns:a16="http://schemas.microsoft.com/office/drawing/2014/main" id="{68FD6E89-FA9C-697E-6F12-B37C2DBAECE7}"/>
                </a:ext>
              </a:extLst>
            </p:cNvPr>
            <p:cNvSpPr/>
            <p:nvPr/>
          </p:nvSpPr>
          <p:spPr>
            <a:xfrm>
              <a:off x="5466844" y="1809750"/>
              <a:ext cx="1596330" cy="2448880"/>
            </a:xfrm>
            <a:prstGeom prst="roundRect">
              <a:avLst/>
            </a:prstGeom>
            <a:solidFill>
              <a:schemeClr val="bg1"/>
            </a:solidFill>
            <a:ln>
              <a:noFill/>
            </a:ln>
            <a:effectLst>
              <a:outerShdw blurRad="508000" dist="444500" dir="9600000" sx="90000" sy="90000" algn="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dirty="0">
                <a:solidFill>
                  <a:schemeClr val="tx1">
                    <a:lumMod val="75000"/>
                    <a:lumOff val="25000"/>
                  </a:schemeClr>
                </a:solidFill>
              </a:endParaRPr>
            </a:p>
          </p:txBody>
        </p:sp>
        <p:sp>
          <p:nvSpPr>
            <p:cNvPr id="9" name="Rounded Rectangle 40">
              <a:extLst>
                <a:ext uri="{FF2B5EF4-FFF2-40B4-BE49-F238E27FC236}">
                  <a16:creationId xmlns:a16="http://schemas.microsoft.com/office/drawing/2014/main" id="{4E684CB2-7D06-752F-55D1-7E291E52D0A5}"/>
                </a:ext>
              </a:extLst>
            </p:cNvPr>
            <p:cNvSpPr/>
            <p:nvPr/>
          </p:nvSpPr>
          <p:spPr>
            <a:xfrm>
              <a:off x="7159852" y="1809750"/>
              <a:ext cx="1596330" cy="2448880"/>
            </a:xfrm>
            <a:prstGeom prst="roundRect">
              <a:avLst/>
            </a:prstGeom>
            <a:solidFill>
              <a:schemeClr val="bg1"/>
            </a:solidFill>
            <a:ln>
              <a:noFill/>
            </a:ln>
            <a:effectLst>
              <a:outerShdw blurRad="508000" dist="444500" dir="9600000" sx="90000" sy="90000" algn="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dirty="0">
                <a:solidFill>
                  <a:schemeClr val="tx1">
                    <a:lumMod val="75000"/>
                    <a:lumOff val="25000"/>
                  </a:schemeClr>
                </a:solidFill>
              </a:endParaRPr>
            </a:p>
          </p:txBody>
        </p:sp>
        <p:sp>
          <p:nvSpPr>
            <p:cNvPr id="10" name="Oval 9">
              <a:extLst>
                <a:ext uri="{FF2B5EF4-FFF2-40B4-BE49-F238E27FC236}">
                  <a16:creationId xmlns:a16="http://schemas.microsoft.com/office/drawing/2014/main" id="{056C83FB-F50E-D327-AF72-0E586966255D}"/>
                </a:ext>
              </a:extLst>
            </p:cNvPr>
            <p:cNvSpPr/>
            <p:nvPr/>
          </p:nvSpPr>
          <p:spPr bwMode="auto">
            <a:xfrm>
              <a:off x="688144" y="2000250"/>
              <a:ext cx="995680" cy="995680"/>
            </a:xfrm>
            <a:prstGeom prst="ellipse">
              <a:avLst/>
            </a:prstGeom>
            <a:solidFill>
              <a:schemeClr val="accent1"/>
            </a:solidFill>
            <a:ln w="38100">
              <a:noFill/>
              <a:round/>
              <a:headEnd/>
              <a:tailEnd/>
            </a:ln>
          </p:spPr>
          <p:txBody>
            <a:bodyPr vert="horz" wrap="square" lIns="91440" tIns="45720" rIns="91440" bIns="45720" numCol="1" rtlCol="0" anchor="t" anchorCtr="0" compatLnSpc="1">
              <a:prstTxWarp prst="textNoShape">
                <a:avLst/>
              </a:prstTxWarp>
            </a:bodyPr>
            <a:lstStyle/>
            <a:p>
              <a:pPr algn="ctr"/>
              <a:endParaRPr lang="en-US"/>
            </a:p>
          </p:txBody>
        </p:sp>
        <p:sp>
          <p:nvSpPr>
            <p:cNvPr id="11" name="Oval 10">
              <a:extLst>
                <a:ext uri="{FF2B5EF4-FFF2-40B4-BE49-F238E27FC236}">
                  <a16:creationId xmlns:a16="http://schemas.microsoft.com/office/drawing/2014/main" id="{FCB9E6C0-1273-339B-00EA-7C55700F448E}"/>
                </a:ext>
              </a:extLst>
            </p:cNvPr>
            <p:cNvSpPr/>
            <p:nvPr/>
          </p:nvSpPr>
          <p:spPr bwMode="auto">
            <a:xfrm>
              <a:off x="2381152" y="2000250"/>
              <a:ext cx="995680" cy="995680"/>
            </a:xfrm>
            <a:prstGeom prst="ellipse">
              <a:avLst/>
            </a:prstGeom>
            <a:solidFill>
              <a:schemeClr val="accent2"/>
            </a:solidFill>
            <a:ln w="38100">
              <a:noFill/>
              <a:round/>
              <a:headEnd/>
              <a:tailEnd/>
            </a:ln>
          </p:spPr>
          <p:txBody>
            <a:bodyPr vert="horz" wrap="square" lIns="91440" tIns="45720" rIns="91440" bIns="45720" numCol="1" rtlCol="0" anchor="t" anchorCtr="0" compatLnSpc="1">
              <a:prstTxWarp prst="textNoShape">
                <a:avLst/>
              </a:prstTxWarp>
            </a:bodyPr>
            <a:lstStyle/>
            <a:p>
              <a:pPr algn="ctr"/>
              <a:endParaRPr lang="en-US"/>
            </a:p>
          </p:txBody>
        </p:sp>
        <p:sp>
          <p:nvSpPr>
            <p:cNvPr id="12" name="Oval 11">
              <a:extLst>
                <a:ext uri="{FF2B5EF4-FFF2-40B4-BE49-F238E27FC236}">
                  <a16:creationId xmlns:a16="http://schemas.microsoft.com/office/drawing/2014/main" id="{6349C328-DF31-C2DB-B96A-104A3D5055FD}"/>
                </a:ext>
              </a:extLst>
            </p:cNvPr>
            <p:cNvSpPr/>
            <p:nvPr/>
          </p:nvSpPr>
          <p:spPr bwMode="auto">
            <a:xfrm>
              <a:off x="4074160" y="2000250"/>
              <a:ext cx="995680" cy="995680"/>
            </a:xfrm>
            <a:prstGeom prst="ellipse">
              <a:avLst/>
            </a:prstGeom>
            <a:solidFill>
              <a:schemeClr val="accent3"/>
            </a:solidFill>
            <a:ln w="38100">
              <a:noFill/>
              <a:round/>
              <a:headEnd/>
              <a:tailEnd/>
            </a:ln>
          </p:spPr>
          <p:txBody>
            <a:bodyPr vert="horz" wrap="square" lIns="91440" tIns="45720" rIns="91440" bIns="45720" numCol="1" rtlCol="0" anchor="t" anchorCtr="0" compatLnSpc="1">
              <a:prstTxWarp prst="textNoShape">
                <a:avLst/>
              </a:prstTxWarp>
            </a:bodyPr>
            <a:lstStyle/>
            <a:p>
              <a:pPr algn="ctr"/>
              <a:endParaRPr lang="en-US" dirty="0"/>
            </a:p>
          </p:txBody>
        </p:sp>
        <p:sp>
          <p:nvSpPr>
            <p:cNvPr id="13" name="Oval 12">
              <a:extLst>
                <a:ext uri="{FF2B5EF4-FFF2-40B4-BE49-F238E27FC236}">
                  <a16:creationId xmlns:a16="http://schemas.microsoft.com/office/drawing/2014/main" id="{DBCB9127-C185-C784-2869-FE36B731B137}"/>
                </a:ext>
              </a:extLst>
            </p:cNvPr>
            <p:cNvSpPr/>
            <p:nvPr/>
          </p:nvSpPr>
          <p:spPr bwMode="auto">
            <a:xfrm>
              <a:off x="5767169" y="2000250"/>
              <a:ext cx="995680" cy="995680"/>
            </a:xfrm>
            <a:prstGeom prst="ellipse">
              <a:avLst/>
            </a:prstGeom>
            <a:solidFill>
              <a:schemeClr val="accent4"/>
            </a:solidFill>
            <a:ln w="38100">
              <a:noFill/>
              <a:round/>
              <a:headEnd/>
              <a:tailEnd/>
            </a:ln>
          </p:spPr>
          <p:txBody>
            <a:bodyPr vert="horz" wrap="square" lIns="91440" tIns="45720" rIns="91440" bIns="45720" numCol="1" rtlCol="0" anchor="t" anchorCtr="0" compatLnSpc="1">
              <a:prstTxWarp prst="textNoShape">
                <a:avLst/>
              </a:prstTxWarp>
            </a:bodyPr>
            <a:lstStyle/>
            <a:p>
              <a:pPr algn="ctr"/>
              <a:endParaRPr lang="en-US"/>
            </a:p>
          </p:txBody>
        </p:sp>
        <p:sp>
          <p:nvSpPr>
            <p:cNvPr id="14" name="Oval 13">
              <a:extLst>
                <a:ext uri="{FF2B5EF4-FFF2-40B4-BE49-F238E27FC236}">
                  <a16:creationId xmlns:a16="http://schemas.microsoft.com/office/drawing/2014/main" id="{F031AFB4-656F-CEB1-6A9F-7021F7B1AEF0}"/>
                </a:ext>
              </a:extLst>
            </p:cNvPr>
            <p:cNvSpPr/>
            <p:nvPr/>
          </p:nvSpPr>
          <p:spPr bwMode="auto">
            <a:xfrm>
              <a:off x="7460177" y="2000250"/>
              <a:ext cx="995680" cy="995680"/>
            </a:xfrm>
            <a:prstGeom prst="ellipse">
              <a:avLst/>
            </a:prstGeom>
            <a:solidFill>
              <a:schemeClr val="accent5"/>
            </a:solidFill>
            <a:ln w="38100">
              <a:noFill/>
              <a:round/>
              <a:headEnd/>
              <a:tailEnd/>
            </a:ln>
          </p:spPr>
          <p:txBody>
            <a:bodyPr vert="horz" wrap="square" lIns="91440" tIns="45720" rIns="91440" bIns="45720" numCol="1" rtlCol="0" anchor="t" anchorCtr="0" compatLnSpc="1">
              <a:prstTxWarp prst="textNoShape">
                <a:avLst/>
              </a:prstTxWarp>
            </a:bodyPr>
            <a:lstStyle/>
            <a:p>
              <a:pPr algn="ctr"/>
              <a:endParaRPr lang="en-US" dirty="0"/>
            </a:p>
          </p:txBody>
        </p:sp>
        <p:sp>
          <p:nvSpPr>
            <p:cNvPr id="16" name="Title 2">
              <a:extLst>
                <a:ext uri="{FF2B5EF4-FFF2-40B4-BE49-F238E27FC236}">
                  <a16:creationId xmlns:a16="http://schemas.microsoft.com/office/drawing/2014/main" id="{E51CCB5D-B785-EE97-B447-7DAE5882A807}"/>
                </a:ext>
              </a:extLst>
            </p:cNvPr>
            <p:cNvSpPr txBox="1">
              <a:spLocks/>
            </p:cNvSpPr>
            <p:nvPr/>
          </p:nvSpPr>
          <p:spPr>
            <a:xfrm>
              <a:off x="588270" y="3259281"/>
              <a:ext cx="1195429" cy="678053"/>
            </a:xfrm>
            <a:prstGeom prst="rect">
              <a:avLst/>
            </a:prstGeom>
          </p:spPr>
          <p:txBody>
            <a:bodyPr wrap="square" lIns="0" tIns="0" rIns="0" bIns="0" anchor="ctr">
              <a:sp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2000" dirty="0">
                  <a:solidFill>
                    <a:schemeClr val="tx1">
                      <a:lumMod val="75000"/>
                      <a:lumOff val="25000"/>
                    </a:schemeClr>
                  </a:solidFill>
                  <a:latin typeface="+mn-lt"/>
                </a:rPr>
                <a:t>Trusted, centralized data</a:t>
              </a:r>
            </a:p>
          </p:txBody>
        </p:sp>
        <p:sp>
          <p:nvSpPr>
            <p:cNvPr id="17" name="Title 2">
              <a:extLst>
                <a:ext uri="{FF2B5EF4-FFF2-40B4-BE49-F238E27FC236}">
                  <a16:creationId xmlns:a16="http://schemas.microsoft.com/office/drawing/2014/main" id="{B108DF84-F17C-62D8-7255-85963AEC752A}"/>
                </a:ext>
              </a:extLst>
            </p:cNvPr>
            <p:cNvSpPr txBox="1">
              <a:spLocks/>
            </p:cNvSpPr>
            <p:nvPr/>
          </p:nvSpPr>
          <p:spPr>
            <a:xfrm>
              <a:off x="2274737" y="3259282"/>
              <a:ext cx="1208511" cy="678053"/>
            </a:xfrm>
            <a:prstGeom prst="rect">
              <a:avLst/>
            </a:prstGeom>
          </p:spPr>
          <p:txBody>
            <a:bodyPr wrap="square" lIns="0" tIns="0" rIns="0" bIns="0" anchor="ctr">
              <a:sp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2000" dirty="0">
                  <a:solidFill>
                    <a:schemeClr val="tx1">
                      <a:lumMod val="75000"/>
                      <a:lumOff val="25000"/>
                    </a:schemeClr>
                  </a:solidFill>
                  <a:latin typeface="+mn-lt"/>
                </a:rPr>
                <a:t>Powerful reporting &amp; analytics</a:t>
              </a:r>
              <a:endParaRPr lang="en-US" sz="1400" dirty="0">
                <a:solidFill>
                  <a:schemeClr val="tx1">
                    <a:lumMod val="75000"/>
                    <a:lumOff val="25000"/>
                  </a:schemeClr>
                </a:solidFill>
                <a:latin typeface="+mn-lt"/>
              </a:endParaRPr>
            </a:p>
          </p:txBody>
        </p:sp>
        <p:sp>
          <p:nvSpPr>
            <p:cNvPr id="18" name="Title 2">
              <a:extLst>
                <a:ext uri="{FF2B5EF4-FFF2-40B4-BE49-F238E27FC236}">
                  <a16:creationId xmlns:a16="http://schemas.microsoft.com/office/drawing/2014/main" id="{D57B1F71-57EB-59F5-6FFE-6050CA280BB6}"/>
                </a:ext>
              </a:extLst>
            </p:cNvPr>
            <p:cNvSpPr txBox="1">
              <a:spLocks/>
            </p:cNvSpPr>
            <p:nvPr/>
          </p:nvSpPr>
          <p:spPr>
            <a:xfrm>
              <a:off x="3975349" y="3146272"/>
              <a:ext cx="1193302" cy="904070"/>
            </a:xfrm>
            <a:prstGeom prst="rect">
              <a:avLst/>
            </a:prstGeom>
          </p:spPr>
          <p:txBody>
            <a:bodyPr wrap="square" lIns="0" tIns="0" rIns="0" bIns="0" anchor="ctr">
              <a:sp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2000" dirty="0">
                  <a:solidFill>
                    <a:schemeClr val="tx1">
                      <a:lumMod val="75000"/>
                      <a:lumOff val="25000"/>
                    </a:schemeClr>
                  </a:solidFill>
                  <a:latin typeface="+mn-lt"/>
                </a:rPr>
                <a:t>External compliance &amp; data submissions</a:t>
              </a:r>
              <a:endParaRPr lang="en-US" sz="1400" dirty="0">
                <a:solidFill>
                  <a:schemeClr val="tx1">
                    <a:lumMod val="75000"/>
                    <a:lumOff val="25000"/>
                  </a:schemeClr>
                </a:solidFill>
                <a:latin typeface="+mn-lt"/>
              </a:endParaRPr>
            </a:p>
          </p:txBody>
        </p:sp>
        <p:sp>
          <p:nvSpPr>
            <p:cNvPr id="19" name="Title 2">
              <a:extLst>
                <a:ext uri="{FF2B5EF4-FFF2-40B4-BE49-F238E27FC236}">
                  <a16:creationId xmlns:a16="http://schemas.microsoft.com/office/drawing/2014/main" id="{E1964BE6-907B-328D-600C-A5D82639BB44}"/>
                </a:ext>
              </a:extLst>
            </p:cNvPr>
            <p:cNvSpPr txBox="1">
              <a:spLocks/>
            </p:cNvSpPr>
            <p:nvPr/>
          </p:nvSpPr>
          <p:spPr>
            <a:xfrm>
              <a:off x="5659589" y="3259282"/>
              <a:ext cx="1307518" cy="678053"/>
            </a:xfrm>
            <a:prstGeom prst="rect">
              <a:avLst/>
            </a:prstGeom>
          </p:spPr>
          <p:txBody>
            <a:bodyPr wrap="square" lIns="0" tIns="0" rIns="0" bIns="0" anchor="ctr">
              <a:sp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2000" dirty="0">
                  <a:solidFill>
                    <a:schemeClr val="tx1">
                      <a:lumMod val="75000"/>
                      <a:lumOff val="25000"/>
                    </a:schemeClr>
                  </a:solidFill>
                  <a:latin typeface="+mn-lt"/>
                </a:rPr>
                <a:t>System-wide benchmarking &amp; insights</a:t>
              </a:r>
              <a:endParaRPr lang="en-US" sz="1400" dirty="0">
                <a:solidFill>
                  <a:schemeClr val="tx1">
                    <a:lumMod val="75000"/>
                    <a:lumOff val="25000"/>
                  </a:schemeClr>
                </a:solidFill>
                <a:latin typeface="+mn-lt"/>
              </a:endParaRPr>
            </a:p>
          </p:txBody>
        </p:sp>
        <p:sp>
          <p:nvSpPr>
            <p:cNvPr id="20" name="Title 2">
              <a:extLst>
                <a:ext uri="{FF2B5EF4-FFF2-40B4-BE49-F238E27FC236}">
                  <a16:creationId xmlns:a16="http://schemas.microsoft.com/office/drawing/2014/main" id="{09515BAB-6E40-C515-3FD6-A124D91956FC}"/>
                </a:ext>
              </a:extLst>
            </p:cNvPr>
            <p:cNvSpPr txBox="1">
              <a:spLocks/>
            </p:cNvSpPr>
            <p:nvPr/>
          </p:nvSpPr>
          <p:spPr>
            <a:xfrm>
              <a:off x="7352597" y="3259282"/>
              <a:ext cx="1210840" cy="678053"/>
            </a:xfrm>
            <a:prstGeom prst="rect">
              <a:avLst/>
            </a:prstGeom>
          </p:spPr>
          <p:txBody>
            <a:bodyPr wrap="square" lIns="0" tIns="0" rIns="0" bIns="0" anchor="ctr">
              <a:sp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2000" dirty="0">
                  <a:solidFill>
                    <a:schemeClr val="tx1">
                      <a:lumMod val="75000"/>
                      <a:lumOff val="25000"/>
                    </a:schemeClr>
                  </a:solidFill>
                  <a:latin typeface="+mn-lt"/>
                </a:rPr>
                <a:t>Forecasting and strategic planning</a:t>
              </a:r>
              <a:endParaRPr lang="en-US" sz="1400" dirty="0">
                <a:solidFill>
                  <a:schemeClr val="tx1">
                    <a:lumMod val="75000"/>
                    <a:lumOff val="25000"/>
                  </a:schemeClr>
                </a:solidFill>
                <a:latin typeface="+mn-lt"/>
              </a:endParaRPr>
            </a:p>
          </p:txBody>
        </p:sp>
        <p:sp>
          <p:nvSpPr>
            <p:cNvPr id="29" name="Freeform: Shape 28">
              <a:extLst>
                <a:ext uri="{FF2B5EF4-FFF2-40B4-BE49-F238E27FC236}">
                  <a16:creationId xmlns:a16="http://schemas.microsoft.com/office/drawing/2014/main" id="{4071BD58-ECDB-685D-CBB6-89911DF2D85D}"/>
                </a:ext>
              </a:extLst>
            </p:cNvPr>
            <p:cNvSpPr/>
            <p:nvPr/>
          </p:nvSpPr>
          <p:spPr>
            <a:xfrm>
              <a:off x="2616627" y="2235725"/>
              <a:ext cx="524730" cy="524730"/>
            </a:xfrm>
            <a:custGeom>
              <a:avLst/>
              <a:gdLst>
                <a:gd name="connsiteX0" fmla="*/ 416217 w 939199"/>
                <a:gd name="connsiteY0" fmla="*/ 878606 h 939199"/>
                <a:gd name="connsiteX1" fmla="*/ 469600 w 939199"/>
                <a:gd name="connsiteY1" fmla="*/ 908903 h 939199"/>
                <a:gd name="connsiteX2" fmla="*/ 522982 w 939199"/>
                <a:gd name="connsiteY2" fmla="*/ 878606 h 939199"/>
                <a:gd name="connsiteX3" fmla="*/ 46157 w 939199"/>
                <a:gd name="connsiteY3" fmla="*/ 855292 h 939199"/>
                <a:gd name="connsiteX4" fmla="*/ 30978 w 939199"/>
                <a:gd name="connsiteY4" fmla="*/ 894769 h 939199"/>
                <a:gd name="connsiteX5" fmla="*/ 30297 w 939199"/>
                <a:gd name="connsiteY5" fmla="*/ 898496 h 939199"/>
                <a:gd name="connsiteX6" fmla="*/ 44445 w 939199"/>
                <a:gd name="connsiteY6" fmla="*/ 908206 h 939199"/>
                <a:gd name="connsiteX7" fmla="*/ 83892 w 939199"/>
                <a:gd name="connsiteY7" fmla="*/ 893027 h 939199"/>
                <a:gd name="connsiteX8" fmla="*/ 393858 w 939199"/>
                <a:gd name="connsiteY8" fmla="*/ 818012 h 939199"/>
                <a:gd name="connsiteX9" fmla="*/ 378709 w 939199"/>
                <a:gd name="connsiteY9" fmla="*/ 833161 h 939199"/>
                <a:gd name="connsiteX10" fmla="*/ 393858 w 939199"/>
                <a:gd name="connsiteY10" fmla="*/ 848309 h 939199"/>
                <a:gd name="connsiteX11" fmla="*/ 545342 w 939199"/>
                <a:gd name="connsiteY11" fmla="*/ 848309 h 939199"/>
                <a:gd name="connsiteX12" fmla="*/ 560490 w 939199"/>
                <a:gd name="connsiteY12" fmla="*/ 833161 h 939199"/>
                <a:gd name="connsiteX13" fmla="*/ 545342 w 939199"/>
                <a:gd name="connsiteY13" fmla="*/ 818012 h 939199"/>
                <a:gd name="connsiteX14" fmla="*/ 393858 w 939199"/>
                <a:gd name="connsiteY14" fmla="*/ 757419 h 939199"/>
                <a:gd name="connsiteX15" fmla="*/ 378709 w 939199"/>
                <a:gd name="connsiteY15" fmla="*/ 772567 h 939199"/>
                <a:gd name="connsiteX16" fmla="*/ 393858 w 939199"/>
                <a:gd name="connsiteY16" fmla="*/ 787716 h 939199"/>
                <a:gd name="connsiteX17" fmla="*/ 545342 w 939199"/>
                <a:gd name="connsiteY17" fmla="*/ 787716 h 939199"/>
                <a:gd name="connsiteX18" fmla="*/ 560490 w 939199"/>
                <a:gd name="connsiteY18" fmla="*/ 772567 h 939199"/>
                <a:gd name="connsiteX19" fmla="*/ 545342 w 939199"/>
                <a:gd name="connsiteY19" fmla="*/ 757419 h 939199"/>
                <a:gd name="connsiteX20" fmla="*/ 96662 w 939199"/>
                <a:gd name="connsiteY20" fmla="*/ 724017 h 939199"/>
                <a:gd name="connsiteX21" fmla="*/ 58064 w 939199"/>
                <a:gd name="connsiteY21" fmla="*/ 824359 h 939199"/>
                <a:gd name="connsiteX22" fmla="*/ 114840 w 939199"/>
                <a:gd name="connsiteY22" fmla="*/ 881136 h 939199"/>
                <a:gd name="connsiteX23" fmla="*/ 215183 w 939199"/>
                <a:gd name="connsiteY23" fmla="*/ 842537 h 939199"/>
                <a:gd name="connsiteX24" fmla="*/ 299408 w 939199"/>
                <a:gd name="connsiteY24" fmla="*/ 661211 h 939199"/>
                <a:gd name="connsiteX25" fmla="*/ 188052 w 939199"/>
                <a:gd name="connsiteY25" fmla="*/ 772567 h 939199"/>
                <a:gd name="connsiteX26" fmla="*/ 242374 w 939199"/>
                <a:gd name="connsiteY26" fmla="*/ 826889 h 939199"/>
                <a:gd name="connsiteX27" fmla="*/ 348095 w 939199"/>
                <a:gd name="connsiteY27" fmla="*/ 721154 h 939199"/>
                <a:gd name="connsiteX28" fmla="*/ 299408 w 939199"/>
                <a:gd name="connsiteY28" fmla="*/ 661211 h 939199"/>
                <a:gd name="connsiteX29" fmla="*/ 727122 w 939199"/>
                <a:gd name="connsiteY29" fmla="*/ 651380 h 939199"/>
                <a:gd name="connsiteX30" fmla="*/ 711974 w 939199"/>
                <a:gd name="connsiteY30" fmla="*/ 666528 h 939199"/>
                <a:gd name="connsiteX31" fmla="*/ 727122 w 939199"/>
                <a:gd name="connsiteY31" fmla="*/ 681677 h 939199"/>
                <a:gd name="connsiteX32" fmla="*/ 742271 w 939199"/>
                <a:gd name="connsiteY32" fmla="*/ 666528 h 939199"/>
                <a:gd name="connsiteX33" fmla="*/ 727122 w 939199"/>
                <a:gd name="connsiteY33" fmla="*/ 651380 h 939199"/>
                <a:gd name="connsiteX34" fmla="*/ 727122 w 939199"/>
                <a:gd name="connsiteY34" fmla="*/ 621083 h 939199"/>
                <a:gd name="connsiteX35" fmla="*/ 772567 w 939199"/>
                <a:gd name="connsiteY35" fmla="*/ 666528 h 939199"/>
                <a:gd name="connsiteX36" fmla="*/ 727122 w 939199"/>
                <a:gd name="connsiteY36" fmla="*/ 711973 h 939199"/>
                <a:gd name="connsiteX37" fmla="*/ 681677 w 939199"/>
                <a:gd name="connsiteY37" fmla="*/ 666528 h 939199"/>
                <a:gd name="connsiteX38" fmla="*/ 727122 w 939199"/>
                <a:gd name="connsiteY38" fmla="*/ 621083 h 939199"/>
                <a:gd name="connsiteX39" fmla="*/ 727122 w 939199"/>
                <a:gd name="connsiteY39" fmla="*/ 590787 h 939199"/>
                <a:gd name="connsiteX40" fmla="*/ 701415 w 939199"/>
                <a:gd name="connsiteY40" fmla="*/ 595558 h 939199"/>
                <a:gd name="connsiteX41" fmla="*/ 654046 w 939199"/>
                <a:gd name="connsiteY41" fmla="*/ 647230 h 939199"/>
                <a:gd name="connsiteX42" fmla="*/ 651380 w 939199"/>
                <a:gd name="connsiteY42" fmla="*/ 666529 h 939199"/>
                <a:gd name="connsiteX43" fmla="*/ 727122 w 939199"/>
                <a:gd name="connsiteY43" fmla="*/ 742270 h 939199"/>
                <a:gd name="connsiteX44" fmla="*/ 802864 w 939199"/>
                <a:gd name="connsiteY44" fmla="*/ 666529 h 939199"/>
                <a:gd name="connsiteX45" fmla="*/ 727122 w 939199"/>
                <a:gd name="connsiteY45" fmla="*/ 590787 h 939199"/>
                <a:gd name="connsiteX46" fmla="*/ 227892 w 939199"/>
                <a:gd name="connsiteY46" fmla="*/ 581243 h 939199"/>
                <a:gd name="connsiteX47" fmla="*/ 112310 w 939199"/>
                <a:gd name="connsiteY47" fmla="*/ 696825 h 939199"/>
                <a:gd name="connsiteX48" fmla="*/ 166632 w 939199"/>
                <a:gd name="connsiteY48" fmla="*/ 751147 h 939199"/>
                <a:gd name="connsiteX49" fmla="*/ 277776 w 939199"/>
                <a:gd name="connsiteY49" fmla="*/ 640004 h 939199"/>
                <a:gd name="connsiteX50" fmla="*/ 227892 w 939199"/>
                <a:gd name="connsiteY50" fmla="*/ 581243 h 939199"/>
                <a:gd name="connsiteX51" fmla="*/ 741801 w 939199"/>
                <a:gd name="connsiteY51" fmla="*/ 484748 h 939199"/>
                <a:gd name="connsiteX52" fmla="*/ 722729 w 939199"/>
                <a:gd name="connsiteY52" fmla="*/ 560702 h 939199"/>
                <a:gd name="connsiteX53" fmla="*/ 727122 w 939199"/>
                <a:gd name="connsiteY53" fmla="*/ 560490 h 939199"/>
                <a:gd name="connsiteX54" fmla="*/ 833161 w 939199"/>
                <a:gd name="connsiteY54" fmla="*/ 666529 h 939199"/>
                <a:gd name="connsiteX55" fmla="*/ 727122 w 939199"/>
                <a:gd name="connsiteY55" fmla="*/ 772567 h 939199"/>
                <a:gd name="connsiteX56" fmla="*/ 621992 w 939199"/>
                <a:gd name="connsiteY56" fmla="*/ 679692 h 939199"/>
                <a:gd name="connsiteX57" fmla="*/ 580607 w 939199"/>
                <a:gd name="connsiteY57" fmla="*/ 744255 h 939199"/>
                <a:gd name="connsiteX58" fmla="*/ 590787 w 939199"/>
                <a:gd name="connsiteY58" fmla="*/ 772567 h 939199"/>
                <a:gd name="connsiteX59" fmla="*/ 588726 w 939199"/>
                <a:gd name="connsiteY59" fmla="*/ 785307 h 939199"/>
                <a:gd name="connsiteX60" fmla="*/ 609253 w 939199"/>
                <a:gd name="connsiteY60" fmla="*/ 805833 h 939199"/>
                <a:gd name="connsiteX61" fmla="*/ 609889 w 939199"/>
                <a:gd name="connsiteY61" fmla="*/ 805197 h 939199"/>
                <a:gd name="connsiteX62" fmla="*/ 674830 w 939199"/>
                <a:gd name="connsiteY62" fmla="*/ 792457 h 939199"/>
                <a:gd name="connsiteX63" fmla="*/ 711974 w 939199"/>
                <a:gd name="connsiteY63" fmla="*/ 847476 h 939199"/>
                <a:gd name="connsiteX64" fmla="*/ 711974 w 939199"/>
                <a:gd name="connsiteY64" fmla="*/ 848309 h 939199"/>
                <a:gd name="connsiteX65" fmla="*/ 742270 w 939199"/>
                <a:gd name="connsiteY65" fmla="*/ 848309 h 939199"/>
                <a:gd name="connsiteX66" fmla="*/ 742270 w 939199"/>
                <a:gd name="connsiteY66" fmla="*/ 847476 h 939199"/>
                <a:gd name="connsiteX67" fmla="*/ 778914 w 939199"/>
                <a:gd name="connsiteY67" fmla="*/ 792669 h 939199"/>
                <a:gd name="connsiteX68" fmla="*/ 844340 w 939199"/>
                <a:gd name="connsiteY68" fmla="*/ 805197 h 939199"/>
                <a:gd name="connsiteX69" fmla="*/ 844976 w 939199"/>
                <a:gd name="connsiteY69" fmla="*/ 805833 h 939199"/>
                <a:gd name="connsiteX70" fmla="*/ 866426 w 939199"/>
                <a:gd name="connsiteY70" fmla="*/ 784383 h 939199"/>
                <a:gd name="connsiteX71" fmla="*/ 865790 w 939199"/>
                <a:gd name="connsiteY71" fmla="*/ 783747 h 939199"/>
                <a:gd name="connsiteX72" fmla="*/ 853066 w 939199"/>
                <a:gd name="connsiteY72" fmla="*/ 718821 h 939199"/>
                <a:gd name="connsiteX73" fmla="*/ 908069 w 939199"/>
                <a:gd name="connsiteY73" fmla="*/ 681677 h 939199"/>
                <a:gd name="connsiteX74" fmla="*/ 908903 w 939199"/>
                <a:gd name="connsiteY74" fmla="*/ 681677 h 939199"/>
                <a:gd name="connsiteX75" fmla="*/ 908903 w 939199"/>
                <a:gd name="connsiteY75" fmla="*/ 651380 h 939199"/>
                <a:gd name="connsiteX76" fmla="*/ 908069 w 939199"/>
                <a:gd name="connsiteY76" fmla="*/ 651380 h 939199"/>
                <a:gd name="connsiteX77" fmla="*/ 853263 w 939199"/>
                <a:gd name="connsiteY77" fmla="*/ 614721 h 939199"/>
                <a:gd name="connsiteX78" fmla="*/ 865790 w 939199"/>
                <a:gd name="connsiteY78" fmla="*/ 549310 h 939199"/>
                <a:gd name="connsiteX79" fmla="*/ 866426 w 939199"/>
                <a:gd name="connsiteY79" fmla="*/ 548674 h 939199"/>
                <a:gd name="connsiteX80" fmla="*/ 844976 w 939199"/>
                <a:gd name="connsiteY80" fmla="*/ 527224 h 939199"/>
                <a:gd name="connsiteX81" fmla="*/ 844340 w 939199"/>
                <a:gd name="connsiteY81" fmla="*/ 527860 h 939199"/>
                <a:gd name="connsiteX82" fmla="*/ 779399 w 939199"/>
                <a:gd name="connsiteY82" fmla="*/ 540585 h 939199"/>
                <a:gd name="connsiteX83" fmla="*/ 742270 w 939199"/>
                <a:gd name="connsiteY83" fmla="*/ 485581 h 939199"/>
                <a:gd name="connsiteX84" fmla="*/ 742270 w 939199"/>
                <a:gd name="connsiteY84" fmla="*/ 484748 h 939199"/>
                <a:gd name="connsiteX85" fmla="*/ 231891 w 939199"/>
                <a:gd name="connsiteY85" fmla="*/ 424155 h 939199"/>
                <a:gd name="connsiteX86" fmla="*/ 227226 w 939199"/>
                <a:gd name="connsiteY86" fmla="*/ 469600 h 939199"/>
                <a:gd name="connsiteX87" fmla="*/ 308936 w 939199"/>
                <a:gd name="connsiteY87" fmla="*/ 628112 h 939199"/>
                <a:gd name="connsiteX88" fmla="*/ 384890 w 939199"/>
                <a:gd name="connsiteY88" fmla="*/ 728031 h 939199"/>
                <a:gd name="connsiteX89" fmla="*/ 393858 w 939199"/>
                <a:gd name="connsiteY89" fmla="*/ 727122 h 939199"/>
                <a:gd name="connsiteX90" fmla="*/ 454451 w 939199"/>
                <a:gd name="connsiteY90" fmla="*/ 727122 h 939199"/>
                <a:gd name="connsiteX91" fmla="*/ 454451 w 939199"/>
                <a:gd name="connsiteY91" fmla="*/ 651380 h 939199"/>
                <a:gd name="connsiteX92" fmla="*/ 439303 w 939199"/>
                <a:gd name="connsiteY92" fmla="*/ 636232 h 939199"/>
                <a:gd name="connsiteX93" fmla="*/ 409006 w 939199"/>
                <a:gd name="connsiteY93" fmla="*/ 636232 h 939199"/>
                <a:gd name="connsiteX94" fmla="*/ 363561 w 939199"/>
                <a:gd name="connsiteY94" fmla="*/ 590787 h 939199"/>
                <a:gd name="connsiteX95" fmla="*/ 409006 w 939199"/>
                <a:gd name="connsiteY95" fmla="*/ 545342 h 939199"/>
                <a:gd name="connsiteX96" fmla="*/ 560490 w 939199"/>
                <a:gd name="connsiteY96" fmla="*/ 545342 h 939199"/>
                <a:gd name="connsiteX97" fmla="*/ 575638 w 939199"/>
                <a:gd name="connsiteY97" fmla="*/ 530193 h 939199"/>
                <a:gd name="connsiteX98" fmla="*/ 560490 w 939199"/>
                <a:gd name="connsiteY98" fmla="*/ 515045 h 939199"/>
                <a:gd name="connsiteX99" fmla="*/ 439303 w 939199"/>
                <a:gd name="connsiteY99" fmla="*/ 515045 h 939199"/>
                <a:gd name="connsiteX100" fmla="*/ 393858 w 939199"/>
                <a:gd name="connsiteY100" fmla="*/ 469600 h 939199"/>
                <a:gd name="connsiteX101" fmla="*/ 393858 w 939199"/>
                <a:gd name="connsiteY101" fmla="*/ 424155 h 939199"/>
                <a:gd name="connsiteX102" fmla="*/ 496321 w 939199"/>
                <a:gd name="connsiteY102" fmla="*/ 228801 h 939199"/>
                <a:gd name="connsiteX103" fmla="*/ 499896 w 939199"/>
                <a:gd name="connsiteY103" fmla="*/ 257522 h 939199"/>
                <a:gd name="connsiteX104" fmla="*/ 498654 w 939199"/>
                <a:gd name="connsiteY104" fmla="*/ 272792 h 939199"/>
                <a:gd name="connsiteX105" fmla="*/ 499896 w 939199"/>
                <a:gd name="connsiteY105" fmla="*/ 272671 h 939199"/>
                <a:gd name="connsiteX106" fmla="*/ 575638 w 939199"/>
                <a:gd name="connsiteY106" fmla="*/ 348413 h 939199"/>
                <a:gd name="connsiteX107" fmla="*/ 499896 w 939199"/>
                <a:gd name="connsiteY107" fmla="*/ 424155 h 939199"/>
                <a:gd name="connsiteX108" fmla="*/ 424155 w 939199"/>
                <a:gd name="connsiteY108" fmla="*/ 424155 h 939199"/>
                <a:gd name="connsiteX109" fmla="*/ 424155 w 939199"/>
                <a:gd name="connsiteY109" fmla="*/ 469600 h 939199"/>
                <a:gd name="connsiteX110" fmla="*/ 439303 w 939199"/>
                <a:gd name="connsiteY110" fmla="*/ 484748 h 939199"/>
                <a:gd name="connsiteX111" fmla="*/ 560490 w 939199"/>
                <a:gd name="connsiteY111" fmla="*/ 484748 h 939199"/>
                <a:gd name="connsiteX112" fmla="*/ 605935 w 939199"/>
                <a:gd name="connsiteY112" fmla="*/ 530193 h 939199"/>
                <a:gd name="connsiteX113" fmla="*/ 560490 w 939199"/>
                <a:gd name="connsiteY113" fmla="*/ 575638 h 939199"/>
                <a:gd name="connsiteX114" fmla="*/ 409006 w 939199"/>
                <a:gd name="connsiteY114" fmla="*/ 575638 h 939199"/>
                <a:gd name="connsiteX115" fmla="*/ 393858 w 939199"/>
                <a:gd name="connsiteY115" fmla="*/ 590787 h 939199"/>
                <a:gd name="connsiteX116" fmla="*/ 409006 w 939199"/>
                <a:gd name="connsiteY116" fmla="*/ 605935 h 939199"/>
                <a:gd name="connsiteX117" fmla="*/ 439303 w 939199"/>
                <a:gd name="connsiteY117" fmla="*/ 605935 h 939199"/>
                <a:gd name="connsiteX118" fmla="*/ 484748 w 939199"/>
                <a:gd name="connsiteY118" fmla="*/ 651380 h 939199"/>
                <a:gd name="connsiteX119" fmla="*/ 484748 w 939199"/>
                <a:gd name="connsiteY119" fmla="*/ 727122 h 939199"/>
                <a:gd name="connsiteX120" fmla="*/ 545342 w 939199"/>
                <a:gd name="connsiteY120" fmla="*/ 727122 h 939199"/>
                <a:gd name="connsiteX121" fmla="*/ 554309 w 939199"/>
                <a:gd name="connsiteY121" fmla="*/ 728031 h 939199"/>
                <a:gd name="connsiteX122" fmla="*/ 630263 w 939199"/>
                <a:gd name="connsiteY122" fmla="*/ 628112 h 939199"/>
                <a:gd name="connsiteX123" fmla="*/ 711974 w 939199"/>
                <a:gd name="connsiteY123" fmla="*/ 469600 h 939199"/>
                <a:gd name="connsiteX124" fmla="*/ 496321 w 939199"/>
                <a:gd name="connsiteY124" fmla="*/ 228801 h 939199"/>
                <a:gd name="connsiteX125" fmla="*/ 742270 w 939199"/>
                <a:gd name="connsiteY125" fmla="*/ 218349 h 939199"/>
                <a:gd name="connsiteX126" fmla="*/ 672239 w 939199"/>
                <a:gd name="connsiteY126" fmla="*/ 288395 h 939199"/>
                <a:gd name="connsiteX127" fmla="*/ 715685 w 939199"/>
                <a:gd name="connsiteY127" fmla="*/ 353578 h 939199"/>
                <a:gd name="connsiteX128" fmla="*/ 796592 w 939199"/>
                <a:gd name="connsiteY128" fmla="*/ 272671 h 939199"/>
                <a:gd name="connsiteX129" fmla="*/ 666529 w 939199"/>
                <a:gd name="connsiteY129" fmla="*/ 142607 h 939199"/>
                <a:gd name="connsiteX130" fmla="*/ 585697 w 939199"/>
                <a:gd name="connsiteY130" fmla="*/ 223439 h 939199"/>
                <a:gd name="connsiteX131" fmla="*/ 650850 w 939199"/>
                <a:gd name="connsiteY131" fmla="*/ 266930 h 939199"/>
                <a:gd name="connsiteX132" fmla="*/ 720851 w 939199"/>
                <a:gd name="connsiteY132" fmla="*/ 196929 h 939199"/>
                <a:gd name="connsiteX133" fmla="*/ 711974 w 939199"/>
                <a:gd name="connsiteY133" fmla="*/ 97162 h 939199"/>
                <a:gd name="connsiteX134" fmla="*/ 687948 w 939199"/>
                <a:gd name="connsiteY134" fmla="*/ 121187 h 939199"/>
                <a:gd name="connsiteX135" fmla="*/ 818012 w 939199"/>
                <a:gd name="connsiteY135" fmla="*/ 251251 h 939199"/>
                <a:gd name="connsiteX136" fmla="*/ 842038 w 939199"/>
                <a:gd name="connsiteY136" fmla="*/ 227226 h 939199"/>
                <a:gd name="connsiteX137" fmla="*/ 212077 w 939199"/>
                <a:gd name="connsiteY137" fmla="*/ 90890 h 939199"/>
                <a:gd name="connsiteX138" fmla="*/ 90890 w 939199"/>
                <a:gd name="connsiteY138" fmla="*/ 212077 h 939199"/>
                <a:gd name="connsiteX139" fmla="*/ 94768 w 939199"/>
                <a:gd name="connsiteY139" fmla="*/ 242571 h 939199"/>
                <a:gd name="connsiteX140" fmla="*/ 181781 w 939199"/>
                <a:gd name="connsiteY140" fmla="*/ 333264 h 939199"/>
                <a:gd name="connsiteX141" fmla="*/ 151484 w 939199"/>
                <a:gd name="connsiteY141" fmla="*/ 333264 h 939199"/>
                <a:gd name="connsiteX142" fmla="*/ 90890 w 939199"/>
                <a:gd name="connsiteY142" fmla="*/ 272671 h 939199"/>
                <a:gd name="connsiteX143" fmla="*/ 30297 w 939199"/>
                <a:gd name="connsiteY143" fmla="*/ 333264 h 939199"/>
                <a:gd name="connsiteX144" fmla="*/ 90890 w 939199"/>
                <a:gd name="connsiteY144" fmla="*/ 393858 h 939199"/>
                <a:gd name="connsiteX145" fmla="*/ 499896 w 939199"/>
                <a:gd name="connsiteY145" fmla="*/ 393858 h 939199"/>
                <a:gd name="connsiteX146" fmla="*/ 545342 w 939199"/>
                <a:gd name="connsiteY146" fmla="*/ 348413 h 939199"/>
                <a:gd name="connsiteX147" fmla="*/ 499896 w 939199"/>
                <a:gd name="connsiteY147" fmla="*/ 302968 h 939199"/>
                <a:gd name="connsiteX148" fmla="*/ 454451 w 939199"/>
                <a:gd name="connsiteY148" fmla="*/ 348413 h 939199"/>
                <a:gd name="connsiteX149" fmla="*/ 424155 w 939199"/>
                <a:gd name="connsiteY149" fmla="*/ 348413 h 939199"/>
                <a:gd name="connsiteX150" fmla="*/ 466267 w 939199"/>
                <a:gd name="connsiteY150" fmla="*/ 280896 h 939199"/>
                <a:gd name="connsiteX151" fmla="*/ 469600 w 939199"/>
                <a:gd name="connsiteY151" fmla="*/ 257522 h 939199"/>
                <a:gd name="connsiteX152" fmla="*/ 378709 w 939199"/>
                <a:gd name="connsiteY152" fmla="*/ 166632 h 939199"/>
                <a:gd name="connsiteX153" fmla="*/ 288804 w 939199"/>
                <a:gd name="connsiteY153" fmla="*/ 244828 h 939199"/>
                <a:gd name="connsiteX154" fmla="*/ 333264 w 939199"/>
                <a:gd name="connsiteY154" fmla="*/ 302968 h 939199"/>
                <a:gd name="connsiteX155" fmla="*/ 302968 w 939199"/>
                <a:gd name="connsiteY155" fmla="*/ 302968 h 939199"/>
                <a:gd name="connsiteX156" fmla="*/ 272671 w 939199"/>
                <a:gd name="connsiteY156" fmla="*/ 272671 h 939199"/>
                <a:gd name="connsiteX157" fmla="*/ 242374 w 939199"/>
                <a:gd name="connsiteY157" fmla="*/ 302968 h 939199"/>
                <a:gd name="connsiteX158" fmla="*/ 212077 w 939199"/>
                <a:gd name="connsiteY158" fmla="*/ 302968 h 939199"/>
                <a:gd name="connsiteX159" fmla="*/ 258280 w 939199"/>
                <a:gd name="connsiteY159" fmla="*/ 244283 h 939199"/>
                <a:gd name="connsiteX160" fmla="*/ 317646 w 939199"/>
                <a:gd name="connsiteY160" fmla="*/ 153014 h 939199"/>
                <a:gd name="connsiteX161" fmla="*/ 212077 w 939199"/>
                <a:gd name="connsiteY161" fmla="*/ 90890 h 939199"/>
                <a:gd name="connsiteX162" fmla="*/ 816937 w 939199"/>
                <a:gd name="connsiteY162" fmla="*/ 30297 h 939199"/>
                <a:gd name="connsiteX163" fmla="*/ 751905 w 939199"/>
                <a:gd name="connsiteY163" fmla="*/ 57231 h 939199"/>
                <a:gd name="connsiteX164" fmla="*/ 733393 w 939199"/>
                <a:gd name="connsiteY164" fmla="*/ 75742 h 939199"/>
                <a:gd name="connsiteX165" fmla="*/ 863457 w 939199"/>
                <a:gd name="connsiteY165" fmla="*/ 205806 h 939199"/>
                <a:gd name="connsiteX166" fmla="*/ 881969 w 939199"/>
                <a:gd name="connsiteY166" fmla="*/ 187295 h 939199"/>
                <a:gd name="connsiteX167" fmla="*/ 908903 w 939199"/>
                <a:gd name="connsiteY167" fmla="*/ 122263 h 939199"/>
                <a:gd name="connsiteX168" fmla="*/ 816937 w 939199"/>
                <a:gd name="connsiteY168" fmla="*/ 30297 h 939199"/>
                <a:gd name="connsiteX169" fmla="*/ 816937 w 939199"/>
                <a:gd name="connsiteY169" fmla="*/ 0 h 939199"/>
                <a:gd name="connsiteX170" fmla="*/ 939199 w 939199"/>
                <a:gd name="connsiteY170" fmla="*/ 122263 h 939199"/>
                <a:gd name="connsiteX171" fmla="*/ 903373 w 939199"/>
                <a:gd name="connsiteY171" fmla="*/ 208729 h 939199"/>
                <a:gd name="connsiteX172" fmla="*/ 728076 w 939199"/>
                <a:gd name="connsiteY172" fmla="*/ 384026 h 939199"/>
                <a:gd name="connsiteX173" fmla="*/ 741498 w 939199"/>
                <a:gd name="connsiteY173" fmla="*/ 454451 h 939199"/>
                <a:gd name="connsiteX174" fmla="*/ 772567 w 939199"/>
                <a:gd name="connsiteY174" fmla="*/ 454451 h 939199"/>
                <a:gd name="connsiteX175" fmla="*/ 772567 w 939199"/>
                <a:gd name="connsiteY175" fmla="*/ 485581 h 939199"/>
                <a:gd name="connsiteX176" fmla="*/ 790473 w 939199"/>
                <a:gd name="connsiteY176" fmla="*/ 512364 h 939199"/>
                <a:gd name="connsiteX177" fmla="*/ 822905 w 939199"/>
                <a:gd name="connsiteY177" fmla="*/ 506425 h 939199"/>
                <a:gd name="connsiteX178" fmla="*/ 844976 w 939199"/>
                <a:gd name="connsiteY178" fmla="*/ 484369 h 939199"/>
                <a:gd name="connsiteX179" fmla="*/ 909266 w 939199"/>
                <a:gd name="connsiteY179" fmla="*/ 548659 h 939199"/>
                <a:gd name="connsiteX180" fmla="*/ 887225 w 939199"/>
                <a:gd name="connsiteY180" fmla="*/ 570715 h 939199"/>
                <a:gd name="connsiteX181" fmla="*/ 881030 w 939199"/>
                <a:gd name="connsiteY181" fmla="*/ 602572 h 939199"/>
                <a:gd name="connsiteX182" fmla="*/ 908069 w 939199"/>
                <a:gd name="connsiteY182" fmla="*/ 621083 h 939199"/>
                <a:gd name="connsiteX183" fmla="*/ 939199 w 939199"/>
                <a:gd name="connsiteY183" fmla="*/ 621083 h 939199"/>
                <a:gd name="connsiteX184" fmla="*/ 939199 w 939199"/>
                <a:gd name="connsiteY184" fmla="*/ 711974 h 939199"/>
                <a:gd name="connsiteX185" fmla="*/ 908069 w 939199"/>
                <a:gd name="connsiteY185" fmla="*/ 711974 h 939199"/>
                <a:gd name="connsiteX186" fmla="*/ 881272 w 939199"/>
                <a:gd name="connsiteY186" fmla="*/ 729894 h 939199"/>
                <a:gd name="connsiteX187" fmla="*/ 887225 w 939199"/>
                <a:gd name="connsiteY187" fmla="*/ 762327 h 939199"/>
                <a:gd name="connsiteX188" fmla="*/ 909266 w 939199"/>
                <a:gd name="connsiteY188" fmla="*/ 784383 h 939199"/>
                <a:gd name="connsiteX189" fmla="*/ 844976 w 939199"/>
                <a:gd name="connsiteY189" fmla="*/ 848673 h 939199"/>
                <a:gd name="connsiteX190" fmla="*/ 822920 w 939199"/>
                <a:gd name="connsiteY190" fmla="*/ 826617 h 939199"/>
                <a:gd name="connsiteX191" fmla="*/ 791078 w 939199"/>
                <a:gd name="connsiteY191" fmla="*/ 820421 h 939199"/>
                <a:gd name="connsiteX192" fmla="*/ 772567 w 939199"/>
                <a:gd name="connsiteY192" fmla="*/ 847476 h 939199"/>
                <a:gd name="connsiteX193" fmla="*/ 772567 w 939199"/>
                <a:gd name="connsiteY193" fmla="*/ 878606 h 939199"/>
                <a:gd name="connsiteX194" fmla="*/ 681677 w 939199"/>
                <a:gd name="connsiteY194" fmla="*/ 878606 h 939199"/>
                <a:gd name="connsiteX195" fmla="*/ 681677 w 939199"/>
                <a:gd name="connsiteY195" fmla="*/ 847476 h 939199"/>
                <a:gd name="connsiteX196" fmla="*/ 663756 w 939199"/>
                <a:gd name="connsiteY196" fmla="*/ 820648 h 939199"/>
                <a:gd name="connsiteX197" fmla="*/ 631339 w 939199"/>
                <a:gd name="connsiteY197" fmla="*/ 826617 h 939199"/>
                <a:gd name="connsiteX198" fmla="*/ 609268 w 939199"/>
                <a:gd name="connsiteY198" fmla="*/ 848673 h 939199"/>
                <a:gd name="connsiteX199" fmla="*/ 590453 w 939199"/>
                <a:gd name="connsiteY199" fmla="*/ 829858 h 939199"/>
                <a:gd name="connsiteX200" fmla="*/ 590787 w 939199"/>
                <a:gd name="connsiteY200" fmla="*/ 833161 h 939199"/>
                <a:gd name="connsiteX201" fmla="*/ 556854 w 939199"/>
                <a:gd name="connsiteY201" fmla="*/ 876939 h 939199"/>
                <a:gd name="connsiteX202" fmla="*/ 469600 w 939199"/>
                <a:gd name="connsiteY202" fmla="*/ 939199 h 939199"/>
                <a:gd name="connsiteX203" fmla="*/ 382345 w 939199"/>
                <a:gd name="connsiteY203" fmla="*/ 876939 h 939199"/>
                <a:gd name="connsiteX204" fmla="*/ 348413 w 939199"/>
                <a:gd name="connsiteY204" fmla="*/ 833161 h 939199"/>
                <a:gd name="connsiteX205" fmla="*/ 360228 w 939199"/>
                <a:gd name="connsiteY205" fmla="*/ 802864 h 939199"/>
                <a:gd name="connsiteX206" fmla="*/ 348413 w 939199"/>
                <a:gd name="connsiteY206" fmla="*/ 772567 h 939199"/>
                <a:gd name="connsiteX207" fmla="*/ 349625 w 939199"/>
                <a:gd name="connsiteY207" fmla="*/ 762463 h 939199"/>
                <a:gd name="connsiteX208" fmla="*/ 250812 w 939199"/>
                <a:gd name="connsiteY208" fmla="*/ 861291 h 939199"/>
                <a:gd name="connsiteX209" fmla="*/ 55307 w 939199"/>
                <a:gd name="connsiteY209" fmla="*/ 936488 h 939199"/>
                <a:gd name="connsiteX210" fmla="*/ 40704 w 939199"/>
                <a:gd name="connsiteY210" fmla="*/ 939199 h 939199"/>
                <a:gd name="connsiteX211" fmla="*/ 0 w 939199"/>
                <a:gd name="connsiteY211" fmla="*/ 898496 h 939199"/>
                <a:gd name="connsiteX212" fmla="*/ 2712 w 939199"/>
                <a:gd name="connsiteY212" fmla="*/ 883908 h 939199"/>
                <a:gd name="connsiteX213" fmla="*/ 77908 w 939199"/>
                <a:gd name="connsiteY213" fmla="*/ 688403 h 939199"/>
                <a:gd name="connsiteX214" fmla="*/ 213047 w 939199"/>
                <a:gd name="connsiteY214" fmla="*/ 553249 h 939199"/>
                <a:gd name="connsiteX215" fmla="*/ 196929 w 939199"/>
                <a:gd name="connsiteY215" fmla="*/ 469600 h 939199"/>
                <a:gd name="connsiteX216" fmla="*/ 200777 w 939199"/>
                <a:gd name="connsiteY216" fmla="*/ 424155 h 939199"/>
                <a:gd name="connsiteX217" fmla="*/ 90890 w 939199"/>
                <a:gd name="connsiteY217" fmla="*/ 424155 h 939199"/>
                <a:gd name="connsiteX218" fmla="*/ 0 w 939199"/>
                <a:gd name="connsiteY218" fmla="*/ 333264 h 939199"/>
                <a:gd name="connsiteX219" fmla="*/ 64608 w 939199"/>
                <a:gd name="connsiteY219" fmla="*/ 246282 h 939199"/>
                <a:gd name="connsiteX220" fmla="*/ 60594 w 939199"/>
                <a:gd name="connsiteY220" fmla="*/ 212077 h 939199"/>
                <a:gd name="connsiteX221" fmla="*/ 212077 w 939199"/>
                <a:gd name="connsiteY221" fmla="*/ 60594 h 939199"/>
                <a:gd name="connsiteX222" fmla="*/ 345474 w 939199"/>
                <a:gd name="connsiteY222" fmla="*/ 141077 h 939199"/>
                <a:gd name="connsiteX223" fmla="*/ 378709 w 939199"/>
                <a:gd name="connsiteY223" fmla="*/ 136335 h 939199"/>
                <a:gd name="connsiteX224" fmla="*/ 483915 w 939199"/>
                <a:gd name="connsiteY224" fmla="*/ 197595 h 939199"/>
                <a:gd name="connsiteX225" fmla="*/ 555370 w 939199"/>
                <a:gd name="connsiteY225" fmla="*/ 210941 h 939199"/>
                <a:gd name="connsiteX226" fmla="*/ 730485 w 939199"/>
                <a:gd name="connsiteY226" fmla="*/ 35811 h 939199"/>
                <a:gd name="connsiteX227" fmla="*/ 816937 w 939199"/>
                <a:gd name="connsiteY227" fmla="*/ 0 h 9391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Lst>
              <a:rect l="l" t="t" r="r" b="b"/>
              <a:pathLst>
                <a:path w="939199" h="939199">
                  <a:moveTo>
                    <a:pt x="416217" y="878606"/>
                  </a:moveTo>
                  <a:cubicBezTo>
                    <a:pt x="427275" y="896996"/>
                    <a:pt x="447226" y="908903"/>
                    <a:pt x="469600" y="908903"/>
                  </a:cubicBezTo>
                  <a:cubicBezTo>
                    <a:pt x="491974" y="908903"/>
                    <a:pt x="511924" y="896996"/>
                    <a:pt x="522982" y="878606"/>
                  </a:cubicBezTo>
                  <a:close/>
                  <a:moveTo>
                    <a:pt x="46157" y="855292"/>
                  </a:moveTo>
                  <a:lnTo>
                    <a:pt x="30978" y="894769"/>
                  </a:lnTo>
                  <a:cubicBezTo>
                    <a:pt x="30539" y="895951"/>
                    <a:pt x="30297" y="897208"/>
                    <a:pt x="30297" y="898496"/>
                  </a:cubicBezTo>
                  <a:cubicBezTo>
                    <a:pt x="30297" y="905524"/>
                    <a:pt x="37886" y="910751"/>
                    <a:pt x="44445" y="908206"/>
                  </a:cubicBezTo>
                  <a:lnTo>
                    <a:pt x="83892" y="893027"/>
                  </a:lnTo>
                  <a:close/>
                  <a:moveTo>
                    <a:pt x="393858" y="818012"/>
                  </a:moveTo>
                  <a:cubicBezTo>
                    <a:pt x="385511" y="818012"/>
                    <a:pt x="378709" y="824799"/>
                    <a:pt x="378709" y="833161"/>
                  </a:cubicBezTo>
                  <a:cubicBezTo>
                    <a:pt x="378709" y="841523"/>
                    <a:pt x="385511" y="848309"/>
                    <a:pt x="393858" y="848309"/>
                  </a:cubicBezTo>
                  <a:lnTo>
                    <a:pt x="545342" y="848309"/>
                  </a:lnTo>
                  <a:cubicBezTo>
                    <a:pt x="553688" y="848309"/>
                    <a:pt x="560490" y="841523"/>
                    <a:pt x="560490" y="833161"/>
                  </a:cubicBezTo>
                  <a:cubicBezTo>
                    <a:pt x="560490" y="824799"/>
                    <a:pt x="553688" y="818012"/>
                    <a:pt x="545342" y="818012"/>
                  </a:cubicBezTo>
                  <a:close/>
                  <a:moveTo>
                    <a:pt x="393858" y="757419"/>
                  </a:moveTo>
                  <a:cubicBezTo>
                    <a:pt x="385511" y="757419"/>
                    <a:pt x="378709" y="764205"/>
                    <a:pt x="378709" y="772567"/>
                  </a:cubicBezTo>
                  <a:cubicBezTo>
                    <a:pt x="378709" y="780929"/>
                    <a:pt x="385511" y="787716"/>
                    <a:pt x="393858" y="787716"/>
                  </a:cubicBezTo>
                  <a:lnTo>
                    <a:pt x="545342" y="787716"/>
                  </a:lnTo>
                  <a:cubicBezTo>
                    <a:pt x="553688" y="787716"/>
                    <a:pt x="560490" y="780929"/>
                    <a:pt x="560490" y="772567"/>
                  </a:cubicBezTo>
                  <a:cubicBezTo>
                    <a:pt x="560490" y="764205"/>
                    <a:pt x="553688" y="757419"/>
                    <a:pt x="545342" y="757419"/>
                  </a:cubicBezTo>
                  <a:close/>
                  <a:moveTo>
                    <a:pt x="96662" y="724017"/>
                  </a:moveTo>
                  <a:lnTo>
                    <a:pt x="58064" y="824359"/>
                  </a:lnTo>
                  <a:lnTo>
                    <a:pt x="114840" y="881136"/>
                  </a:lnTo>
                  <a:lnTo>
                    <a:pt x="215183" y="842537"/>
                  </a:lnTo>
                  <a:close/>
                  <a:moveTo>
                    <a:pt x="299408" y="661211"/>
                  </a:moveTo>
                  <a:lnTo>
                    <a:pt x="188052" y="772567"/>
                  </a:lnTo>
                  <a:lnTo>
                    <a:pt x="242374" y="826889"/>
                  </a:lnTo>
                  <a:lnTo>
                    <a:pt x="348095" y="721154"/>
                  </a:lnTo>
                  <a:cubicBezTo>
                    <a:pt x="335340" y="698386"/>
                    <a:pt x="318040" y="679692"/>
                    <a:pt x="299408" y="661211"/>
                  </a:cubicBezTo>
                  <a:close/>
                  <a:moveTo>
                    <a:pt x="727122" y="651380"/>
                  </a:moveTo>
                  <a:cubicBezTo>
                    <a:pt x="718775" y="651380"/>
                    <a:pt x="711974" y="658166"/>
                    <a:pt x="711974" y="666528"/>
                  </a:cubicBezTo>
                  <a:cubicBezTo>
                    <a:pt x="711974" y="674890"/>
                    <a:pt x="718775" y="681677"/>
                    <a:pt x="727122" y="681677"/>
                  </a:cubicBezTo>
                  <a:cubicBezTo>
                    <a:pt x="735469" y="681677"/>
                    <a:pt x="742271" y="674890"/>
                    <a:pt x="742271" y="666528"/>
                  </a:cubicBezTo>
                  <a:cubicBezTo>
                    <a:pt x="742271" y="658166"/>
                    <a:pt x="735469" y="651380"/>
                    <a:pt x="727122" y="651380"/>
                  </a:cubicBezTo>
                  <a:close/>
                  <a:moveTo>
                    <a:pt x="727122" y="621083"/>
                  </a:moveTo>
                  <a:cubicBezTo>
                    <a:pt x="752178" y="621083"/>
                    <a:pt x="772567" y="641473"/>
                    <a:pt x="772567" y="666528"/>
                  </a:cubicBezTo>
                  <a:cubicBezTo>
                    <a:pt x="772567" y="691584"/>
                    <a:pt x="752178" y="711973"/>
                    <a:pt x="727122" y="711973"/>
                  </a:cubicBezTo>
                  <a:cubicBezTo>
                    <a:pt x="702067" y="711973"/>
                    <a:pt x="681677" y="691584"/>
                    <a:pt x="681677" y="666528"/>
                  </a:cubicBezTo>
                  <a:cubicBezTo>
                    <a:pt x="681677" y="641473"/>
                    <a:pt x="702067" y="621083"/>
                    <a:pt x="727122" y="621083"/>
                  </a:cubicBezTo>
                  <a:close/>
                  <a:moveTo>
                    <a:pt x="727122" y="590787"/>
                  </a:moveTo>
                  <a:cubicBezTo>
                    <a:pt x="718230" y="590787"/>
                    <a:pt x="709656" y="592559"/>
                    <a:pt x="701415" y="595558"/>
                  </a:cubicBezTo>
                  <a:cubicBezTo>
                    <a:pt x="687130" y="614615"/>
                    <a:pt x="670573" y="631096"/>
                    <a:pt x="654046" y="647230"/>
                  </a:cubicBezTo>
                  <a:cubicBezTo>
                    <a:pt x="652395" y="653516"/>
                    <a:pt x="651380" y="659969"/>
                    <a:pt x="651380" y="666529"/>
                  </a:cubicBezTo>
                  <a:cubicBezTo>
                    <a:pt x="651380" y="708293"/>
                    <a:pt x="685358" y="742270"/>
                    <a:pt x="727122" y="742270"/>
                  </a:cubicBezTo>
                  <a:cubicBezTo>
                    <a:pt x="768886" y="742270"/>
                    <a:pt x="802864" y="708293"/>
                    <a:pt x="802864" y="666529"/>
                  </a:cubicBezTo>
                  <a:cubicBezTo>
                    <a:pt x="802864" y="624764"/>
                    <a:pt x="768886" y="590787"/>
                    <a:pt x="727122" y="590787"/>
                  </a:cubicBezTo>
                  <a:close/>
                  <a:moveTo>
                    <a:pt x="227892" y="581243"/>
                  </a:moveTo>
                  <a:lnTo>
                    <a:pt x="112310" y="696825"/>
                  </a:lnTo>
                  <a:lnTo>
                    <a:pt x="166632" y="751147"/>
                  </a:lnTo>
                  <a:lnTo>
                    <a:pt x="277776" y="640004"/>
                  </a:lnTo>
                  <a:cubicBezTo>
                    <a:pt x="259749" y="622204"/>
                    <a:pt x="242116" y="603572"/>
                    <a:pt x="227892" y="581243"/>
                  </a:cubicBezTo>
                  <a:close/>
                  <a:moveTo>
                    <a:pt x="741801" y="484748"/>
                  </a:moveTo>
                  <a:cubicBezTo>
                    <a:pt x="740028" y="514742"/>
                    <a:pt x="732984" y="539419"/>
                    <a:pt x="722729" y="560702"/>
                  </a:cubicBezTo>
                  <a:cubicBezTo>
                    <a:pt x="724198" y="560641"/>
                    <a:pt x="725637" y="560490"/>
                    <a:pt x="727122" y="560490"/>
                  </a:cubicBezTo>
                  <a:cubicBezTo>
                    <a:pt x="785595" y="560490"/>
                    <a:pt x="833161" y="608071"/>
                    <a:pt x="833161" y="666529"/>
                  </a:cubicBezTo>
                  <a:cubicBezTo>
                    <a:pt x="833161" y="724986"/>
                    <a:pt x="785595" y="772567"/>
                    <a:pt x="727122" y="772567"/>
                  </a:cubicBezTo>
                  <a:cubicBezTo>
                    <a:pt x="673118" y="772567"/>
                    <a:pt x="628506" y="731954"/>
                    <a:pt x="621992" y="679692"/>
                  </a:cubicBezTo>
                  <a:cubicBezTo>
                    <a:pt x="604799" y="698476"/>
                    <a:pt x="590029" y="718821"/>
                    <a:pt x="580607" y="744255"/>
                  </a:cubicBezTo>
                  <a:cubicBezTo>
                    <a:pt x="586878" y="752056"/>
                    <a:pt x="590787" y="761812"/>
                    <a:pt x="590787" y="772567"/>
                  </a:cubicBezTo>
                  <a:cubicBezTo>
                    <a:pt x="590787" y="777021"/>
                    <a:pt x="589938" y="781232"/>
                    <a:pt x="588726" y="785307"/>
                  </a:cubicBezTo>
                  <a:lnTo>
                    <a:pt x="609253" y="805833"/>
                  </a:lnTo>
                  <a:lnTo>
                    <a:pt x="609889" y="805197"/>
                  </a:lnTo>
                  <a:cubicBezTo>
                    <a:pt x="626946" y="788125"/>
                    <a:pt x="652425" y="783110"/>
                    <a:pt x="674830" y="792457"/>
                  </a:cubicBezTo>
                  <a:cubicBezTo>
                    <a:pt x="697583" y="801864"/>
                    <a:pt x="711974" y="823375"/>
                    <a:pt x="711974" y="847476"/>
                  </a:cubicBezTo>
                  <a:lnTo>
                    <a:pt x="711974" y="848309"/>
                  </a:lnTo>
                  <a:lnTo>
                    <a:pt x="742270" y="848309"/>
                  </a:lnTo>
                  <a:lnTo>
                    <a:pt x="742270" y="847476"/>
                  </a:lnTo>
                  <a:cubicBezTo>
                    <a:pt x="742270" y="823375"/>
                    <a:pt x="756661" y="801879"/>
                    <a:pt x="778914" y="792669"/>
                  </a:cubicBezTo>
                  <a:cubicBezTo>
                    <a:pt x="801743" y="783095"/>
                    <a:pt x="827253" y="788109"/>
                    <a:pt x="844340" y="805197"/>
                  </a:cubicBezTo>
                  <a:lnTo>
                    <a:pt x="844976" y="805833"/>
                  </a:lnTo>
                  <a:lnTo>
                    <a:pt x="866426" y="784383"/>
                  </a:lnTo>
                  <a:lnTo>
                    <a:pt x="865790" y="783747"/>
                  </a:lnTo>
                  <a:cubicBezTo>
                    <a:pt x="848733" y="766674"/>
                    <a:pt x="843734" y="741195"/>
                    <a:pt x="853066" y="718821"/>
                  </a:cubicBezTo>
                  <a:cubicBezTo>
                    <a:pt x="862458" y="696068"/>
                    <a:pt x="883968" y="681677"/>
                    <a:pt x="908069" y="681677"/>
                  </a:cubicBezTo>
                  <a:lnTo>
                    <a:pt x="908903" y="681677"/>
                  </a:lnTo>
                  <a:lnTo>
                    <a:pt x="908903" y="651380"/>
                  </a:lnTo>
                  <a:lnTo>
                    <a:pt x="908069" y="651380"/>
                  </a:lnTo>
                  <a:cubicBezTo>
                    <a:pt x="883968" y="651380"/>
                    <a:pt x="862458" y="636989"/>
                    <a:pt x="853263" y="614721"/>
                  </a:cubicBezTo>
                  <a:cubicBezTo>
                    <a:pt x="843734" y="591877"/>
                    <a:pt x="848733" y="566383"/>
                    <a:pt x="865790" y="549310"/>
                  </a:cubicBezTo>
                  <a:lnTo>
                    <a:pt x="866426" y="548674"/>
                  </a:lnTo>
                  <a:lnTo>
                    <a:pt x="844976" y="527224"/>
                  </a:lnTo>
                  <a:lnTo>
                    <a:pt x="844340" y="527860"/>
                  </a:lnTo>
                  <a:cubicBezTo>
                    <a:pt x="827268" y="544948"/>
                    <a:pt x="801758" y="549947"/>
                    <a:pt x="779399" y="540585"/>
                  </a:cubicBezTo>
                  <a:cubicBezTo>
                    <a:pt x="756661" y="531208"/>
                    <a:pt x="742270" y="509682"/>
                    <a:pt x="742270" y="485581"/>
                  </a:cubicBezTo>
                  <a:lnTo>
                    <a:pt x="742270" y="484748"/>
                  </a:lnTo>
                  <a:close/>
                  <a:moveTo>
                    <a:pt x="231891" y="424155"/>
                  </a:moveTo>
                  <a:cubicBezTo>
                    <a:pt x="229059" y="439106"/>
                    <a:pt x="227226" y="454285"/>
                    <a:pt x="227226" y="469600"/>
                  </a:cubicBezTo>
                  <a:cubicBezTo>
                    <a:pt x="227226" y="548417"/>
                    <a:pt x="266914" y="587136"/>
                    <a:pt x="308936" y="628112"/>
                  </a:cubicBezTo>
                  <a:cubicBezTo>
                    <a:pt x="337869" y="656334"/>
                    <a:pt x="367590" y="685509"/>
                    <a:pt x="384890" y="728031"/>
                  </a:cubicBezTo>
                  <a:cubicBezTo>
                    <a:pt x="387783" y="727440"/>
                    <a:pt x="390783" y="727122"/>
                    <a:pt x="393858" y="727122"/>
                  </a:cubicBezTo>
                  <a:lnTo>
                    <a:pt x="454451" y="727122"/>
                  </a:lnTo>
                  <a:lnTo>
                    <a:pt x="454451" y="651380"/>
                  </a:lnTo>
                  <a:cubicBezTo>
                    <a:pt x="454451" y="643018"/>
                    <a:pt x="447650" y="636232"/>
                    <a:pt x="439303" y="636232"/>
                  </a:cubicBezTo>
                  <a:lnTo>
                    <a:pt x="409006" y="636232"/>
                  </a:lnTo>
                  <a:cubicBezTo>
                    <a:pt x="383951" y="636232"/>
                    <a:pt x="363561" y="615842"/>
                    <a:pt x="363561" y="590787"/>
                  </a:cubicBezTo>
                  <a:cubicBezTo>
                    <a:pt x="363561" y="565731"/>
                    <a:pt x="383951" y="545342"/>
                    <a:pt x="409006" y="545342"/>
                  </a:cubicBezTo>
                  <a:lnTo>
                    <a:pt x="560490" y="545342"/>
                  </a:lnTo>
                  <a:cubicBezTo>
                    <a:pt x="568837" y="545342"/>
                    <a:pt x="575638" y="538555"/>
                    <a:pt x="575638" y="530193"/>
                  </a:cubicBezTo>
                  <a:cubicBezTo>
                    <a:pt x="575638" y="521831"/>
                    <a:pt x="568837" y="515045"/>
                    <a:pt x="560490" y="515045"/>
                  </a:cubicBezTo>
                  <a:lnTo>
                    <a:pt x="439303" y="515045"/>
                  </a:lnTo>
                  <a:cubicBezTo>
                    <a:pt x="414247" y="515045"/>
                    <a:pt x="393858" y="494655"/>
                    <a:pt x="393858" y="469600"/>
                  </a:cubicBezTo>
                  <a:lnTo>
                    <a:pt x="393858" y="424155"/>
                  </a:lnTo>
                  <a:close/>
                  <a:moveTo>
                    <a:pt x="496321" y="228801"/>
                  </a:moveTo>
                  <a:cubicBezTo>
                    <a:pt x="498563" y="238026"/>
                    <a:pt x="499896" y="247615"/>
                    <a:pt x="499896" y="257522"/>
                  </a:cubicBezTo>
                  <a:cubicBezTo>
                    <a:pt x="499896" y="262673"/>
                    <a:pt x="499306" y="267732"/>
                    <a:pt x="498654" y="272792"/>
                  </a:cubicBezTo>
                  <a:cubicBezTo>
                    <a:pt x="499078" y="272792"/>
                    <a:pt x="499472" y="272671"/>
                    <a:pt x="499896" y="272671"/>
                  </a:cubicBezTo>
                  <a:cubicBezTo>
                    <a:pt x="541660" y="272671"/>
                    <a:pt x="575638" y="306649"/>
                    <a:pt x="575638" y="348413"/>
                  </a:cubicBezTo>
                  <a:cubicBezTo>
                    <a:pt x="575638" y="390177"/>
                    <a:pt x="541660" y="424155"/>
                    <a:pt x="499896" y="424155"/>
                  </a:cubicBezTo>
                  <a:lnTo>
                    <a:pt x="424155" y="424155"/>
                  </a:lnTo>
                  <a:lnTo>
                    <a:pt x="424155" y="469600"/>
                  </a:lnTo>
                  <a:cubicBezTo>
                    <a:pt x="424155" y="477962"/>
                    <a:pt x="430956" y="484748"/>
                    <a:pt x="439303" y="484748"/>
                  </a:cubicBezTo>
                  <a:lnTo>
                    <a:pt x="560490" y="484748"/>
                  </a:lnTo>
                  <a:cubicBezTo>
                    <a:pt x="585545" y="484748"/>
                    <a:pt x="605935" y="505138"/>
                    <a:pt x="605935" y="530193"/>
                  </a:cubicBezTo>
                  <a:cubicBezTo>
                    <a:pt x="605935" y="555249"/>
                    <a:pt x="585545" y="575638"/>
                    <a:pt x="560490" y="575638"/>
                  </a:cubicBezTo>
                  <a:lnTo>
                    <a:pt x="409006" y="575638"/>
                  </a:lnTo>
                  <a:cubicBezTo>
                    <a:pt x="400659" y="575638"/>
                    <a:pt x="393858" y="582425"/>
                    <a:pt x="393858" y="590787"/>
                  </a:cubicBezTo>
                  <a:cubicBezTo>
                    <a:pt x="393858" y="599149"/>
                    <a:pt x="400659" y="605935"/>
                    <a:pt x="409006" y="605935"/>
                  </a:cubicBezTo>
                  <a:lnTo>
                    <a:pt x="439303" y="605935"/>
                  </a:lnTo>
                  <a:cubicBezTo>
                    <a:pt x="464358" y="605935"/>
                    <a:pt x="484748" y="626325"/>
                    <a:pt x="484748" y="651380"/>
                  </a:cubicBezTo>
                  <a:lnTo>
                    <a:pt x="484748" y="727122"/>
                  </a:lnTo>
                  <a:lnTo>
                    <a:pt x="545342" y="727122"/>
                  </a:lnTo>
                  <a:cubicBezTo>
                    <a:pt x="548417" y="727122"/>
                    <a:pt x="551416" y="727440"/>
                    <a:pt x="554309" y="728031"/>
                  </a:cubicBezTo>
                  <a:cubicBezTo>
                    <a:pt x="571609" y="685509"/>
                    <a:pt x="601330" y="656334"/>
                    <a:pt x="630263" y="628112"/>
                  </a:cubicBezTo>
                  <a:cubicBezTo>
                    <a:pt x="672285" y="587136"/>
                    <a:pt x="711974" y="548417"/>
                    <a:pt x="711974" y="469600"/>
                  </a:cubicBezTo>
                  <a:cubicBezTo>
                    <a:pt x="711974" y="345898"/>
                    <a:pt x="617084" y="242253"/>
                    <a:pt x="496321" y="228801"/>
                  </a:cubicBezTo>
                  <a:close/>
                  <a:moveTo>
                    <a:pt x="742270" y="218349"/>
                  </a:moveTo>
                  <a:lnTo>
                    <a:pt x="672239" y="288395"/>
                  </a:lnTo>
                  <a:cubicBezTo>
                    <a:pt x="689675" y="307860"/>
                    <a:pt x="704339" y="329765"/>
                    <a:pt x="715685" y="353578"/>
                  </a:cubicBezTo>
                  <a:lnTo>
                    <a:pt x="796592" y="272671"/>
                  </a:lnTo>
                  <a:close/>
                  <a:moveTo>
                    <a:pt x="666529" y="142607"/>
                  </a:moveTo>
                  <a:lnTo>
                    <a:pt x="585697" y="223439"/>
                  </a:lnTo>
                  <a:cubicBezTo>
                    <a:pt x="609510" y="234800"/>
                    <a:pt x="631399" y="249479"/>
                    <a:pt x="650850" y="266930"/>
                  </a:cubicBezTo>
                  <a:lnTo>
                    <a:pt x="720851" y="196929"/>
                  </a:lnTo>
                  <a:close/>
                  <a:moveTo>
                    <a:pt x="711974" y="97162"/>
                  </a:moveTo>
                  <a:lnTo>
                    <a:pt x="687948" y="121187"/>
                  </a:lnTo>
                  <a:lnTo>
                    <a:pt x="818012" y="251251"/>
                  </a:lnTo>
                  <a:lnTo>
                    <a:pt x="842038" y="227226"/>
                  </a:lnTo>
                  <a:close/>
                  <a:moveTo>
                    <a:pt x="212077" y="90890"/>
                  </a:moveTo>
                  <a:cubicBezTo>
                    <a:pt x="145258" y="90890"/>
                    <a:pt x="90890" y="145258"/>
                    <a:pt x="90890" y="212077"/>
                  </a:cubicBezTo>
                  <a:cubicBezTo>
                    <a:pt x="90890" y="222439"/>
                    <a:pt x="92193" y="232664"/>
                    <a:pt x="94768" y="242571"/>
                  </a:cubicBezTo>
                  <a:cubicBezTo>
                    <a:pt x="143076" y="244616"/>
                    <a:pt x="181781" y="284456"/>
                    <a:pt x="181781" y="333264"/>
                  </a:cubicBezTo>
                  <a:lnTo>
                    <a:pt x="151484" y="333264"/>
                  </a:lnTo>
                  <a:cubicBezTo>
                    <a:pt x="151484" y="299847"/>
                    <a:pt x="124308" y="272671"/>
                    <a:pt x="90890" y="272671"/>
                  </a:cubicBezTo>
                  <a:cubicBezTo>
                    <a:pt x="57473" y="272671"/>
                    <a:pt x="30297" y="299847"/>
                    <a:pt x="30297" y="333264"/>
                  </a:cubicBezTo>
                  <a:cubicBezTo>
                    <a:pt x="30297" y="366682"/>
                    <a:pt x="57473" y="393858"/>
                    <a:pt x="90890" y="393858"/>
                  </a:cubicBezTo>
                  <a:lnTo>
                    <a:pt x="499896" y="393858"/>
                  </a:lnTo>
                  <a:cubicBezTo>
                    <a:pt x="524952" y="393858"/>
                    <a:pt x="545342" y="373468"/>
                    <a:pt x="545342" y="348413"/>
                  </a:cubicBezTo>
                  <a:cubicBezTo>
                    <a:pt x="545342" y="323357"/>
                    <a:pt x="524952" y="302968"/>
                    <a:pt x="499896" y="302968"/>
                  </a:cubicBezTo>
                  <a:cubicBezTo>
                    <a:pt x="474841" y="302968"/>
                    <a:pt x="454451" y="323357"/>
                    <a:pt x="454451" y="348413"/>
                  </a:cubicBezTo>
                  <a:lnTo>
                    <a:pt x="424155" y="348413"/>
                  </a:lnTo>
                  <a:cubicBezTo>
                    <a:pt x="424155" y="318782"/>
                    <a:pt x="441424" y="293333"/>
                    <a:pt x="466267" y="280896"/>
                  </a:cubicBezTo>
                  <a:cubicBezTo>
                    <a:pt x="468297" y="273292"/>
                    <a:pt x="469600" y="265490"/>
                    <a:pt x="469600" y="257522"/>
                  </a:cubicBezTo>
                  <a:cubicBezTo>
                    <a:pt x="469600" y="207396"/>
                    <a:pt x="428835" y="166632"/>
                    <a:pt x="378709" y="166632"/>
                  </a:cubicBezTo>
                  <a:cubicBezTo>
                    <a:pt x="332901" y="166632"/>
                    <a:pt x="295015" y="200716"/>
                    <a:pt x="288804" y="244828"/>
                  </a:cubicBezTo>
                  <a:cubicBezTo>
                    <a:pt x="314359" y="251948"/>
                    <a:pt x="333264" y="275170"/>
                    <a:pt x="333264" y="302968"/>
                  </a:cubicBezTo>
                  <a:lnTo>
                    <a:pt x="302968" y="302968"/>
                  </a:lnTo>
                  <a:cubicBezTo>
                    <a:pt x="302968" y="286259"/>
                    <a:pt x="289379" y="272671"/>
                    <a:pt x="272671" y="272671"/>
                  </a:cubicBezTo>
                  <a:cubicBezTo>
                    <a:pt x="255962" y="272671"/>
                    <a:pt x="242374" y="286259"/>
                    <a:pt x="242374" y="302968"/>
                  </a:cubicBezTo>
                  <a:lnTo>
                    <a:pt x="212077" y="302968"/>
                  </a:lnTo>
                  <a:cubicBezTo>
                    <a:pt x="212077" y="274534"/>
                    <a:pt x="231831" y="250797"/>
                    <a:pt x="258280" y="244283"/>
                  </a:cubicBezTo>
                  <a:cubicBezTo>
                    <a:pt x="262536" y="205336"/>
                    <a:pt x="285350" y="171964"/>
                    <a:pt x="317646" y="153014"/>
                  </a:cubicBezTo>
                  <a:cubicBezTo>
                    <a:pt x="296378" y="114976"/>
                    <a:pt x="256386" y="90890"/>
                    <a:pt x="212077" y="90890"/>
                  </a:cubicBezTo>
                  <a:close/>
                  <a:moveTo>
                    <a:pt x="816937" y="30297"/>
                  </a:moveTo>
                  <a:cubicBezTo>
                    <a:pt x="792366" y="30297"/>
                    <a:pt x="769280" y="39871"/>
                    <a:pt x="751905" y="57231"/>
                  </a:cubicBezTo>
                  <a:lnTo>
                    <a:pt x="733393" y="75742"/>
                  </a:lnTo>
                  <a:lnTo>
                    <a:pt x="863457" y="205806"/>
                  </a:lnTo>
                  <a:lnTo>
                    <a:pt x="881969" y="187295"/>
                  </a:lnTo>
                  <a:cubicBezTo>
                    <a:pt x="899344" y="169919"/>
                    <a:pt x="908903" y="146818"/>
                    <a:pt x="908903" y="122263"/>
                  </a:cubicBezTo>
                  <a:cubicBezTo>
                    <a:pt x="908903" y="71561"/>
                    <a:pt x="867638" y="30297"/>
                    <a:pt x="816937" y="30297"/>
                  </a:cubicBezTo>
                  <a:close/>
                  <a:moveTo>
                    <a:pt x="816937" y="0"/>
                  </a:moveTo>
                  <a:cubicBezTo>
                    <a:pt x="884347" y="0"/>
                    <a:pt x="939199" y="54852"/>
                    <a:pt x="939199" y="122263"/>
                  </a:cubicBezTo>
                  <a:cubicBezTo>
                    <a:pt x="939199" y="154922"/>
                    <a:pt x="926475" y="185628"/>
                    <a:pt x="903373" y="208729"/>
                  </a:cubicBezTo>
                  <a:lnTo>
                    <a:pt x="728076" y="384026"/>
                  </a:lnTo>
                  <a:cubicBezTo>
                    <a:pt x="735590" y="406401"/>
                    <a:pt x="740119" y="430017"/>
                    <a:pt x="741498" y="454451"/>
                  </a:cubicBezTo>
                  <a:lnTo>
                    <a:pt x="772567" y="454451"/>
                  </a:lnTo>
                  <a:lnTo>
                    <a:pt x="772567" y="485581"/>
                  </a:lnTo>
                  <a:cubicBezTo>
                    <a:pt x="772567" y="497367"/>
                    <a:pt x="779596" y="507880"/>
                    <a:pt x="790473" y="512364"/>
                  </a:cubicBezTo>
                  <a:cubicBezTo>
                    <a:pt x="802046" y="517211"/>
                    <a:pt x="814558" y="514787"/>
                    <a:pt x="822905" y="506425"/>
                  </a:cubicBezTo>
                  <a:lnTo>
                    <a:pt x="844976" y="484369"/>
                  </a:lnTo>
                  <a:lnTo>
                    <a:pt x="909266" y="548659"/>
                  </a:lnTo>
                  <a:lnTo>
                    <a:pt x="887225" y="570715"/>
                  </a:lnTo>
                  <a:cubicBezTo>
                    <a:pt x="878878" y="579077"/>
                    <a:pt x="876440" y="591574"/>
                    <a:pt x="881030" y="602572"/>
                  </a:cubicBezTo>
                  <a:cubicBezTo>
                    <a:pt x="885771" y="614039"/>
                    <a:pt x="896284" y="621083"/>
                    <a:pt x="908069" y="621083"/>
                  </a:cubicBezTo>
                  <a:lnTo>
                    <a:pt x="939199" y="621083"/>
                  </a:lnTo>
                  <a:lnTo>
                    <a:pt x="939199" y="711974"/>
                  </a:lnTo>
                  <a:lnTo>
                    <a:pt x="908069" y="711974"/>
                  </a:lnTo>
                  <a:cubicBezTo>
                    <a:pt x="896284" y="711974"/>
                    <a:pt x="885771" y="719018"/>
                    <a:pt x="881272" y="729894"/>
                  </a:cubicBezTo>
                  <a:cubicBezTo>
                    <a:pt x="876440" y="741468"/>
                    <a:pt x="878878" y="753965"/>
                    <a:pt x="887225" y="762327"/>
                  </a:cubicBezTo>
                  <a:lnTo>
                    <a:pt x="909266" y="784383"/>
                  </a:lnTo>
                  <a:lnTo>
                    <a:pt x="844976" y="848673"/>
                  </a:lnTo>
                  <a:lnTo>
                    <a:pt x="822920" y="826617"/>
                  </a:lnTo>
                  <a:cubicBezTo>
                    <a:pt x="814574" y="818255"/>
                    <a:pt x="802076" y="815846"/>
                    <a:pt x="791078" y="820421"/>
                  </a:cubicBezTo>
                  <a:cubicBezTo>
                    <a:pt x="779611" y="825162"/>
                    <a:pt x="772567" y="835690"/>
                    <a:pt x="772567" y="847476"/>
                  </a:cubicBezTo>
                  <a:lnTo>
                    <a:pt x="772567" y="878606"/>
                  </a:lnTo>
                  <a:lnTo>
                    <a:pt x="681677" y="878606"/>
                  </a:lnTo>
                  <a:lnTo>
                    <a:pt x="681677" y="847476"/>
                  </a:lnTo>
                  <a:cubicBezTo>
                    <a:pt x="681677" y="835690"/>
                    <a:pt x="674633" y="825177"/>
                    <a:pt x="663756" y="820648"/>
                  </a:cubicBezTo>
                  <a:cubicBezTo>
                    <a:pt x="652153" y="815816"/>
                    <a:pt x="639686" y="818255"/>
                    <a:pt x="631339" y="826617"/>
                  </a:cubicBezTo>
                  <a:lnTo>
                    <a:pt x="609268" y="848673"/>
                  </a:lnTo>
                  <a:lnTo>
                    <a:pt x="590453" y="829858"/>
                  </a:lnTo>
                  <a:cubicBezTo>
                    <a:pt x="590529" y="830964"/>
                    <a:pt x="590787" y="832025"/>
                    <a:pt x="590787" y="833161"/>
                  </a:cubicBezTo>
                  <a:cubicBezTo>
                    <a:pt x="590787" y="854217"/>
                    <a:pt x="576320" y="871819"/>
                    <a:pt x="556854" y="876939"/>
                  </a:cubicBezTo>
                  <a:cubicBezTo>
                    <a:pt x="543948" y="913902"/>
                    <a:pt x="509379" y="939199"/>
                    <a:pt x="469600" y="939199"/>
                  </a:cubicBezTo>
                  <a:cubicBezTo>
                    <a:pt x="429820" y="939199"/>
                    <a:pt x="395251" y="913902"/>
                    <a:pt x="382345" y="876939"/>
                  </a:cubicBezTo>
                  <a:cubicBezTo>
                    <a:pt x="362879" y="871819"/>
                    <a:pt x="348413" y="854217"/>
                    <a:pt x="348413" y="833161"/>
                  </a:cubicBezTo>
                  <a:cubicBezTo>
                    <a:pt x="348413" y="821481"/>
                    <a:pt x="352957" y="810923"/>
                    <a:pt x="360228" y="802864"/>
                  </a:cubicBezTo>
                  <a:cubicBezTo>
                    <a:pt x="352972" y="794805"/>
                    <a:pt x="348413" y="784247"/>
                    <a:pt x="348413" y="772567"/>
                  </a:cubicBezTo>
                  <a:cubicBezTo>
                    <a:pt x="348413" y="769083"/>
                    <a:pt x="348882" y="765720"/>
                    <a:pt x="349625" y="762463"/>
                  </a:cubicBezTo>
                  <a:lnTo>
                    <a:pt x="250812" y="861291"/>
                  </a:lnTo>
                  <a:lnTo>
                    <a:pt x="55307" y="936488"/>
                  </a:lnTo>
                  <a:cubicBezTo>
                    <a:pt x="50626" y="938275"/>
                    <a:pt x="45718" y="939199"/>
                    <a:pt x="40704" y="939199"/>
                  </a:cubicBezTo>
                  <a:cubicBezTo>
                    <a:pt x="18269" y="939199"/>
                    <a:pt x="0" y="920945"/>
                    <a:pt x="0" y="898496"/>
                  </a:cubicBezTo>
                  <a:cubicBezTo>
                    <a:pt x="0" y="893481"/>
                    <a:pt x="909" y="888573"/>
                    <a:pt x="2712" y="883908"/>
                  </a:cubicBezTo>
                  <a:lnTo>
                    <a:pt x="77908" y="688403"/>
                  </a:lnTo>
                  <a:lnTo>
                    <a:pt x="213047" y="553249"/>
                  </a:lnTo>
                  <a:cubicBezTo>
                    <a:pt x="203094" y="530072"/>
                    <a:pt x="196929" y="502941"/>
                    <a:pt x="196929" y="469600"/>
                  </a:cubicBezTo>
                  <a:cubicBezTo>
                    <a:pt x="196929" y="454345"/>
                    <a:pt x="198262" y="439136"/>
                    <a:pt x="200777" y="424155"/>
                  </a:cubicBezTo>
                  <a:lnTo>
                    <a:pt x="90890" y="424155"/>
                  </a:lnTo>
                  <a:cubicBezTo>
                    <a:pt x="40764" y="424155"/>
                    <a:pt x="0" y="383390"/>
                    <a:pt x="0" y="333264"/>
                  </a:cubicBezTo>
                  <a:cubicBezTo>
                    <a:pt x="0" y="292288"/>
                    <a:pt x="27267" y="257583"/>
                    <a:pt x="64608" y="246282"/>
                  </a:cubicBezTo>
                  <a:cubicBezTo>
                    <a:pt x="62017" y="235103"/>
                    <a:pt x="60594" y="223681"/>
                    <a:pt x="60594" y="212077"/>
                  </a:cubicBezTo>
                  <a:cubicBezTo>
                    <a:pt x="60594" y="128549"/>
                    <a:pt x="128549" y="60594"/>
                    <a:pt x="212077" y="60594"/>
                  </a:cubicBezTo>
                  <a:cubicBezTo>
                    <a:pt x="268535" y="60594"/>
                    <a:pt x="319328" y="91920"/>
                    <a:pt x="345474" y="141077"/>
                  </a:cubicBezTo>
                  <a:cubicBezTo>
                    <a:pt x="356063" y="138062"/>
                    <a:pt x="367181" y="136335"/>
                    <a:pt x="378709" y="136335"/>
                  </a:cubicBezTo>
                  <a:cubicBezTo>
                    <a:pt x="423730" y="136335"/>
                    <a:pt x="463010" y="161073"/>
                    <a:pt x="483915" y="197595"/>
                  </a:cubicBezTo>
                  <a:cubicBezTo>
                    <a:pt x="508713" y="198913"/>
                    <a:pt x="532723" y="203337"/>
                    <a:pt x="555370" y="210941"/>
                  </a:cubicBezTo>
                  <a:lnTo>
                    <a:pt x="730485" y="35811"/>
                  </a:lnTo>
                  <a:cubicBezTo>
                    <a:pt x="753571" y="12725"/>
                    <a:pt x="784277" y="0"/>
                    <a:pt x="816937" y="0"/>
                  </a:cubicBezTo>
                  <a:close/>
                </a:path>
              </a:pathLst>
            </a:custGeom>
            <a:solidFill>
              <a:schemeClr val="bg1"/>
            </a:solidFill>
            <a:ln w="15032" cap="flat">
              <a:noFill/>
              <a:prstDash val="solid"/>
              <a:miter/>
            </a:ln>
          </p:spPr>
          <p:txBody>
            <a:bodyPr rtlCol="0" anchor="ctr"/>
            <a:lstStyle/>
            <a:p>
              <a:endParaRPr lang="en-US"/>
            </a:p>
          </p:txBody>
        </p:sp>
      </p:grpSp>
      <p:sp>
        <p:nvSpPr>
          <p:cNvPr id="31" name="TextBox 30">
            <a:extLst>
              <a:ext uri="{FF2B5EF4-FFF2-40B4-BE49-F238E27FC236}">
                <a16:creationId xmlns:a16="http://schemas.microsoft.com/office/drawing/2014/main" id="{E822B820-F258-96CE-0D16-C861FEF1CBFE}"/>
              </a:ext>
            </a:extLst>
          </p:cNvPr>
          <p:cNvSpPr txBox="1"/>
          <p:nvPr/>
        </p:nvSpPr>
        <p:spPr>
          <a:xfrm>
            <a:off x="793124" y="1197076"/>
            <a:ext cx="9812741" cy="1200329"/>
          </a:xfrm>
          <a:prstGeom prst="rect">
            <a:avLst/>
          </a:prstGeom>
          <a:noFill/>
        </p:spPr>
        <p:txBody>
          <a:bodyPr wrap="square" rtlCol="0">
            <a:spAutoFit/>
          </a:bodyPr>
          <a:lstStyle/>
          <a:p>
            <a:r>
              <a:rPr lang="en-US" dirty="0"/>
              <a:t>Two of our program goals are </a:t>
            </a:r>
          </a:p>
          <a:p>
            <a:pPr marL="285750" indent="-285750">
              <a:buFont typeface="Arial" panose="020B0604020202020204" pitchFamily="34" charset="0"/>
              <a:buChar char="•"/>
            </a:pPr>
            <a:r>
              <a:rPr lang="en-US" dirty="0"/>
              <a:t>Real-time consistent data for decision making and </a:t>
            </a:r>
          </a:p>
          <a:p>
            <a:pPr marL="285750" indent="-285750">
              <a:buFont typeface="Arial" panose="020B0604020202020204" pitchFamily="34" charset="0"/>
              <a:buChar char="•"/>
            </a:pPr>
            <a:r>
              <a:rPr lang="en-US" dirty="0"/>
              <a:t>Enhanced analytics and reporting</a:t>
            </a:r>
          </a:p>
          <a:p>
            <a:pPr marL="285750" indent="-285750">
              <a:buFont typeface="Arial" panose="020B0604020202020204" pitchFamily="34" charset="0"/>
              <a:buChar char="•"/>
            </a:pPr>
            <a:r>
              <a:rPr lang="en-US" dirty="0"/>
              <a:t>Program intention of improving data analysis and reporting across the system</a:t>
            </a:r>
          </a:p>
        </p:txBody>
      </p:sp>
      <p:grpSp>
        <p:nvGrpSpPr>
          <p:cNvPr id="34" name="Group 33">
            <a:extLst>
              <a:ext uri="{FF2B5EF4-FFF2-40B4-BE49-F238E27FC236}">
                <a16:creationId xmlns:a16="http://schemas.microsoft.com/office/drawing/2014/main" id="{9E207D31-34B3-1D5E-B43C-177BCF90DCF4}"/>
              </a:ext>
            </a:extLst>
          </p:cNvPr>
          <p:cNvGrpSpPr/>
          <p:nvPr/>
        </p:nvGrpSpPr>
        <p:grpSpPr>
          <a:xfrm>
            <a:off x="1343164" y="3542686"/>
            <a:ext cx="527778" cy="529118"/>
            <a:chOff x="403225" y="3722688"/>
            <a:chExt cx="623888" cy="625475"/>
          </a:xfrm>
          <a:solidFill>
            <a:schemeClr val="bg1"/>
          </a:solidFill>
        </p:grpSpPr>
        <p:sp>
          <p:nvSpPr>
            <p:cNvPr id="35" name="Freeform 46">
              <a:extLst>
                <a:ext uri="{FF2B5EF4-FFF2-40B4-BE49-F238E27FC236}">
                  <a16:creationId xmlns:a16="http://schemas.microsoft.com/office/drawing/2014/main" id="{B5B40F43-FAD4-7064-9AD7-63467B6E241F}"/>
                </a:ext>
              </a:extLst>
            </p:cNvPr>
            <p:cNvSpPr>
              <a:spLocks noEditPoints="1"/>
            </p:cNvSpPr>
            <p:nvPr/>
          </p:nvSpPr>
          <p:spPr bwMode="auto">
            <a:xfrm>
              <a:off x="534988" y="3868738"/>
              <a:ext cx="360363" cy="479425"/>
            </a:xfrm>
            <a:custGeom>
              <a:avLst/>
              <a:gdLst>
                <a:gd name="T0" fmla="*/ 349 w 478"/>
                <a:gd name="T1" fmla="*/ 412 h 635"/>
                <a:gd name="T2" fmla="*/ 239 w 478"/>
                <a:gd name="T3" fmla="*/ 0 h 635"/>
                <a:gd name="T4" fmla="*/ 129 w 478"/>
                <a:gd name="T5" fmla="*/ 412 h 635"/>
                <a:gd name="T6" fmla="*/ 101 w 478"/>
                <a:gd name="T7" fmla="*/ 479 h 635"/>
                <a:gd name="T8" fmla="*/ 118 w 478"/>
                <a:gd name="T9" fmla="*/ 553 h 635"/>
                <a:gd name="T10" fmla="*/ 211 w 478"/>
                <a:gd name="T11" fmla="*/ 635 h 635"/>
                <a:gd name="T12" fmla="*/ 334 w 478"/>
                <a:gd name="T13" fmla="*/ 578 h 635"/>
                <a:gd name="T14" fmla="*/ 358 w 478"/>
                <a:gd name="T15" fmla="*/ 518 h 635"/>
                <a:gd name="T16" fmla="*/ 349 w 478"/>
                <a:gd name="T17" fmla="*/ 444 h 635"/>
                <a:gd name="T18" fmla="*/ 208 w 478"/>
                <a:gd name="T19" fmla="*/ 30 h 635"/>
                <a:gd name="T20" fmla="*/ 329 w 478"/>
                <a:gd name="T21" fmla="*/ 392 h 635"/>
                <a:gd name="T22" fmla="*/ 322 w 478"/>
                <a:gd name="T23" fmla="*/ 442 h 635"/>
                <a:gd name="T24" fmla="*/ 294 w 478"/>
                <a:gd name="T25" fmla="*/ 235 h 635"/>
                <a:gd name="T26" fmla="*/ 251 w 478"/>
                <a:gd name="T27" fmla="*/ 146 h 635"/>
                <a:gd name="T28" fmla="*/ 227 w 478"/>
                <a:gd name="T29" fmla="*/ 146 h 635"/>
                <a:gd name="T30" fmla="*/ 184 w 478"/>
                <a:gd name="T31" fmla="*/ 235 h 635"/>
                <a:gd name="T32" fmla="*/ 156 w 478"/>
                <a:gd name="T33" fmla="*/ 442 h 635"/>
                <a:gd name="T34" fmla="*/ 149 w 478"/>
                <a:gd name="T35" fmla="*/ 392 h 635"/>
                <a:gd name="T36" fmla="*/ 220 w 478"/>
                <a:gd name="T37" fmla="*/ 221 h 635"/>
                <a:gd name="T38" fmla="*/ 267 w 478"/>
                <a:gd name="T39" fmla="*/ 238 h 635"/>
                <a:gd name="T40" fmla="*/ 211 w 478"/>
                <a:gd name="T41" fmla="*/ 249 h 635"/>
                <a:gd name="T42" fmla="*/ 220 w 478"/>
                <a:gd name="T43" fmla="*/ 221 h 635"/>
                <a:gd name="T44" fmla="*/ 239 w 478"/>
                <a:gd name="T45" fmla="*/ 183 h 635"/>
                <a:gd name="T46" fmla="*/ 234 w 478"/>
                <a:gd name="T47" fmla="*/ 193 h 635"/>
                <a:gd name="T48" fmla="*/ 225 w 478"/>
                <a:gd name="T49" fmla="*/ 276 h 635"/>
                <a:gd name="T50" fmla="*/ 253 w 478"/>
                <a:gd name="T51" fmla="*/ 414 h 635"/>
                <a:gd name="T52" fmla="*/ 267 w 478"/>
                <a:gd name="T53" fmla="*/ 276 h 635"/>
                <a:gd name="T54" fmla="*/ 211 w 478"/>
                <a:gd name="T55" fmla="*/ 442 h 635"/>
                <a:gd name="T56" fmla="*/ 142 w 478"/>
                <a:gd name="T57" fmla="*/ 469 h 635"/>
                <a:gd name="T58" fmla="*/ 349 w 478"/>
                <a:gd name="T59" fmla="*/ 483 h 635"/>
                <a:gd name="T60" fmla="*/ 142 w 478"/>
                <a:gd name="T61" fmla="*/ 497 h 635"/>
                <a:gd name="T62" fmla="*/ 142 w 478"/>
                <a:gd name="T63" fmla="*/ 469 h 635"/>
                <a:gd name="T64" fmla="*/ 211 w 478"/>
                <a:gd name="T65" fmla="*/ 607 h 635"/>
                <a:gd name="T66" fmla="*/ 305 w 478"/>
                <a:gd name="T67" fmla="*/ 580 h 635"/>
                <a:gd name="T68" fmla="*/ 322 w 478"/>
                <a:gd name="T69" fmla="*/ 552 h 635"/>
                <a:gd name="T70" fmla="*/ 142 w 478"/>
                <a:gd name="T71" fmla="*/ 538 h 635"/>
                <a:gd name="T72" fmla="*/ 322 w 478"/>
                <a:gd name="T73" fmla="*/ 525 h 635"/>
                <a:gd name="T74" fmla="*/ 322 w 478"/>
                <a:gd name="T75" fmla="*/ 552 h 6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78" h="635">
                  <a:moveTo>
                    <a:pt x="349" y="444"/>
                  </a:moveTo>
                  <a:cubicBezTo>
                    <a:pt x="349" y="412"/>
                    <a:pt x="349" y="412"/>
                    <a:pt x="349" y="412"/>
                  </a:cubicBezTo>
                  <a:cubicBezTo>
                    <a:pt x="436" y="362"/>
                    <a:pt x="478" y="260"/>
                    <a:pt x="452" y="164"/>
                  </a:cubicBezTo>
                  <a:cubicBezTo>
                    <a:pt x="426" y="67"/>
                    <a:pt x="339" y="0"/>
                    <a:pt x="239" y="0"/>
                  </a:cubicBezTo>
                  <a:cubicBezTo>
                    <a:pt x="139" y="0"/>
                    <a:pt x="52" y="67"/>
                    <a:pt x="26" y="164"/>
                  </a:cubicBezTo>
                  <a:cubicBezTo>
                    <a:pt x="0" y="260"/>
                    <a:pt x="42" y="362"/>
                    <a:pt x="129" y="412"/>
                  </a:cubicBezTo>
                  <a:cubicBezTo>
                    <a:pt x="129" y="444"/>
                    <a:pt x="129" y="444"/>
                    <a:pt x="129" y="444"/>
                  </a:cubicBezTo>
                  <a:cubicBezTo>
                    <a:pt x="114" y="450"/>
                    <a:pt x="103" y="463"/>
                    <a:pt x="101" y="479"/>
                  </a:cubicBezTo>
                  <a:cubicBezTo>
                    <a:pt x="99" y="494"/>
                    <a:pt x="107" y="510"/>
                    <a:pt x="120" y="518"/>
                  </a:cubicBezTo>
                  <a:cubicBezTo>
                    <a:pt x="114" y="529"/>
                    <a:pt x="113" y="542"/>
                    <a:pt x="118" y="553"/>
                  </a:cubicBezTo>
                  <a:cubicBezTo>
                    <a:pt x="122" y="565"/>
                    <a:pt x="132" y="574"/>
                    <a:pt x="144" y="578"/>
                  </a:cubicBezTo>
                  <a:cubicBezTo>
                    <a:pt x="149" y="611"/>
                    <a:pt x="178" y="635"/>
                    <a:pt x="211" y="635"/>
                  </a:cubicBezTo>
                  <a:cubicBezTo>
                    <a:pt x="267" y="635"/>
                    <a:pt x="267" y="635"/>
                    <a:pt x="267" y="635"/>
                  </a:cubicBezTo>
                  <a:cubicBezTo>
                    <a:pt x="300" y="635"/>
                    <a:pt x="329" y="611"/>
                    <a:pt x="334" y="578"/>
                  </a:cubicBezTo>
                  <a:cubicBezTo>
                    <a:pt x="346" y="574"/>
                    <a:pt x="356" y="565"/>
                    <a:pt x="360" y="553"/>
                  </a:cubicBezTo>
                  <a:cubicBezTo>
                    <a:pt x="365" y="542"/>
                    <a:pt x="364" y="529"/>
                    <a:pt x="358" y="518"/>
                  </a:cubicBezTo>
                  <a:cubicBezTo>
                    <a:pt x="371" y="510"/>
                    <a:pt x="379" y="494"/>
                    <a:pt x="377" y="479"/>
                  </a:cubicBezTo>
                  <a:cubicBezTo>
                    <a:pt x="375" y="463"/>
                    <a:pt x="364" y="450"/>
                    <a:pt x="349" y="444"/>
                  </a:cubicBezTo>
                  <a:close/>
                  <a:moveTo>
                    <a:pt x="46" y="221"/>
                  </a:moveTo>
                  <a:cubicBezTo>
                    <a:pt x="46" y="126"/>
                    <a:pt x="114" y="46"/>
                    <a:pt x="208" y="30"/>
                  </a:cubicBezTo>
                  <a:cubicBezTo>
                    <a:pt x="301" y="15"/>
                    <a:pt x="392" y="70"/>
                    <a:pt x="422" y="159"/>
                  </a:cubicBezTo>
                  <a:cubicBezTo>
                    <a:pt x="452" y="249"/>
                    <a:pt x="413" y="348"/>
                    <a:pt x="329" y="392"/>
                  </a:cubicBezTo>
                  <a:cubicBezTo>
                    <a:pt x="325" y="394"/>
                    <a:pt x="322" y="399"/>
                    <a:pt x="322" y="404"/>
                  </a:cubicBezTo>
                  <a:cubicBezTo>
                    <a:pt x="322" y="442"/>
                    <a:pt x="322" y="442"/>
                    <a:pt x="322" y="442"/>
                  </a:cubicBezTo>
                  <a:cubicBezTo>
                    <a:pt x="294" y="442"/>
                    <a:pt x="294" y="442"/>
                    <a:pt x="294" y="442"/>
                  </a:cubicBezTo>
                  <a:cubicBezTo>
                    <a:pt x="294" y="235"/>
                    <a:pt x="294" y="235"/>
                    <a:pt x="294" y="235"/>
                  </a:cubicBezTo>
                  <a:cubicBezTo>
                    <a:pt x="294" y="233"/>
                    <a:pt x="294" y="231"/>
                    <a:pt x="293" y="229"/>
                  </a:cubicBezTo>
                  <a:cubicBezTo>
                    <a:pt x="251" y="146"/>
                    <a:pt x="251" y="146"/>
                    <a:pt x="251" y="146"/>
                  </a:cubicBezTo>
                  <a:cubicBezTo>
                    <a:pt x="249" y="141"/>
                    <a:pt x="244" y="139"/>
                    <a:pt x="239" y="139"/>
                  </a:cubicBezTo>
                  <a:cubicBezTo>
                    <a:pt x="234" y="139"/>
                    <a:pt x="229" y="141"/>
                    <a:pt x="227" y="146"/>
                  </a:cubicBezTo>
                  <a:cubicBezTo>
                    <a:pt x="185" y="229"/>
                    <a:pt x="185" y="229"/>
                    <a:pt x="185" y="229"/>
                  </a:cubicBezTo>
                  <a:cubicBezTo>
                    <a:pt x="184" y="231"/>
                    <a:pt x="184" y="233"/>
                    <a:pt x="184" y="235"/>
                  </a:cubicBezTo>
                  <a:cubicBezTo>
                    <a:pt x="184" y="442"/>
                    <a:pt x="184" y="442"/>
                    <a:pt x="184" y="442"/>
                  </a:cubicBezTo>
                  <a:cubicBezTo>
                    <a:pt x="156" y="442"/>
                    <a:pt x="156" y="442"/>
                    <a:pt x="156" y="442"/>
                  </a:cubicBezTo>
                  <a:cubicBezTo>
                    <a:pt x="156" y="404"/>
                    <a:pt x="156" y="404"/>
                    <a:pt x="156" y="404"/>
                  </a:cubicBezTo>
                  <a:cubicBezTo>
                    <a:pt x="156" y="399"/>
                    <a:pt x="153" y="394"/>
                    <a:pt x="149" y="392"/>
                  </a:cubicBezTo>
                  <a:cubicBezTo>
                    <a:pt x="85" y="358"/>
                    <a:pt x="46" y="293"/>
                    <a:pt x="46" y="221"/>
                  </a:cubicBezTo>
                  <a:close/>
                  <a:moveTo>
                    <a:pt x="220" y="221"/>
                  </a:moveTo>
                  <a:cubicBezTo>
                    <a:pt x="258" y="221"/>
                    <a:pt x="258" y="221"/>
                    <a:pt x="258" y="221"/>
                  </a:cubicBezTo>
                  <a:cubicBezTo>
                    <a:pt x="267" y="238"/>
                    <a:pt x="267" y="238"/>
                    <a:pt x="267" y="238"/>
                  </a:cubicBezTo>
                  <a:cubicBezTo>
                    <a:pt x="267" y="249"/>
                    <a:pt x="267" y="249"/>
                    <a:pt x="267" y="249"/>
                  </a:cubicBezTo>
                  <a:cubicBezTo>
                    <a:pt x="211" y="249"/>
                    <a:pt x="211" y="249"/>
                    <a:pt x="211" y="249"/>
                  </a:cubicBezTo>
                  <a:cubicBezTo>
                    <a:pt x="211" y="238"/>
                    <a:pt x="211" y="238"/>
                    <a:pt x="211" y="238"/>
                  </a:cubicBezTo>
                  <a:lnTo>
                    <a:pt x="220" y="221"/>
                  </a:lnTo>
                  <a:close/>
                  <a:moveTo>
                    <a:pt x="234" y="193"/>
                  </a:moveTo>
                  <a:cubicBezTo>
                    <a:pt x="239" y="183"/>
                    <a:pt x="239" y="183"/>
                    <a:pt x="239" y="183"/>
                  </a:cubicBezTo>
                  <a:cubicBezTo>
                    <a:pt x="244" y="193"/>
                    <a:pt x="244" y="193"/>
                    <a:pt x="244" y="193"/>
                  </a:cubicBezTo>
                  <a:lnTo>
                    <a:pt x="234" y="193"/>
                  </a:lnTo>
                  <a:close/>
                  <a:moveTo>
                    <a:pt x="211" y="276"/>
                  </a:moveTo>
                  <a:cubicBezTo>
                    <a:pt x="225" y="276"/>
                    <a:pt x="225" y="276"/>
                    <a:pt x="225" y="276"/>
                  </a:cubicBezTo>
                  <a:cubicBezTo>
                    <a:pt x="225" y="414"/>
                    <a:pt x="225" y="414"/>
                    <a:pt x="225" y="414"/>
                  </a:cubicBezTo>
                  <a:cubicBezTo>
                    <a:pt x="253" y="414"/>
                    <a:pt x="253" y="414"/>
                    <a:pt x="253" y="414"/>
                  </a:cubicBezTo>
                  <a:cubicBezTo>
                    <a:pt x="253" y="276"/>
                    <a:pt x="253" y="276"/>
                    <a:pt x="253" y="276"/>
                  </a:cubicBezTo>
                  <a:cubicBezTo>
                    <a:pt x="267" y="276"/>
                    <a:pt x="267" y="276"/>
                    <a:pt x="267" y="276"/>
                  </a:cubicBezTo>
                  <a:cubicBezTo>
                    <a:pt x="267" y="442"/>
                    <a:pt x="267" y="442"/>
                    <a:pt x="267" y="442"/>
                  </a:cubicBezTo>
                  <a:cubicBezTo>
                    <a:pt x="211" y="442"/>
                    <a:pt x="211" y="442"/>
                    <a:pt x="211" y="442"/>
                  </a:cubicBezTo>
                  <a:lnTo>
                    <a:pt x="211" y="276"/>
                  </a:lnTo>
                  <a:close/>
                  <a:moveTo>
                    <a:pt x="142" y="469"/>
                  </a:moveTo>
                  <a:cubicBezTo>
                    <a:pt x="336" y="469"/>
                    <a:pt x="336" y="469"/>
                    <a:pt x="336" y="469"/>
                  </a:cubicBezTo>
                  <a:cubicBezTo>
                    <a:pt x="343" y="469"/>
                    <a:pt x="349" y="476"/>
                    <a:pt x="349" y="483"/>
                  </a:cubicBezTo>
                  <a:cubicBezTo>
                    <a:pt x="349" y="491"/>
                    <a:pt x="343" y="497"/>
                    <a:pt x="336" y="497"/>
                  </a:cubicBezTo>
                  <a:cubicBezTo>
                    <a:pt x="142" y="497"/>
                    <a:pt x="142" y="497"/>
                    <a:pt x="142" y="497"/>
                  </a:cubicBezTo>
                  <a:cubicBezTo>
                    <a:pt x="135" y="497"/>
                    <a:pt x="129" y="491"/>
                    <a:pt x="129" y="483"/>
                  </a:cubicBezTo>
                  <a:cubicBezTo>
                    <a:pt x="129" y="476"/>
                    <a:pt x="135" y="469"/>
                    <a:pt x="142" y="469"/>
                  </a:cubicBezTo>
                  <a:close/>
                  <a:moveTo>
                    <a:pt x="267" y="607"/>
                  </a:moveTo>
                  <a:cubicBezTo>
                    <a:pt x="211" y="607"/>
                    <a:pt x="211" y="607"/>
                    <a:pt x="211" y="607"/>
                  </a:cubicBezTo>
                  <a:cubicBezTo>
                    <a:pt x="194" y="607"/>
                    <a:pt x="178" y="596"/>
                    <a:pt x="173" y="580"/>
                  </a:cubicBezTo>
                  <a:cubicBezTo>
                    <a:pt x="305" y="580"/>
                    <a:pt x="305" y="580"/>
                    <a:pt x="305" y="580"/>
                  </a:cubicBezTo>
                  <a:cubicBezTo>
                    <a:pt x="300" y="596"/>
                    <a:pt x="284" y="607"/>
                    <a:pt x="267" y="607"/>
                  </a:cubicBezTo>
                  <a:close/>
                  <a:moveTo>
                    <a:pt x="322" y="552"/>
                  </a:moveTo>
                  <a:cubicBezTo>
                    <a:pt x="156" y="552"/>
                    <a:pt x="156" y="552"/>
                    <a:pt x="156" y="552"/>
                  </a:cubicBezTo>
                  <a:cubicBezTo>
                    <a:pt x="149" y="552"/>
                    <a:pt x="142" y="546"/>
                    <a:pt x="142" y="538"/>
                  </a:cubicBezTo>
                  <a:cubicBezTo>
                    <a:pt x="142" y="531"/>
                    <a:pt x="149" y="525"/>
                    <a:pt x="156" y="525"/>
                  </a:cubicBezTo>
                  <a:cubicBezTo>
                    <a:pt x="322" y="525"/>
                    <a:pt x="322" y="525"/>
                    <a:pt x="322" y="525"/>
                  </a:cubicBezTo>
                  <a:cubicBezTo>
                    <a:pt x="329" y="525"/>
                    <a:pt x="336" y="531"/>
                    <a:pt x="336" y="538"/>
                  </a:cubicBezTo>
                  <a:cubicBezTo>
                    <a:pt x="336" y="546"/>
                    <a:pt x="329" y="552"/>
                    <a:pt x="322" y="5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47">
              <a:extLst>
                <a:ext uri="{FF2B5EF4-FFF2-40B4-BE49-F238E27FC236}">
                  <a16:creationId xmlns:a16="http://schemas.microsoft.com/office/drawing/2014/main" id="{29C77055-AC11-0C36-F2B6-6E88AB7F741B}"/>
                </a:ext>
              </a:extLst>
            </p:cNvPr>
            <p:cNvSpPr>
              <a:spLocks/>
            </p:cNvSpPr>
            <p:nvPr/>
          </p:nvSpPr>
          <p:spPr bwMode="auto">
            <a:xfrm>
              <a:off x="403225" y="3722688"/>
              <a:ext cx="623888" cy="574675"/>
            </a:xfrm>
            <a:custGeom>
              <a:avLst/>
              <a:gdLst>
                <a:gd name="T0" fmla="*/ 747 w 828"/>
                <a:gd name="T1" fmla="*/ 323 h 761"/>
                <a:gd name="T2" fmla="*/ 757 w 828"/>
                <a:gd name="T3" fmla="*/ 188 h 761"/>
                <a:gd name="T4" fmla="*/ 658 w 828"/>
                <a:gd name="T5" fmla="*/ 72 h 761"/>
                <a:gd name="T6" fmla="*/ 585 w 828"/>
                <a:gd name="T7" fmla="*/ 114 h 761"/>
                <a:gd name="T8" fmla="*/ 497 w 828"/>
                <a:gd name="T9" fmla="*/ 12 h 761"/>
                <a:gd name="T10" fmla="*/ 345 w 828"/>
                <a:gd name="T11" fmla="*/ 0 h 761"/>
                <a:gd name="T12" fmla="*/ 323 w 828"/>
                <a:gd name="T13" fmla="*/ 81 h 761"/>
                <a:gd name="T14" fmla="*/ 188 w 828"/>
                <a:gd name="T15" fmla="*/ 71 h 761"/>
                <a:gd name="T16" fmla="*/ 72 w 828"/>
                <a:gd name="T17" fmla="*/ 170 h 761"/>
                <a:gd name="T18" fmla="*/ 114 w 828"/>
                <a:gd name="T19" fmla="*/ 243 h 761"/>
                <a:gd name="T20" fmla="*/ 12 w 828"/>
                <a:gd name="T21" fmla="*/ 331 h 761"/>
                <a:gd name="T22" fmla="*/ 0 w 828"/>
                <a:gd name="T23" fmla="*/ 483 h 761"/>
                <a:gd name="T24" fmla="*/ 81 w 828"/>
                <a:gd name="T25" fmla="*/ 505 h 761"/>
                <a:gd name="T26" fmla="*/ 71 w 828"/>
                <a:gd name="T27" fmla="*/ 640 h 761"/>
                <a:gd name="T28" fmla="*/ 170 w 828"/>
                <a:gd name="T29" fmla="*/ 756 h 761"/>
                <a:gd name="T30" fmla="*/ 243 w 828"/>
                <a:gd name="T31" fmla="*/ 714 h 761"/>
                <a:gd name="T32" fmla="*/ 266 w 828"/>
                <a:gd name="T33" fmla="*/ 695 h 761"/>
                <a:gd name="T34" fmla="*/ 234 w 828"/>
                <a:gd name="T35" fmla="*/ 686 h 761"/>
                <a:gd name="T36" fmla="*/ 101 w 828"/>
                <a:gd name="T37" fmla="*/ 647 h 761"/>
                <a:gd name="T38" fmla="*/ 143 w 828"/>
                <a:gd name="T39" fmla="*/ 579 h 761"/>
                <a:gd name="T40" fmla="*/ 94 w 828"/>
                <a:gd name="T41" fmla="*/ 479 h 761"/>
                <a:gd name="T42" fmla="*/ 28 w 828"/>
                <a:gd name="T43" fmla="*/ 357 h 761"/>
                <a:gd name="T44" fmla="*/ 106 w 828"/>
                <a:gd name="T45" fmla="*/ 338 h 761"/>
                <a:gd name="T46" fmla="*/ 142 w 828"/>
                <a:gd name="T47" fmla="*/ 234 h 761"/>
                <a:gd name="T48" fmla="*/ 181 w 828"/>
                <a:gd name="T49" fmla="*/ 101 h 761"/>
                <a:gd name="T50" fmla="*/ 249 w 828"/>
                <a:gd name="T51" fmla="*/ 143 h 761"/>
                <a:gd name="T52" fmla="*/ 349 w 828"/>
                <a:gd name="T53" fmla="*/ 94 h 761"/>
                <a:gd name="T54" fmla="*/ 471 w 828"/>
                <a:gd name="T55" fmla="*/ 28 h 761"/>
                <a:gd name="T56" fmla="*/ 490 w 828"/>
                <a:gd name="T57" fmla="*/ 106 h 761"/>
                <a:gd name="T58" fmla="*/ 594 w 828"/>
                <a:gd name="T59" fmla="*/ 142 h 761"/>
                <a:gd name="T60" fmla="*/ 727 w 828"/>
                <a:gd name="T61" fmla="*/ 181 h 761"/>
                <a:gd name="T62" fmla="*/ 685 w 828"/>
                <a:gd name="T63" fmla="*/ 249 h 761"/>
                <a:gd name="T64" fmla="*/ 734 w 828"/>
                <a:gd name="T65" fmla="*/ 349 h 761"/>
                <a:gd name="T66" fmla="*/ 800 w 828"/>
                <a:gd name="T67" fmla="*/ 471 h 761"/>
                <a:gd name="T68" fmla="*/ 722 w 828"/>
                <a:gd name="T69" fmla="*/ 489 h 761"/>
                <a:gd name="T70" fmla="*/ 686 w 828"/>
                <a:gd name="T71" fmla="*/ 594 h 761"/>
                <a:gd name="T72" fmla="*/ 647 w 828"/>
                <a:gd name="T73" fmla="*/ 727 h 761"/>
                <a:gd name="T74" fmla="*/ 579 w 828"/>
                <a:gd name="T75" fmla="*/ 685 h 761"/>
                <a:gd name="T76" fmla="*/ 570 w 828"/>
                <a:gd name="T77" fmla="*/ 722 h 761"/>
                <a:gd name="T78" fmla="*/ 640 w 828"/>
                <a:gd name="T79" fmla="*/ 757 h 761"/>
                <a:gd name="T80" fmla="*/ 756 w 828"/>
                <a:gd name="T81" fmla="*/ 658 h 761"/>
                <a:gd name="T82" fmla="*/ 714 w 828"/>
                <a:gd name="T83" fmla="*/ 585 h 761"/>
                <a:gd name="T84" fmla="*/ 816 w 828"/>
                <a:gd name="T85" fmla="*/ 497 h 761"/>
                <a:gd name="T86" fmla="*/ 828 w 828"/>
                <a:gd name="T87" fmla="*/ 345 h 7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828" h="761">
                  <a:moveTo>
                    <a:pt x="816" y="331"/>
                  </a:moveTo>
                  <a:cubicBezTo>
                    <a:pt x="747" y="323"/>
                    <a:pt x="747" y="323"/>
                    <a:pt x="747" y="323"/>
                  </a:cubicBezTo>
                  <a:cubicBezTo>
                    <a:pt x="739" y="295"/>
                    <a:pt x="728" y="268"/>
                    <a:pt x="714" y="243"/>
                  </a:cubicBezTo>
                  <a:cubicBezTo>
                    <a:pt x="757" y="188"/>
                    <a:pt x="757" y="188"/>
                    <a:pt x="757" y="188"/>
                  </a:cubicBezTo>
                  <a:cubicBezTo>
                    <a:pt x="761" y="183"/>
                    <a:pt x="760" y="175"/>
                    <a:pt x="756" y="170"/>
                  </a:cubicBezTo>
                  <a:cubicBezTo>
                    <a:pt x="658" y="72"/>
                    <a:pt x="658" y="72"/>
                    <a:pt x="658" y="72"/>
                  </a:cubicBezTo>
                  <a:cubicBezTo>
                    <a:pt x="653" y="68"/>
                    <a:pt x="645" y="67"/>
                    <a:pt x="640" y="71"/>
                  </a:cubicBezTo>
                  <a:cubicBezTo>
                    <a:pt x="585" y="114"/>
                    <a:pt x="585" y="114"/>
                    <a:pt x="585" y="114"/>
                  </a:cubicBezTo>
                  <a:cubicBezTo>
                    <a:pt x="560" y="100"/>
                    <a:pt x="533" y="89"/>
                    <a:pt x="505" y="81"/>
                  </a:cubicBezTo>
                  <a:cubicBezTo>
                    <a:pt x="497" y="12"/>
                    <a:pt x="497" y="12"/>
                    <a:pt x="497" y="12"/>
                  </a:cubicBezTo>
                  <a:cubicBezTo>
                    <a:pt x="496" y="5"/>
                    <a:pt x="490" y="0"/>
                    <a:pt x="483" y="0"/>
                  </a:cubicBezTo>
                  <a:cubicBezTo>
                    <a:pt x="345" y="0"/>
                    <a:pt x="345" y="0"/>
                    <a:pt x="345" y="0"/>
                  </a:cubicBezTo>
                  <a:cubicBezTo>
                    <a:pt x="338" y="0"/>
                    <a:pt x="332" y="5"/>
                    <a:pt x="331" y="12"/>
                  </a:cubicBezTo>
                  <a:cubicBezTo>
                    <a:pt x="323" y="81"/>
                    <a:pt x="323" y="81"/>
                    <a:pt x="323" y="81"/>
                  </a:cubicBezTo>
                  <a:cubicBezTo>
                    <a:pt x="295" y="89"/>
                    <a:pt x="268" y="100"/>
                    <a:pt x="243" y="114"/>
                  </a:cubicBezTo>
                  <a:cubicBezTo>
                    <a:pt x="188" y="71"/>
                    <a:pt x="188" y="71"/>
                    <a:pt x="188" y="71"/>
                  </a:cubicBezTo>
                  <a:cubicBezTo>
                    <a:pt x="183" y="67"/>
                    <a:pt x="175" y="68"/>
                    <a:pt x="170" y="72"/>
                  </a:cubicBezTo>
                  <a:cubicBezTo>
                    <a:pt x="72" y="170"/>
                    <a:pt x="72" y="170"/>
                    <a:pt x="72" y="170"/>
                  </a:cubicBezTo>
                  <a:cubicBezTo>
                    <a:pt x="68" y="175"/>
                    <a:pt x="67" y="183"/>
                    <a:pt x="71" y="188"/>
                  </a:cubicBezTo>
                  <a:cubicBezTo>
                    <a:pt x="114" y="243"/>
                    <a:pt x="114" y="243"/>
                    <a:pt x="114" y="243"/>
                  </a:cubicBezTo>
                  <a:cubicBezTo>
                    <a:pt x="100" y="268"/>
                    <a:pt x="89" y="295"/>
                    <a:pt x="81" y="323"/>
                  </a:cubicBezTo>
                  <a:cubicBezTo>
                    <a:pt x="12" y="331"/>
                    <a:pt x="12" y="331"/>
                    <a:pt x="12" y="331"/>
                  </a:cubicBezTo>
                  <a:cubicBezTo>
                    <a:pt x="5" y="332"/>
                    <a:pt x="0" y="338"/>
                    <a:pt x="0" y="345"/>
                  </a:cubicBezTo>
                  <a:cubicBezTo>
                    <a:pt x="0" y="483"/>
                    <a:pt x="0" y="483"/>
                    <a:pt x="0" y="483"/>
                  </a:cubicBezTo>
                  <a:cubicBezTo>
                    <a:pt x="0" y="490"/>
                    <a:pt x="5" y="496"/>
                    <a:pt x="12" y="497"/>
                  </a:cubicBezTo>
                  <a:cubicBezTo>
                    <a:pt x="81" y="505"/>
                    <a:pt x="81" y="505"/>
                    <a:pt x="81" y="505"/>
                  </a:cubicBezTo>
                  <a:cubicBezTo>
                    <a:pt x="89" y="533"/>
                    <a:pt x="100" y="560"/>
                    <a:pt x="114" y="585"/>
                  </a:cubicBezTo>
                  <a:cubicBezTo>
                    <a:pt x="71" y="640"/>
                    <a:pt x="71" y="640"/>
                    <a:pt x="71" y="640"/>
                  </a:cubicBezTo>
                  <a:cubicBezTo>
                    <a:pt x="67" y="645"/>
                    <a:pt x="68" y="653"/>
                    <a:pt x="72" y="658"/>
                  </a:cubicBezTo>
                  <a:cubicBezTo>
                    <a:pt x="170" y="756"/>
                    <a:pt x="170" y="756"/>
                    <a:pt x="170" y="756"/>
                  </a:cubicBezTo>
                  <a:cubicBezTo>
                    <a:pt x="175" y="760"/>
                    <a:pt x="183" y="761"/>
                    <a:pt x="188" y="757"/>
                  </a:cubicBezTo>
                  <a:cubicBezTo>
                    <a:pt x="243" y="714"/>
                    <a:pt x="243" y="714"/>
                    <a:pt x="243" y="714"/>
                  </a:cubicBezTo>
                  <a:cubicBezTo>
                    <a:pt x="247" y="716"/>
                    <a:pt x="250" y="718"/>
                    <a:pt x="253" y="719"/>
                  </a:cubicBezTo>
                  <a:cubicBezTo>
                    <a:pt x="266" y="695"/>
                    <a:pt x="266" y="695"/>
                    <a:pt x="266" y="695"/>
                  </a:cubicBezTo>
                  <a:cubicBezTo>
                    <a:pt x="260" y="692"/>
                    <a:pt x="255" y="689"/>
                    <a:pt x="249" y="685"/>
                  </a:cubicBezTo>
                  <a:cubicBezTo>
                    <a:pt x="245" y="682"/>
                    <a:pt x="238" y="683"/>
                    <a:pt x="234" y="686"/>
                  </a:cubicBezTo>
                  <a:cubicBezTo>
                    <a:pt x="181" y="727"/>
                    <a:pt x="181" y="727"/>
                    <a:pt x="181" y="727"/>
                  </a:cubicBezTo>
                  <a:cubicBezTo>
                    <a:pt x="101" y="647"/>
                    <a:pt x="101" y="647"/>
                    <a:pt x="101" y="647"/>
                  </a:cubicBezTo>
                  <a:cubicBezTo>
                    <a:pt x="142" y="594"/>
                    <a:pt x="142" y="594"/>
                    <a:pt x="142" y="594"/>
                  </a:cubicBezTo>
                  <a:cubicBezTo>
                    <a:pt x="145" y="590"/>
                    <a:pt x="146" y="583"/>
                    <a:pt x="143" y="579"/>
                  </a:cubicBezTo>
                  <a:cubicBezTo>
                    <a:pt x="126" y="551"/>
                    <a:pt x="113" y="521"/>
                    <a:pt x="106" y="490"/>
                  </a:cubicBezTo>
                  <a:cubicBezTo>
                    <a:pt x="104" y="484"/>
                    <a:pt x="100" y="480"/>
                    <a:pt x="94" y="479"/>
                  </a:cubicBezTo>
                  <a:cubicBezTo>
                    <a:pt x="28" y="471"/>
                    <a:pt x="28" y="471"/>
                    <a:pt x="28" y="471"/>
                  </a:cubicBezTo>
                  <a:cubicBezTo>
                    <a:pt x="28" y="357"/>
                    <a:pt x="28" y="357"/>
                    <a:pt x="28" y="357"/>
                  </a:cubicBezTo>
                  <a:cubicBezTo>
                    <a:pt x="94" y="349"/>
                    <a:pt x="94" y="349"/>
                    <a:pt x="94" y="349"/>
                  </a:cubicBezTo>
                  <a:cubicBezTo>
                    <a:pt x="100" y="348"/>
                    <a:pt x="104" y="344"/>
                    <a:pt x="106" y="338"/>
                  </a:cubicBezTo>
                  <a:cubicBezTo>
                    <a:pt x="113" y="307"/>
                    <a:pt x="126" y="277"/>
                    <a:pt x="143" y="249"/>
                  </a:cubicBezTo>
                  <a:cubicBezTo>
                    <a:pt x="146" y="245"/>
                    <a:pt x="145" y="238"/>
                    <a:pt x="142" y="234"/>
                  </a:cubicBezTo>
                  <a:cubicBezTo>
                    <a:pt x="101" y="181"/>
                    <a:pt x="101" y="181"/>
                    <a:pt x="101" y="181"/>
                  </a:cubicBezTo>
                  <a:cubicBezTo>
                    <a:pt x="181" y="101"/>
                    <a:pt x="181" y="101"/>
                    <a:pt x="181" y="101"/>
                  </a:cubicBezTo>
                  <a:cubicBezTo>
                    <a:pt x="234" y="142"/>
                    <a:pt x="234" y="142"/>
                    <a:pt x="234" y="142"/>
                  </a:cubicBezTo>
                  <a:cubicBezTo>
                    <a:pt x="238" y="145"/>
                    <a:pt x="244" y="146"/>
                    <a:pt x="249" y="143"/>
                  </a:cubicBezTo>
                  <a:cubicBezTo>
                    <a:pt x="277" y="126"/>
                    <a:pt x="307" y="113"/>
                    <a:pt x="338" y="106"/>
                  </a:cubicBezTo>
                  <a:cubicBezTo>
                    <a:pt x="344" y="104"/>
                    <a:pt x="348" y="100"/>
                    <a:pt x="349" y="94"/>
                  </a:cubicBezTo>
                  <a:cubicBezTo>
                    <a:pt x="357" y="28"/>
                    <a:pt x="357" y="28"/>
                    <a:pt x="357" y="28"/>
                  </a:cubicBezTo>
                  <a:cubicBezTo>
                    <a:pt x="471" y="28"/>
                    <a:pt x="471" y="28"/>
                    <a:pt x="471" y="28"/>
                  </a:cubicBezTo>
                  <a:cubicBezTo>
                    <a:pt x="479" y="94"/>
                    <a:pt x="479" y="94"/>
                    <a:pt x="479" y="94"/>
                  </a:cubicBezTo>
                  <a:cubicBezTo>
                    <a:pt x="480" y="100"/>
                    <a:pt x="484" y="104"/>
                    <a:pt x="490" y="106"/>
                  </a:cubicBezTo>
                  <a:cubicBezTo>
                    <a:pt x="521" y="113"/>
                    <a:pt x="551" y="126"/>
                    <a:pt x="579" y="143"/>
                  </a:cubicBezTo>
                  <a:cubicBezTo>
                    <a:pt x="583" y="146"/>
                    <a:pt x="590" y="145"/>
                    <a:pt x="594" y="142"/>
                  </a:cubicBezTo>
                  <a:cubicBezTo>
                    <a:pt x="647" y="101"/>
                    <a:pt x="647" y="101"/>
                    <a:pt x="647" y="101"/>
                  </a:cubicBezTo>
                  <a:cubicBezTo>
                    <a:pt x="727" y="181"/>
                    <a:pt x="727" y="181"/>
                    <a:pt x="727" y="181"/>
                  </a:cubicBezTo>
                  <a:cubicBezTo>
                    <a:pt x="686" y="234"/>
                    <a:pt x="686" y="234"/>
                    <a:pt x="686" y="234"/>
                  </a:cubicBezTo>
                  <a:cubicBezTo>
                    <a:pt x="683" y="238"/>
                    <a:pt x="682" y="244"/>
                    <a:pt x="685" y="249"/>
                  </a:cubicBezTo>
                  <a:cubicBezTo>
                    <a:pt x="702" y="277"/>
                    <a:pt x="715" y="307"/>
                    <a:pt x="722" y="338"/>
                  </a:cubicBezTo>
                  <a:cubicBezTo>
                    <a:pt x="724" y="344"/>
                    <a:pt x="728" y="348"/>
                    <a:pt x="734" y="349"/>
                  </a:cubicBezTo>
                  <a:cubicBezTo>
                    <a:pt x="800" y="357"/>
                    <a:pt x="800" y="357"/>
                    <a:pt x="800" y="357"/>
                  </a:cubicBezTo>
                  <a:cubicBezTo>
                    <a:pt x="800" y="471"/>
                    <a:pt x="800" y="471"/>
                    <a:pt x="800" y="471"/>
                  </a:cubicBezTo>
                  <a:cubicBezTo>
                    <a:pt x="734" y="479"/>
                    <a:pt x="734" y="479"/>
                    <a:pt x="734" y="479"/>
                  </a:cubicBezTo>
                  <a:cubicBezTo>
                    <a:pt x="728" y="480"/>
                    <a:pt x="724" y="484"/>
                    <a:pt x="722" y="489"/>
                  </a:cubicBezTo>
                  <a:cubicBezTo>
                    <a:pt x="715" y="521"/>
                    <a:pt x="702" y="551"/>
                    <a:pt x="685" y="579"/>
                  </a:cubicBezTo>
                  <a:cubicBezTo>
                    <a:pt x="682" y="583"/>
                    <a:pt x="683" y="590"/>
                    <a:pt x="686" y="594"/>
                  </a:cubicBezTo>
                  <a:cubicBezTo>
                    <a:pt x="727" y="647"/>
                    <a:pt x="727" y="647"/>
                    <a:pt x="727" y="647"/>
                  </a:cubicBezTo>
                  <a:cubicBezTo>
                    <a:pt x="647" y="727"/>
                    <a:pt x="647" y="727"/>
                    <a:pt x="647" y="727"/>
                  </a:cubicBezTo>
                  <a:cubicBezTo>
                    <a:pt x="594" y="686"/>
                    <a:pt x="594" y="686"/>
                    <a:pt x="594" y="686"/>
                  </a:cubicBezTo>
                  <a:cubicBezTo>
                    <a:pt x="590" y="683"/>
                    <a:pt x="583" y="682"/>
                    <a:pt x="579" y="685"/>
                  </a:cubicBezTo>
                  <a:cubicBezTo>
                    <a:pt x="572" y="690"/>
                    <a:pt x="565" y="693"/>
                    <a:pt x="558" y="697"/>
                  </a:cubicBezTo>
                  <a:cubicBezTo>
                    <a:pt x="570" y="722"/>
                    <a:pt x="570" y="722"/>
                    <a:pt x="570" y="722"/>
                  </a:cubicBezTo>
                  <a:cubicBezTo>
                    <a:pt x="575" y="719"/>
                    <a:pt x="580" y="717"/>
                    <a:pt x="585" y="714"/>
                  </a:cubicBezTo>
                  <a:cubicBezTo>
                    <a:pt x="640" y="757"/>
                    <a:pt x="640" y="757"/>
                    <a:pt x="640" y="757"/>
                  </a:cubicBezTo>
                  <a:cubicBezTo>
                    <a:pt x="645" y="761"/>
                    <a:pt x="653" y="760"/>
                    <a:pt x="658" y="755"/>
                  </a:cubicBezTo>
                  <a:cubicBezTo>
                    <a:pt x="756" y="658"/>
                    <a:pt x="756" y="658"/>
                    <a:pt x="756" y="658"/>
                  </a:cubicBezTo>
                  <a:cubicBezTo>
                    <a:pt x="760" y="653"/>
                    <a:pt x="761" y="645"/>
                    <a:pt x="757" y="640"/>
                  </a:cubicBezTo>
                  <a:cubicBezTo>
                    <a:pt x="714" y="585"/>
                    <a:pt x="714" y="585"/>
                    <a:pt x="714" y="585"/>
                  </a:cubicBezTo>
                  <a:cubicBezTo>
                    <a:pt x="728" y="560"/>
                    <a:pt x="739" y="533"/>
                    <a:pt x="747" y="505"/>
                  </a:cubicBezTo>
                  <a:cubicBezTo>
                    <a:pt x="816" y="497"/>
                    <a:pt x="816" y="497"/>
                    <a:pt x="816" y="497"/>
                  </a:cubicBezTo>
                  <a:cubicBezTo>
                    <a:pt x="823" y="496"/>
                    <a:pt x="828" y="490"/>
                    <a:pt x="828" y="483"/>
                  </a:cubicBezTo>
                  <a:cubicBezTo>
                    <a:pt x="828" y="345"/>
                    <a:pt x="828" y="345"/>
                    <a:pt x="828" y="345"/>
                  </a:cubicBezTo>
                  <a:cubicBezTo>
                    <a:pt x="828" y="338"/>
                    <a:pt x="823" y="332"/>
                    <a:pt x="816" y="33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Rectangle 48">
              <a:extLst>
                <a:ext uri="{FF2B5EF4-FFF2-40B4-BE49-F238E27FC236}">
                  <a16:creationId xmlns:a16="http://schemas.microsoft.com/office/drawing/2014/main" id="{A52A04C8-503E-8352-03E8-D3C85FDFE7D8}"/>
                </a:ext>
              </a:extLst>
            </p:cNvPr>
            <p:cNvSpPr>
              <a:spLocks noChangeArrowheads="1"/>
            </p:cNvSpPr>
            <p:nvPr/>
          </p:nvSpPr>
          <p:spPr bwMode="auto">
            <a:xfrm>
              <a:off x="703263" y="3827463"/>
              <a:ext cx="22225" cy="2063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49">
              <a:extLst>
                <a:ext uri="{FF2B5EF4-FFF2-40B4-BE49-F238E27FC236}">
                  <a16:creationId xmlns:a16="http://schemas.microsoft.com/office/drawing/2014/main" id="{88F96FE0-AA90-9D3A-DF88-8819CC1D9D73}"/>
                </a:ext>
              </a:extLst>
            </p:cNvPr>
            <p:cNvSpPr>
              <a:spLocks/>
            </p:cNvSpPr>
            <p:nvPr/>
          </p:nvSpPr>
          <p:spPr bwMode="auto">
            <a:xfrm>
              <a:off x="601663" y="3849688"/>
              <a:ext cx="28575" cy="28575"/>
            </a:xfrm>
            <a:custGeom>
              <a:avLst/>
              <a:gdLst>
                <a:gd name="T0" fmla="*/ 0 w 18"/>
                <a:gd name="T1" fmla="*/ 7 h 18"/>
                <a:gd name="T2" fmla="*/ 11 w 18"/>
                <a:gd name="T3" fmla="*/ 0 h 18"/>
                <a:gd name="T4" fmla="*/ 18 w 18"/>
                <a:gd name="T5" fmla="*/ 11 h 18"/>
                <a:gd name="T6" fmla="*/ 7 w 18"/>
                <a:gd name="T7" fmla="*/ 18 h 18"/>
                <a:gd name="T8" fmla="*/ 0 w 18"/>
                <a:gd name="T9" fmla="*/ 7 h 18"/>
              </a:gdLst>
              <a:ahLst/>
              <a:cxnLst>
                <a:cxn ang="0">
                  <a:pos x="T0" y="T1"/>
                </a:cxn>
                <a:cxn ang="0">
                  <a:pos x="T2" y="T3"/>
                </a:cxn>
                <a:cxn ang="0">
                  <a:pos x="T4" y="T5"/>
                </a:cxn>
                <a:cxn ang="0">
                  <a:pos x="T6" y="T7"/>
                </a:cxn>
                <a:cxn ang="0">
                  <a:pos x="T8" y="T9"/>
                </a:cxn>
              </a:cxnLst>
              <a:rect l="0" t="0" r="r" b="b"/>
              <a:pathLst>
                <a:path w="18" h="18">
                  <a:moveTo>
                    <a:pt x="0" y="7"/>
                  </a:moveTo>
                  <a:lnTo>
                    <a:pt x="11" y="0"/>
                  </a:lnTo>
                  <a:lnTo>
                    <a:pt x="18" y="11"/>
                  </a:lnTo>
                  <a:lnTo>
                    <a:pt x="7" y="18"/>
                  </a:lnTo>
                  <a:lnTo>
                    <a:pt x="0" y="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50">
              <a:extLst>
                <a:ext uri="{FF2B5EF4-FFF2-40B4-BE49-F238E27FC236}">
                  <a16:creationId xmlns:a16="http://schemas.microsoft.com/office/drawing/2014/main" id="{22884EAD-F99D-C97A-13B5-CF9025681B5A}"/>
                </a:ext>
              </a:extLst>
            </p:cNvPr>
            <p:cNvSpPr>
              <a:spLocks/>
            </p:cNvSpPr>
            <p:nvPr/>
          </p:nvSpPr>
          <p:spPr bwMode="auto">
            <a:xfrm>
              <a:off x="528638" y="3922713"/>
              <a:ext cx="28575" cy="28575"/>
            </a:xfrm>
            <a:custGeom>
              <a:avLst/>
              <a:gdLst>
                <a:gd name="T0" fmla="*/ 0 w 18"/>
                <a:gd name="T1" fmla="*/ 11 h 18"/>
                <a:gd name="T2" fmla="*/ 7 w 18"/>
                <a:gd name="T3" fmla="*/ 0 h 18"/>
                <a:gd name="T4" fmla="*/ 18 w 18"/>
                <a:gd name="T5" fmla="*/ 6 h 18"/>
                <a:gd name="T6" fmla="*/ 12 w 18"/>
                <a:gd name="T7" fmla="*/ 18 h 18"/>
                <a:gd name="T8" fmla="*/ 0 w 18"/>
                <a:gd name="T9" fmla="*/ 11 h 18"/>
              </a:gdLst>
              <a:ahLst/>
              <a:cxnLst>
                <a:cxn ang="0">
                  <a:pos x="T0" y="T1"/>
                </a:cxn>
                <a:cxn ang="0">
                  <a:pos x="T2" y="T3"/>
                </a:cxn>
                <a:cxn ang="0">
                  <a:pos x="T4" y="T5"/>
                </a:cxn>
                <a:cxn ang="0">
                  <a:pos x="T6" y="T7"/>
                </a:cxn>
                <a:cxn ang="0">
                  <a:pos x="T8" y="T9"/>
                </a:cxn>
              </a:cxnLst>
              <a:rect l="0" t="0" r="r" b="b"/>
              <a:pathLst>
                <a:path w="18" h="18">
                  <a:moveTo>
                    <a:pt x="0" y="11"/>
                  </a:moveTo>
                  <a:lnTo>
                    <a:pt x="7" y="0"/>
                  </a:lnTo>
                  <a:lnTo>
                    <a:pt x="18" y="6"/>
                  </a:lnTo>
                  <a:lnTo>
                    <a:pt x="12" y="18"/>
                  </a:lnTo>
                  <a:lnTo>
                    <a:pt x="0"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Rectangle 51">
              <a:extLst>
                <a:ext uri="{FF2B5EF4-FFF2-40B4-BE49-F238E27FC236}">
                  <a16:creationId xmlns:a16="http://schemas.microsoft.com/office/drawing/2014/main" id="{F71DCD1E-1C8D-9241-CB3A-18F1230C8813}"/>
                </a:ext>
              </a:extLst>
            </p:cNvPr>
            <p:cNvSpPr>
              <a:spLocks noChangeArrowheads="1"/>
            </p:cNvSpPr>
            <p:nvPr/>
          </p:nvSpPr>
          <p:spPr bwMode="auto">
            <a:xfrm>
              <a:off x="506413" y="4024313"/>
              <a:ext cx="20638" cy="222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52">
              <a:extLst>
                <a:ext uri="{FF2B5EF4-FFF2-40B4-BE49-F238E27FC236}">
                  <a16:creationId xmlns:a16="http://schemas.microsoft.com/office/drawing/2014/main" id="{33E4DC0C-7DC0-36A2-3AC1-584A695298F5}"/>
                </a:ext>
              </a:extLst>
            </p:cNvPr>
            <p:cNvSpPr>
              <a:spLocks/>
            </p:cNvSpPr>
            <p:nvPr/>
          </p:nvSpPr>
          <p:spPr bwMode="auto">
            <a:xfrm>
              <a:off x="528638" y="4119563"/>
              <a:ext cx="28575" cy="28575"/>
            </a:xfrm>
            <a:custGeom>
              <a:avLst/>
              <a:gdLst>
                <a:gd name="T0" fmla="*/ 0 w 18"/>
                <a:gd name="T1" fmla="*/ 7 h 18"/>
                <a:gd name="T2" fmla="*/ 12 w 18"/>
                <a:gd name="T3" fmla="*/ 0 h 18"/>
                <a:gd name="T4" fmla="*/ 18 w 18"/>
                <a:gd name="T5" fmla="*/ 12 h 18"/>
                <a:gd name="T6" fmla="*/ 7 w 18"/>
                <a:gd name="T7" fmla="*/ 18 h 18"/>
                <a:gd name="T8" fmla="*/ 0 w 18"/>
                <a:gd name="T9" fmla="*/ 7 h 18"/>
              </a:gdLst>
              <a:ahLst/>
              <a:cxnLst>
                <a:cxn ang="0">
                  <a:pos x="T0" y="T1"/>
                </a:cxn>
                <a:cxn ang="0">
                  <a:pos x="T2" y="T3"/>
                </a:cxn>
                <a:cxn ang="0">
                  <a:pos x="T4" y="T5"/>
                </a:cxn>
                <a:cxn ang="0">
                  <a:pos x="T6" y="T7"/>
                </a:cxn>
                <a:cxn ang="0">
                  <a:pos x="T8" y="T9"/>
                </a:cxn>
              </a:cxnLst>
              <a:rect l="0" t="0" r="r" b="b"/>
              <a:pathLst>
                <a:path w="18" h="18">
                  <a:moveTo>
                    <a:pt x="0" y="7"/>
                  </a:moveTo>
                  <a:lnTo>
                    <a:pt x="12" y="0"/>
                  </a:lnTo>
                  <a:lnTo>
                    <a:pt x="18" y="12"/>
                  </a:lnTo>
                  <a:lnTo>
                    <a:pt x="7" y="18"/>
                  </a:lnTo>
                  <a:lnTo>
                    <a:pt x="0" y="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53">
              <a:extLst>
                <a:ext uri="{FF2B5EF4-FFF2-40B4-BE49-F238E27FC236}">
                  <a16:creationId xmlns:a16="http://schemas.microsoft.com/office/drawing/2014/main" id="{B368E969-EB9F-C3D0-F952-54781B27A22A}"/>
                </a:ext>
              </a:extLst>
            </p:cNvPr>
            <p:cNvSpPr>
              <a:spLocks/>
            </p:cNvSpPr>
            <p:nvPr/>
          </p:nvSpPr>
          <p:spPr bwMode="auto">
            <a:xfrm>
              <a:off x="871538" y="4119563"/>
              <a:ext cx="28575" cy="28575"/>
            </a:xfrm>
            <a:custGeom>
              <a:avLst/>
              <a:gdLst>
                <a:gd name="T0" fmla="*/ 0 w 18"/>
                <a:gd name="T1" fmla="*/ 12 h 18"/>
                <a:gd name="T2" fmla="*/ 6 w 18"/>
                <a:gd name="T3" fmla="*/ 0 h 18"/>
                <a:gd name="T4" fmla="*/ 18 w 18"/>
                <a:gd name="T5" fmla="*/ 7 h 18"/>
                <a:gd name="T6" fmla="*/ 11 w 18"/>
                <a:gd name="T7" fmla="*/ 18 h 18"/>
                <a:gd name="T8" fmla="*/ 0 w 18"/>
                <a:gd name="T9" fmla="*/ 12 h 18"/>
              </a:gdLst>
              <a:ahLst/>
              <a:cxnLst>
                <a:cxn ang="0">
                  <a:pos x="T0" y="T1"/>
                </a:cxn>
                <a:cxn ang="0">
                  <a:pos x="T2" y="T3"/>
                </a:cxn>
                <a:cxn ang="0">
                  <a:pos x="T4" y="T5"/>
                </a:cxn>
                <a:cxn ang="0">
                  <a:pos x="T6" y="T7"/>
                </a:cxn>
                <a:cxn ang="0">
                  <a:pos x="T8" y="T9"/>
                </a:cxn>
              </a:cxnLst>
              <a:rect l="0" t="0" r="r" b="b"/>
              <a:pathLst>
                <a:path w="18" h="18">
                  <a:moveTo>
                    <a:pt x="0" y="12"/>
                  </a:moveTo>
                  <a:lnTo>
                    <a:pt x="6" y="0"/>
                  </a:lnTo>
                  <a:lnTo>
                    <a:pt x="18" y="7"/>
                  </a:lnTo>
                  <a:lnTo>
                    <a:pt x="11" y="18"/>
                  </a:lnTo>
                  <a:lnTo>
                    <a:pt x="0"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Rectangle 54">
              <a:extLst>
                <a:ext uri="{FF2B5EF4-FFF2-40B4-BE49-F238E27FC236}">
                  <a16:creationId xmlns:a16="http://schemas.microsoft.com/office/drawing/2014/main" id="{BC647A1A-BC97-1BB4-6C21-FD62A97F5596}"/>
                </a:ext>
              </a:extLst>
            </p:cNvPr>
            <p:cNvSpPr>
              <a:spLocks noChangeArrowheads="1"/>
            </p:cNvSpPr>
            <p:nvPr/>
          </p:nvSpPr>
          <p:spPr bwMode="auto">
            <a:xfrm>
              <a:off x="901700" y="4024313"/>
              <a:ext cx="20638" cy="222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55">
              <a:extLst>
                <a:ext uri="{FF2B5EF4-FFF2-40B4-BE49-F238E27FC236}">
                  <a16:creationId xmlns:a16="http://schemas.microsoft.com/office/drawing/2014/main" id="{C58767A7-FC75-C4B0-9D37-42409CAFDBC6}"/>
                </a:ext>
              </a:extLst>
            </p:cNvPr>
            <p:cNvSpPr>
              <a:spLocks/>
            </p:cNvSpPr>
            <p:nvPr/>
          </p:nvSpPr>
          <p:spPr bwMode="auto">
            <a:xfrm>
              <a:off x="871538" y="3922713"/>
              <a:ext cx="28575" cy="28575"/>
            </a:xfrm>
            <a:custGeom>
              <a:avLst/>
              <a:gdLst>
                <a:gd name="T0" fmla="*/ 0 w 18"/>
                <a:gd name="T1" fmla="*/ 6 h 18"/>
                <a:gd name="T2" fmla="*/ 11 w 18"/>
                <a:gd name="T3" fmla="*/ 0 h 18"/>
                <a:gd name="T4" fmla="*/ 18 w 18"/>
                <a:gd name="T5" fmla="*/ 11 h 18"/>
                <a:gd name="T6" fmla="*/ 6 w 18"/>
                <a:gd name="T7" fmla="*/ 18 h 18"/>
                <a:gd name="T8" fmla="*/ 0 w 18"/>
                <a:gd name="T9" fmla="*/ 6 h 18"/>
              </a:gdLst>
              <a:ahLst/>
              <a:cxnLst>
                <a:cxn ang="0">
                  <a:pos x="T0" y="T1"/>
                </a:cxn>
                <a:cxn ang="0">
                  <a:pos x="T2" y="T3"/>
                </a:cxn>
                <a:cxn ang="0">
                  <a:pos x="T4" y="T5"/>
                </a:cxn>
                <a:cxn ang="0">
                  <a:pos x="T6" y="T7"/>
                </a:cxn>
                <a:cxn ang="0">
                  <a:pos x="T8" y="T9"/>
                </a:cxn>
              </a:cxnLst>
              <a:rect l="0" t="0" r="r" b="b"/>
              <a:pathLst>
                <a:path w="18" h="18">
                  <a:moveTo>
                    <a:pt x="0" y="6"/>
                  </a:moveTo>
                  <a:lnTo>
                    <a:pt x="11" y="0"/>
                  </a:lnTo>
                  <a:lnTo>
                    <a:pt x="18" y="11"/>
                  </a:lnTo>
                  <a:lnTo>
                    <a:pt x="6" y="18"/>
                  </a:lnTo>
                  <a:lnTo>
                    <a:pt x="0" y="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56">
              <a:extLst>
                <a:ext uri="{FF2B5EF4-FFF2-40B4-BE49-F238E27FC236}">
                  <a16:creationId xmlns:a16="http://schemas.microsoft.com/office/drawing/2014/main" id="{A0FC2A16-963C-723E-22EA-4E3724D16110}"/>
                </a:ext>
              </a:extLst>
            </p:cNvPr>
            <p:cNvSpPr>
              <a:spLocks/>
            </p:cNvSpPr>
            <p:nvPr/>
          </p:nvSpPr>
          <p:spPr bwMode="auto">
            <a:xfrm>
              <a:off x="798513" y="3849688"/>
              <a:ext cx="28575" cy="28575"/>
            </a:xfrm>
            <a:custGeom>
              <a:avLst/>
              <a:gdLst>
                <a:gd name="T0" fmla="*/ 0 w 18"/>
                <a:gd name="T1" fmla="*/ 11 h 18"/>
                <a:gd name="T2" fmla="*/ 7 w 18"/>
                <a:gd name="T3" fmla="*/ 0 h 18"/>
                <a:gd name="T4" fmla="*/ 18 w 18"/>
                <a:gd name="T5" fmla="*/ 7 h 18"/>
                <a:gd name="T6" fmla="*/ 12 w 18"/>
                <a:gd name="T7" fmla="*/ 18 h 18"/>
                <a:gd name="T8" fmla="*/ 0 w 18"/>
                <a:gd name="T9" fmla="*/ 11 h 18"/>
              </a:gdLst>
              <a:ahLst/>
              <a:cxnLst>
                <a:cxn ang="0">
                  <a:pos x="T0" y="T1"/>
                </a:cxn>
                <a:cxn ang="0">
                  <a:pos x="T2" y="T3"/>
                </a:cxn>
                <a:cxn ang="0">
                  <a:pos x="T4" y="T5"/>
                </a:cxn>
                <a:cxn ang="0">
                  <a:pos x="T6" y="T7"/>
                </a:cxn>
                <a:cxn ang="0">
                  <a:pos x="T8" y="T9"/>
                </a:cxn>
              </a:cxnLst>
              <a:rect l="0" t="0" r="r" b="b"/>
              <a:pathLst>
                <a:path w="18" h="18">
                  <a:moveTo>
                    <a:pt x="0" y="11"/>
                  </a:moveTo>
                  <a:lnTo>
                    <a:pt x="7" y="0"/>
                  </a:lnTo>
                  <a:lnTo>
                    <a:pt x="18" y="7"/>
                  </a:lnTo>
                  <a:lnTo>
                    <a:pt x="12" y="18"/>
                  </a:lnTo>
                  <a:lnTo>
                    <a:pt x="0"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47" name="Group 46">
            <a:extLst>
              <a:ext uri="{FF2B5EF4-FFF2-40B4-BE49-F238E27FC236}">
                <a16:creationId xmlns:a16="http://schemas.microsoft.com/office/drawing/2014/main" id="{5A7D7278-F02A-B175-B5CD-B862B67F7BB8}"/>
              </a:ext>
            </a:extLst>
          </p:cNvPr>
          <p:cNvGrpSpPr/>
          <p:nvPr/>
        </p:nvGrpSpPr>
        <p:grpSpPr>
          <a:xfrm>
            <a:off x="10618524" y="3662805"/>
            <a:ext cx="430461" cy="431232"/>
            <a:chOff x="-442913" y="3417888"/>
            <a:chExt cx="885826" cy="887412"/>
          </a:xfrm>
          <a:solidFill>
            <a:schemeClr val="bg1"/>
          </a:solidFill>
        </p:grpSpPr>
        <p:sp>
          <p:nvSpPr>
            <p:cNvPr id="48" name="Freeform 5">
              <a:extLst>
                <a:ext uri="{FF2B5EF4-FFF2-40B4-BE49-F238E27FC236}">
                  <a16:creationId xmlns:a16="http://schemas.microsoft.com/office/drawing/2014/main" id="{2F2C30E0-7373-CEF2-741B-522FAC5266BD}"/>
                </a:ext>
              </a:extLst>
            </p:cNvPr>
            <p:cNvSpPr>
              <a:spLocks noEditPoints="1"/>
            </p:cNvSpPr>
            <p:nvPr/>
          </p:nvSpPr>
          <p:spPr bwMode="auto">
            <a:xfrm>
              <a:off x="-442913" y="3417888"/>
              <a:ext cx="885826" cy="887412"/>
            </a:xfrm>
            <a:custGeom>
              <a:avLst/>
              <a:gdLst>
                <a:gd name="T0" fmla="*/ 5133 w 6000"/>
                <a:gd name="T1" fmla="*/ 2446 h 6000"/>
                <a:gd name="T2" fmla="*/ 5016 w 6000"/>
                <a:gd name="T3" fmla="*/ 3155 h 6000"/>
                <a:gd name="T4" fmla="*/ 5250 w 6000"/>
                <a:gd name="T5" fmla="*/ 3155 h 6000"/>
                <a:gd name="T6" fmla="*/ 5766 w 6000"/>
                <a:gd name="T7" fmla="*/ 2681 h 6000"/>
                <a:gd name="T8" fmla="*/ 5508 w 6000"/>
                <a:gd name="T9" fmla="*/ 5766 h 6000"/>
                <a:gd name="T10" fmla="*/ 5250 w 6000"/>
                <a:gd name="T11" fmla="*/ 4034 h 6000"/>
                <a:gd name="T12" fmla="*/ 5016 w 6000"/>
                <a:gd name="T13" fmla="*/ 4034 h 6000"/>
                <a:gd name="T14" fmla="*/ 4781 w 6000"/>
                <a:gd name="T15" fmla="*/ 5766 h 6000"/>
                <a:gd name="T16" fmla="*/ 4664 w 6000"/>
                <a:gd name="T17" fmla="*/ 3223 h 6000"/>
                <a:gd name="T18" fmla="*/ 3797 w 6000"/>
                <a:gd name="T19" fmla="*/ 3340 h 6000"/>
                <a:gd name="T20" fmla="*/ 3563 w 6000"/>
                <a:gd name="T21" fmla="*/ 5766 h 6000"/>
                <a:gd name="T22" fmla="*/ 3445 w 6000"/>
                <a:gd name="T23" fmla="*/ 4043 h 6000"/>
                <a:gd name="T24" fmla="*/ 2578 w 6000"/>
                <a:gd name="T25" fmla="*/ 4160 h 6000"/>
                <a:gd name="T26" fmla="*/ 2344 w 6000"/>
                <a:gd name="T27" fmla="*/ 5766 h 6000"/>
                <a:gd name="T28" fmla="*/ 2227 w 6000"/>
                <a:gd name="T29" fmla="*/ 4715 h 6000"/>
                <a:gd name="T30" fmla="*/ 1359 w 6000"/>
                <a:gd name="T31" fmla="*/ 4833 h 6000"/>
                <a:gd name="T32" fmla="*/ 352 w 6000"/>
                <a:gd name="T33" fmla="*/ 5766 h 6000"/>
                <a:gd name="T34" fmla="*/ 234 w 6000"/>
                <a:gd name="T35" fmla="*/ 352 h 6000"/>
                <a:gd name="T36" fmla="*/ 3375 w 6000"/>
                <a:gd name="T37" fmla="*/ 234 h 6000"/>
                <a:gd name="T38" fmla="*/ 3726 w 6000"/>
                <a:gd name="T39" fmla="*/ 1359 h 6000"/>
                <a:gd name="T40" fmla="*/ 4500 w 6000"/>
                <a:gd name="T41" fmla="*/ 2801 h 6000"/>
                <a:gd name="T42" fmla="*/ 4734 w 6000"/>
                <a:gd name="T43" fmla="*/ 2801 h 6000"/>
                <a:gd name="T44" fmla="*/ 4700 w 6000"/>
                <a:gd name="T45" fmla="*/ 1159 h 6000"/>
                <a:gd name="T46" fmla="*/ 3492 w 6000"/>
                <a:gd name="T47" fmla="*/ 0 h 6000"/>
                <a:gd name="T48" fmla="*/ 0 w 6000"/>
                <a:gd name="T49" fmla="*/ 352 h 6000"/>
                <a:gd name="T50" fmla="*/ 352 w 6000"/>
                <a:gd name="T51" fmla="*/ 6000 h 6000"/>
                <a:gd name="T52" fmla="*/ 6000 w 6000"/>
                <a:gd name="T53" fmla="*/ 5883 h 6000"/>
                <a:gd name="T54" fmla="*/ 5883 w 6000"/>
                <a:gd name="T55" fmla="*/ 2446 h 6000"/>
                <a:gd name="T56" fmla="*/ 4334 w 6000"/>
                <a:gd name="T57" fmla="*/ 1125 h 6000"/>
                <a:gd name="T58" fmla="*/ 3609 w 6000"/>
                <a:gd name="T59" fmla="*/ 1008 h 6000"/>
                <a:gd name="T60" fmla="*/ 2109 w 6000"/>
                <a:gd name="T61" fmla="*/ 5766 h 6000"/>
                <a:gd name="T62" fmla="*/ 1594 w 6000"/>
                <a:gd name="T63" fmla="*/ 4950 h 6000"/>
                <a:gd name="T64" fmla="*/ 2109 w 6000"/>
                <a:gd name="T65" fmla="*/ 5766 h 6000"/>
                <a:gd name="T66" fmla="*/ 2813 w 6000"/>
                <a:gd name="T67" fmla="*/ 5766 h 6000"/>
                <a:gd name="T68" fmla="*/ 3328 w 6000"/>
                <a:gd name="T69" fmla="*/ 4277 h 6000"/>
                <a:gd name="T70" fmla="*/ 4547 w 6000"/>
                <a:gd name="T71" fmla="*/ 5766 h 6000"/>
                <a:gd name="T72" fmla="*/ 4031 w 6000"/>
                <a:gd name="T73" fmla="*/ 3457 h 6000"/>
                <a:gd name="T74" fmla="*/ 4547 w 6000"/>
                <a:gd name="T75" fmla="*/ 5766 h 6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000" h="6000">
                  <a:moveTo>
                    <a:pt x="5883" y="2446"/>
                  </a:moveTo>
                  <a:cubicBezTo>
                    <a:pt x="5133" y="2446"/>
                    <a:pt x="5133" y="2446"/>
                    <a:pt x="5133" y="2446"/>
                  </a:cubicBezTo>
                  <a:cubicBezTo>
                    <a:pt x="5068" y="2446"/>
                    <a:pt x="5016" y="2499"/>
                    <a:pt x="5016" y="2563"/>
                  </a:cubicBezTo>
                  <a:cubicBezTo>
                    <a:pt x="5016" y="3155"/>
                    <a:pt x="5016" y="3155"/>
                    <a:pt x="5016" y="3155"/>
                  </a:cubicBezTo>
                  <a:cubicBezTo>
                    <a:pt x="5016" y="3220"/>
                    <a:pt x="5068" y="3272"/>
                    <a:pt x="5133" y="3272"/>
                  </a:cubicBezTo>
                  <a:cubicBezTo>
                    <a:pt x="5198" y="3272"/>
                    <a:pt x="5250" y="3220"/>
                    <a:pt x="5250" y="3155"/>
                  </a:cubicBezTo>
                  <a:cubicBezTo>
                    <a:pt x="5250" y="2681"/>
                    <a:pt x="5250" y="2681"/>
                    <a:pt x="5250" y="2681"/>
                  </a:cubicBezTo>
                  <a:cubicBezTo>
                    <a:pt x="5766" y="2681"/>
                    <a:pt x="5766" y="2681"/>
                    <a:pt x="5766" y="2681"/>
                  </a:cubicBezTo>
                  <a:cubicBezTo>
                    <a:pt x="5766" y="5766"/>
                    <a:pt x="5766" y="5766"/>
                    <a:pt x="5766" y="5766"/>
                  </a:cubicBezTo>
                  <a:cubicBezTo>
                    <a:pt x="5508" y="5766"/>
                    <a:pt x="5508" y="5766"/>
                    <a:pt x="5508" y="5766"/>
                  </a:cubicBezTo>
                  <a:cubicBezTo>
                    <a:pt x="5250" y="5766"/>
                    <a:pt x="5250" y="5766"/>
                    <a:pt x="5250" y="5766"/>
                  </a:cubicBezTo>
                  <a:cubicBezTo>
                    <a:pt x="5250" y="4034"/>
                    <a:pt x="5250" y="4034"/>
                    <a:pt x="5250" y="4034"/>
                  </a:cubicBezTo>
                  <a:cubicBezTo>
                    <a:pt x="5250" y="3969"/>
                    <a:pt x="5198" y="3917"/>
                    <a:pt x="5133" y="3917"/>
                  </a:cubicBezTo>
                  <a:cubicBezTo>
                    <a:pt x="5068" y="3917"/>
                    <a:pt x="5016" y="3969"/>
                    <a:pt x="5016" y="4034"/>
                  </a:cubicBezTo>
                  <a:cubicBezTo>
                    <a:pt x="5016" y="5766"/>
                    <a:pt x="5016" y="5766"/>
                    <a:pt x="5016" y="5766"/>
                  </a:cubicBezTo>
                  <a:cubicBezTo>
                    <a:pt x="4781" y="5766"/>
                    <a:pt x="4781" y="5766"/>
                    <a:pt x="4781" y="5766"/>
                  </a:cubicBezTo>
                  <a:cubicBezTo>
                    <a:pt x="4781" y="3340"/>
                    <a:pt x="4781" y="3340"/>
                    <a:pt x="4781" y="3340"/>
                  </a:cubicBezTo>
                  <a:cubicBezTo>
                    <a:pt x="4781" y="3275"/>
                    <a:pt x="4729" y="3223"/>
                    <a:pt x="4664" y="3223"/>
                  </a:cubicBezTo>
                  <a:cubicBezTo>
                    <a:pt x="3914" y="3223"/>
                    <a:pt x="3914" y="3223"/>
                    <a:pt x="3914" y="3223"/>
                  </a:cubicBezTo>
                  <a:cubicBezTo>
                    <a:pt x="3849" y="3223"/>
                    <a:pt x="3797" y="3275"/>
                    <a:pt x="3797" y="3340"/>
                  </a:cubicBezTo>
                  <a:cubicBezTo>
                    <a:pt x="3797" y="5766"/>
                    <a:pt x="3797" y="5766"/>
                    <a:pt x="3797" y="5766"/>
                  </a:cubicBezTo>
                  <a:cubicBezTo>
                    <a:pt x="3563" y="5766"/>
                    <a:pt x="3563" y="5766"/>
                    <a:pt x="3563" y="5766"/>
                  </a:cubicBezTo>
                  <a:cubicBezTo>
                    <a:pt x="3563" y="4160"/>
                    <a:pt x="3563" y="4160"/>
                    <a:pt x="3563" y="4160"/>
                  </a:cubicBezTo>
                  <a:cubicBezTo>
                    <a:pt x="3563" y="4095"/>
                    <a:pt x="3510" y="4043"/>
                    <a:pt x="3445" y="4043"/>
                  </a:cubicBezTo>
                  <a:cubicBezTo>
                    <a:pt x="2695" y="4043"/>
                    <a:pt x="2695" y="4043"/>
                    <a:pt x="2695" y="4043"/>
                  </a:cubicBezTo>
                  <a:cubicBezTo>
                    <a:pt x="2631" y="4043"/>
                    <a:pt x="2578" y="4095"/>
                    <a:pt x="2578" y="4160"/>
                  </a:cubicBezTo>
                  <a:cubicBezTo>
                    <a:pt x="2578" y="5766"/>
                    <a:pt x="2578" y="5766"/>
                    <a:pt x="2578" y="5766"/>
                  </a:cubicBezTo>
                  <a:cubicBezTo>
                    <a:pt x="2344" y="5766"/>
                    <a:pt x="2344" y="5766"/>
                    <a:pt x="2344" y="5766"/>
                  </a:cubicBezTo>
                  <a:cubicBezTo>
                    <a:pt x="2344" y="4833"/>
                    <a:pt x="2344" y="4833"/>
                    <a:pt x="2344" y="4833"/>
                  </a:cubicBezTo>
                  <a:cubicBezTo>
                    <a:pt x="2344" y="4768"/>
                    <a:pt x="2291" y="4715"/>
                    <a:pt x="2227" y="4715"/>
                  </a:cubicBezTo>
                  <a:cubicBezTo>
                    <a:pt x="1477" y="4715"/>
                    <a:pt x="1477" y="4715"/>
                    <a:pt x="1477" y="4715"/>
                  </a:cubicBezTo>
                  <a:cubicBezTo>
                    <a:pt x="1412" y="4715"/>
                    <a:pt x="1359" y="4768"/>
                    <a:pt x="1359" y="4833"/>
                  </a:cubicBezTo>
                  <a:cubicBezTo>
                    <a:pt x="1359" y="5766"/>
                    <a:pt x="1359" y="5766"/>
                    <a:pt x="1359" y="5766"/>
                  </a:cubicBezTo>
                  <a:cubicBezTo>
                    <a:pt x="352" y="5766"/>
                    <a:pt x="352" y="5766"/>
                    <a:pt x="352" y="5766"/>
                  </a:cubicBezTo>
                  <a:cubicBezTo>
                    <a:pt x="287" y="5766"/>
                    <a:pt x="234" y="5713"/>
                    <a:pt x="234" y="5648"/>
                  </a:cubicBezTo>
                  <a:cubicBezTo>
                    <a:pt x="234" y="352"/>
                    <a:pt x="234" y="352"/>
                    <a:pt x="234" y="352"/>
                  </a:cubicBezTo>
                  <a:cubicBezTo>
                    <a:pt x="234" y="287"/>
                    <a:pt x="287" y="234"/>
                    <a:pt x="352" y="234"/>
                  </a:cubicBezTo>
                  <a:cubicBezTo>
                    <a:pt x="3375" y="234"/>
                    <a:pt x="3375" y="234"/>
                    <a:pt x="3375" y="234"/>
                  </a:cubicBezTo>
                  <a:cubicBezTo>
                    <a:pt x="3375" y="1008"/>
                    <a:pt x="3375" y="1008"/>
                    <a:pt x="3375" y="1008"/>
                  </a:cubicBezTo>
                  <a:cubicBezTo>
                    <a:pt x="3375" y="1202"/>
                    <a:pt x="3532" y="1359"/>
                    <a:pt x="3726" y="1359"/>
                  </a:cubicBezTo>
                  <a:cubicBezTo>
                    <a:pt x="4500" y="1359"/>
                    <a:pt x="4500" y="1359"/>
                    <a:pt x="4500" y="1359"/>
                  </a:cubicBezTo>
                  <a:cubicBezTo>
                    <a:pt x="4500" y="2801"/>
                    <a:pt x="4500" y="2801"/>
                    <a:pt x="4500" y="2801"/>
                  </a:cubicBezTo>
                  <a:cubicBezTo>
                    <a:pt x="4500" y="2865"/>
                    <a:pt x="4552" y="2918"/>
                    <a:pt x="4617" y="2918"/>
                  </a:cubicBezTo>
                  <a:cubicBezTo>
                    <a:pt x="4682" y="2918"/>
                    <a:pt x="4734" y="2865"/>
                    <a:pt x="4734" y="2801"/>
                  </a:cubicBezTo>
                  <a:cubicBezTo>
                    <a:pt x="4734" y="1242"/>
                    <a:pt x="4734" y="1242"/>
                    <a:pt x="4734" y="1242"/>
                  </a:cubicBezTo>
                  <a:cubicBezTo>
                    <a:pt x="4734" y="1211"/>
                    <a:pt x="4722" y="1181"/>
                    <a:pt x="4700" y="1159"/>
                  </a:cubicBezTo>
                  <a:cubicBezTo>
                    <a:pt x="3575" y="34"/>
                    <a:pt x="3575" y="34"/>
                    <a:pt x="3575" y="34"/>
                  </a:cubicBezTo>
                  <a:cubicBezTo>
                    <a:pt x="3553" y="12"/>
                    <a:pt x="3523" y="0"/>
                    <a:pt x="3492" y="0"/>
                  </a:cubicBezTo>
                  <a:cubicBezTo>
                    <a:pt x="352" y="0"/>
                    <a:pt x="352" y="0"/>
                    <a:pt x="352" y="0"/>
                  </a:cubicBezTo>
                  <a:cubicBezTo>
                    <a:pt x="158" y="0"/>
                    <a:pt x="0" y="158"/>
                    <a:pt x="0" y="352"/>
                  </a:cubicBezTo>
                  <a:cubicBezTo>
                    <a:pt x="0" y="5648"/>
                    <a:pt x="0" y="5648"/>
                    <a:pt x="0" y="5648"/>
                  </a:cubicBezTo>
                  <a:cubicBezTo>
                    <a:pt x="0" y="5842"/>
                    <a:pt x="158" y="6000"/>
                    <a:pt x="352" y="6000"/>
                  </a:cubicBezTo>
                  <a:cubicBezTo>
                    <a:pt x="5883" y="6000"/>
                    <a:pt x="5883" y="6000"/>
                    <a:pt x="5883" y="6000"/>
                  </a:cubicBezTo>
                  <a:cubicBezTo>
                    <a:pt x="5948" y="6000"/>
                    <a:pt x="6000" y="5948"/>
                    <a:pt x="6000" y="5883"/>
                  </a:cubicBezTo>
                  <a:cubicBezTo>
                    <a:pt x="6000" y="2563"/>
                    <a:pt x="6000" y="2563"/>
                    <a:pt x="6000" y="2563"/>
                  </a:cubicBezTo>
                  <a:cubicBezTo>
                    <a:pt x="6000" y="2499"/>
                    <a:pt x="5948" y="2446"/>
                    <a:pt x="5883" y="2446"/>
                  </a:cubicBezTo>
                  <a:close/>
                  <a:moveTo>
                    <a:pt x="3609" y="400"/>
                  </a:moveTo>
                  <a:cubicBezTo>
                    <a:pt x="4334" y="1125"/>
                    <a:pt x="4334" y="1125"/>
                    <a:pt x="4334" y="1125"/>
                  </a:cubicBezTo>
                  <a:cubicBezTo>
                    <a:pt x="3726" y="1125"/>
                    <a:pt x="3726" y="1125"/>
                    <a:pt x="3726" y="1125"/>
                  </a:cubicBezTo>
                  <a:cubicBezTo>
                    <a:pt x="3662" y="1125"/>
                    <a:pt x="3609" y="1072"/>
                    <a:pt x="3609" y="1008"/>
                  </a:cubicBezTo>
                  <a:lnTo>
                    <a:pt x="3609" y="400"/>
                  </a:lnTo>
                  <a:close/>
                  <a:moveTo>
                    <a:pt x="2109" y="5766"/>
                  </a:moveTo>
                  <a:cubicBezTo>
                    <a:pt x="1594" y="5766"/>
                    <a:pt x="1594" y="5766"/>
                    <a:pt x="1594" y="5766"/>
                  </a:cubicBezTo>
                  <a:cubicBezTo>
                    <a:pt x="1594" y="4950"/>
                    <a:pt x="1594" y="4950"/>
                    <a:pt x="1594" y="4950"/>
                  </a:cubicBezTo>
                  <a:cubicBezTo>
                    <a:pt x="2109" y="4950"/>
                    <a:pt x="2109" y="4950"/>
                    <a:pt x="2109" y="4950"/>
                  </a:cubicBezTo>
                  <a:lnTo>
                    <a:pt x="2109" y="5766"/>
                  </a:lnTo>
                  <a:close/>
                  <a:moveTo>
                    <a:pt x="3328" y="5766"/>
                  </a:moveTo>
                  <a:cubicBezTo>
                    <a:pt x="2813" y="5766"/>
                    <a:pt x="2813" y="5766"/>
                    <a:pt x="2813" y="5766"/>
                  </a:cubicBezTo>
                  <a:cubicBezTo>
                    <a:pt x="2813" y="4277"/>
                    <a:pt x="2813" y="4277"/>
                    <a:pt x="2813" y="4277"/>
                  </a:cubicBezTo>
                  <a:cubicBezTo>
                    <a:pt x="3328" y="4277"/>
                    <a:pt x="3328" y="4277"/>
                    <a:pt x="3328" y="4277"/>
                  </a:cubicBezTo>
                  <a:lnTo>
                    <a:pt x="3328" y="5766"/>
                  </a:lnTo>
                  <a:close/>
                  <a:moveTo>
                    <a:pt x="4547" y="5766"/>
                  </a:moveTo>
                  <a:cubicBezTo>
                    <a:pt x="4031" y="5766"/>
                    <a:pt x="4031" y="5766"/>
                    <a:pt x="4031" y="5766"/>
                  </a:cubicBezTo>
                  <a:cubicBezTo>
                    <a:pt x="4031" y="3457"/>
                    <a:pt x="4031" y="3457"/>
                    <a:pt x="4031" y="3457"/>
                  </a:cubicBezTo>
                  <a:cubicBezTo>
                    <a:pt x="4547" y="3457"/>
                    <a:pt x="4547" y="3457"/>
                    <a:pt x="4547" y="3457"/>
                  </a:cubicBezTo>
                  <a:lnTo>
                    <a:pt x="4547" y="576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6">
              <a:extLst>
                <a:ext uri="{FF2B5EF4-FFF2-40B4-BE49-F238E27FC236}">
                  <a16:creationId xmlns:a16="http://schemas.microsoft.com/office/drawing/2014/main" id="{15F594B8-2081-21BB-A8F4-35BC8A82FA9C}"/>
                </a:ext>
              </a:extLst>
            </p:cNvPr>
            <p:cNvSpPr>
              <a:spLocks/>
            </p:cNvSpPr>
            <p:nvPr/>
          </p:nvSpPr>
          <p:spPr bwMode="auto">
            <a:xfrm>
              <a:off x="298450" y="3929063"/>
              <a:ext cx="33338" cy="34925"/>
            </a:xfrm>
            <a:custGeom>
              <a:avLst/>
              <a:gdLst>
                <a:gd name="T0" fmla="*/ 200 w 234"/>
                <a:gd name="T1" fmla="*/ 34 h 234"/>
                <a:gd name="T2" fmla="*/ 117 w 234"/>
                <a:gd name="T3" fmla="*/ 0 h 234"/>
                <a:gd name="T4" fmla="*/ 34 w 234"/>
                <a:gd name="T5" fmla="*/ 34 h 234"/>
                <a:gd name="T6" fmla="*/ 0 w 234"/>
                <a:gd name="T7" fmla="*/ 117 h 234"/>
                <a:gd name="T8" fmla="*/ 34 w 234"/>
                <a:gd name="T9" fmla="*/ 200 h 234"/>
                <a:gd name="T10" fmla="*/ 117 w 234"/>
                <a:gd name="T11" fmla="*/ 234 h 234"/>
                <a:gd name="T12" fmla="*/ 200 w 234"/>
                <a:gd name="T13" fmla="*/ 200 h 234"/>
                <a:gd name="T14" fmla="*/ 234 w 234"/>
                <a:gd name="T15" fmla="*/ 117 h 234"/>
                <a:gd name="T16" fmla="*/ 200 w 234"/>
                <a:gd name="T17" fmla="*/ 3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4" h="234">
                  <a:moveTo>
                    <a:pt x="200" y="34"/>
                  </a:moveTo>
                  <a:cubicBezTo>
                    <a:pt x="178" y="12"/>
                    <a:pt x="148" y="0"/>
                    <a:pt x="117" y="0"/>
                  </a:cubicBezTo>
                  <a:cubicBezTo>
                    <a:pt x="86" y="0"/>
                    <a:pt x="56" y="12"/>
                    <a:pt x="34" y="34"/>
                  </a:cubicBezTo>
                  <a:cubicBezTo>
                    <a:pt x="12" y="56"/>
                    <a:pt x="0" y="86"/>
                    <a:pt x="0" y="117"/>
                  </a:cubicBezTo>
                  <a:cubicBezTo>
                    <a:pt x="0" y="148"/>
                    <a:pt x="12" y="178"/>
                    <a:pt x="34" y="200"/>
                  </a:cubicBezTo>
                  <a:cubicBezTo>
                    <a:pt x="56" y="222"/>
                    <a:pt x="86" y="234"/>
                    <a:pt x="117" y="234"/>
                  </a:cubicBezTo>
                  <a:cubicBezTo>
                    <a:pt x="148" y="234"/>
                    <a:pt x="178" y="222"/>
                    <a:pt x="200" y="200"/>
                  </a:cubicBezTo>
                  <a:cubicBezTo>
                    <a:pt x="221" y="178"/>
                    <a:pt x="234" y="148"/>
                    <a:pt x="234" y="117"/>
                  </a:cubicBezTo>
                  <a:cubicBezTo>
                    <a:pt x="234" y="86"/>
                    <a:pt x="221" y="56"/>
                    <a:pt x="200" y="3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Freeform 7">
              <a:extLst>
                <a:ext uri="{FF2B5EF4-FFF2-40B4-BE49-F238E27FC236}">
                  <a16:creationId xmlns:a16="http://schemas.microsoft.com/office/drawing/2014/main" id="{816A4EA8-05A2-3C04-B707-439D076909CF}"/>
                </a:ext>
              </a:extLst>
            </p:cNvPr>
            <p:cNvSpPr>
              <a:spLocks noEditPoints="1"/>
            </p:cNvSpPr>
            <p:nvPr/>
          </p:nvSpPr>
          <p:spPr bwMode="auto">
            <a:xfrm>
              <a:off x="-350838" y="3513138"/>
              <a:ext cx="366713" cy="366712"/>
            </a:xfrm>
            <a:custGeom>
              <a:avLst/>
              <a:gdLst>
                <a:gd name="T0" fmla="*/ 1078 w 2477"/>
                <a:gd name="T1" fmla="*/ 0 h 2478"/>
                <a:gd name="T2" fmla="*/ 961 w 2477"/>
                <a:gd name="T3" fmla="*/ 118 h 2478"/>
                <a:gd name="T4" fmla="*/ 961 w 2477"/>
                <a:gd name="T5" fmla="*/ 328 h 2478"/>
                <a:gd name="T6" fmla="*/ 0 w 2477"/>
                <a:gd name="T7" fmla="*/ 1400 h 2478"/>
                <a:gd name="T8" fmla="*/ 1078 w 2477"/>
                <a:gd name="T9" fmla="*/ 2478 h 2478"/>
                <a:gd name="T10" fmla="*/ 2149 w 2477"/>
                <a:gd name="T11" fmla="*/ 1517 h 2478"/>
                <a:gd name="T12" fmla="*/ 2360 w 2477"/>
                <a:gd name="T13" fmla="*/ 1517 h 2478"/>
                <a:gd name="T14" fmla="*/ 2477 w 2477"/>
                <a:gd name="T15" fmla="*/ 1400 h 2478"/>
                <a:gd name="T16" fmla="*/ 1078 w 2477"/>
                <a:gd name="T17" fmla="*/ 0 h 2478"/>
                <a:gd name="T18" fmla="*/ 1078 w 2477"/>
                <a:gd name="T19" fmla="*/ 2243 h 2478"/>
                <a:gd name="T20" fmla="*/ 235 w 2477"/>
                <a:gd name="T21" fmla="*/ 1400 h 2478"/>
                <a:gd name="T22" fmla="*/ 961 w 2477"/>
                <a:gd name="T23" fmla="*/ 565 h 2478"/>
                <a:gd name="T24" fmla="*/ 961 w 2477"/>
                <a:gd name="T25" fmla="*/ 1400 h 2478"/>
                <a:gd name="T26" fmla="*/ 1078 w 2477"/>
                <a:gd name="T27" fmla="*/ 1517 h 2478"/>
                <a:gd name="T28" fmla="*/ 1913 w 2477"/>
                <a:gd name="T29" fmla="*/ 1517 h 2478"/>
                <a:gd name="T30" fmla="*/ 1078 w 2477"/>
                <a:gd name="T31" fmla="*/ 2243 h 2478"/>
                <a:gd name="T32" fmla="*/ 1195 w 2477"/>
                <a:gd name="T33" fmla="*/ 1283 h 2478"/>
                <a:gd name="T34" fmla="*/ 1195 w 2477"/>
                <a:gd name="T35" fmla="*/ 1283 h 2478"/>
                <a:gd name="T36" fmla="*/ 1195 w 2477"/>
                <a:gd name="T37" fmla="*/ 241 h 2478"/>
                <a:gd name="T38" fmla="*/ 2237 w 2477"/>
                <a:gd name="T39" fmla="*/ 1283 h 2478"/>
                <a:gd name="T40" fmla="*/ 1195 w 2477"/>
                <a:gd name="T41" fmla="*/ 1283 h 24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77" h="2478">
                  <a:moveTo>
                    <a:pt x="1078" y="0"/>
                  </a:moveTo>
                  <a:cubicBezTo>
                    <a:pt x="1013" y="0"/>
                    <a:pt x="961" y="53"/>
                    <a:pt x="961" y="118"/>
                  </a:cubicBezTo>
                  <a:cubicBezTo>
                    <a:pt x="961" y="328"/>
                    <a:pt x="961" y="328"/>
                    <a:pt x="961" y="328"/>
                  </a:cubicBezTo>
                  <a:cubicBezTo>
                    <a:pt x="421" y="387"/>
                    <a:pt x="0" y="845"/>
                    <a:pt x="0" y="1400"/>
                  </a:cubicBezTo>
                  <a:cubicBezTo>
                    <a:pt x="0" y="1994"/>
                    <a:pt x="484" y="2478"/>
                    <a:pt x="1078" y="2478"/>
                  </a:cubicBezTo>
                  <a:cubicBezTo>
                    <a:pt x="1633" y="2478"/>
                    <a:pt x="2091" y="2056"/>
                    <a:pt x="2149" y="1517"/>
                  </a:cubicBezTo>
                  <a:cubicBezTo>
                    <a:pt x="2360" y="1517"/>
                    <a:pt x="2360" y="1517"/>
                    <a:pt x="2360" y="1517"/>
                  </a:cubicBezTo>
                  <a:cubicBezTo>
                    <a:pt x="2425" y="1517"/>
                    <a:pt x="2477" y="1465"/>
                    <a:pt x="2477" y="1400"/>
                  </a:cubicBezTo>
                  <a:cubicBezTo>
                    <a:pt x="2477" y="628"/>
                    <a:pt x="1850" y="0"/>
                    <a:pt x="1078" y="0"/>
                  </a:cubicBezTo>
                  <a:close/>
                  <a:moveTo>
                    <a:pt x="1078" y="2243"/>
                  </a:moveTo>
                  <a:cubicBezTo>
                    <a:pt x="613" y="2243"/>
                    <a:pt x="235" y="1865"/>
                    <a:pt x="235" y="1400"/>
                  </a:cubicBezTo>
                  <a:cubicBezTo>
                    <a:pt x="235" y="975"/>
                    <a:pt x="551" y="622"/>
                    <a:pt x="961" y="565"/>
                  </a:cubicBezTo>
                  <a:cubicBezTo>
                    <a:pt x="961" y="1400"/>
                    <a:pt x="961" y="1400"/>
                    <a:pt x="961" y="1400"/>
                  </a:cubicBezTo>
                  <a:cubicBezTo>
                    <a:pt x="961" y="1465"/>
                    <a:pt x="1013" y="1517"/>
                    <a:pt x="1078" y="1517"/>
                  </a:cubicBezTo>
                  <a:cubicBezTo>
                    <a:pt x="1913" y="1517"/>
                    <a:pt x="1913" y="1517"/>
                    <a:pt x="1913" y="1517"/>
                  </a:cubicBezTo>
                  <a:cubicBezTo>
                    <a:pt x="1856" y="1927"/>
                    <a:pt x="1503" y="2243"/>
                    <a:pt x="1078" y="2243"/>
                  </a:cubicBezTo>
                  <a:close/>
                  <a:moveTo>
                    <a:pt x="1195" y="1283"/>
                  </a:moveTo>
                  <a:cubicBezTo>
                    <a:pt x="1195" y="1283"/>
                    <a:pt x="1195" y="1283"/>
                    <a:pt x="1195" y="1283"/>
                  </a:cubicBezTo>
                  <a:cubicBezTo>
                    <a:pt x="1195" y="241"/>
                    <a:pt x="1195" y="241"/>
                    <a:pt x="1195" y="241"/>
                  </a:cubicBezTo>
                  <a:cubicBezTo>
                    <a:pt x="1744" y="296"/>
                    <a:pt x="2182" y="734"/>
                    <a:pt x="2237" y="1283"/>
                  </a:cubicBezTo>
                  <a:lnTo>
                    <a:pt x="1195" y="12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 name="Freeform 8">
              <a:extLst>
                <a:ext uri="{FF2B5EF4-FFF2-40B4-BE49-F238E27FC236}">
                  <a16:creationId xmlns:a16="http://schemas.microsoft.com/office/drawing/2014/main" id="{95643E7D-7B09-8FA2-A86F-F1184F8F7FE5}"/>
                </a:ext>
              </a:extLst>
            </p:cNvPr>
            <p:cNvSpPr>
              <a:spLocks/>
            </p:cNvSpPr>
            <p:nvPr/>
          </p:nvSpPr>
          <p:spPr bwMode="auto">
            <a:xfrm>
              <a:off x="-349250" y="3927475"/>
              <a:ext cx="365125" cy="34925"/>
            </a:xfrm>
            <a:custGeom>
              <a:avLst/>
              <a:gdLst>
                <a:gd name="T0" fmla="*/ 2355 w 2472"/>
                <a:gd name="T1" fmla="*/ 0 h 235"/>
                <a:gd name="T2" fmla="*/ 117 w 2472"/>
                <a:gd name="T3" fmla="*/ 0 h 235"/>
                <a:gd name="T4" fmla="*/ 0 w 2472"/>
                <a:gd name="T5" fmla="*/ 117 h 235"/>
                <a:gd name="T6" fmla="*/ 117 w 2472"/>
                <a:gd name="T7" fmla="*/ 235 h 235"/>
                <a:gd name="T8" fmla="*/ 2355 w 2472"/>
                <a:gd name="T9" fmla="*/ 235 h 235"/>
                <a:gd name="T10" fmla="*/ 2472 w 2472"/>
                <a:gd name="T11" fmla="*/ 117 h 235"/>
                <a:gd name="T12" fmla="*/ 2355 w 2472"/>
                <a:gd name="T13" fmla="*/ 0 h 235"/>
              </a:gdLst>
              <a:ahLst/>
              <a:cxnLst>
                <a:cxn ang="0">
                  <a:pos x="T0" y="T1"/>
                </a:cxn>
                <a:cxn ang="0">
                  <a:pos x="T2" y="T3"/>
                </a:cxn>
                <a:cxn ang="0">
                  <a:pos x="T4" y="T5"/>
                </a:cxn>
                <a:cxn ang="0">
                  <a:pos x="T6" y="T7"/>
                </a:cxn>
                <a:cxn ang="0">
                  <a:pos x="T8" y="T9"/>
                </a:cxn>
                <a:cxn ang="0">
                  <a:pos x="T10" y="T11"/>
                </a:cxn>
                <a:cxn ang="0">
                  <a:pos x="T12" y="T13"/>
                </a:cxn>
              </a:cxnLst>
              <a:rect l="0" t="0" r="r" b="b"/>
              <a:pathLst>
                <a:path w="2472" h="235">
                  <a:moveTo>
                    <a:pt x="2355" y="0"/>
                  </a:moveTo>
                  <a:cubicBezTo>
                    <a:pt x="117" y="0"/>
                    <a:pt x="117" y="0"/>
                    <a:pt x="117" y="0"/>
                  </a:cubicBezTo>
                  <a:cubicBezTo>
                    <a:pt x="52" y="0"/>
                    <a:pt x="0" y="53"/>
                    <a:pt x="0" y="117"/>
                  </a:cubicBezTo>
                  <a:cubicBezTo>
                    <a:pt x="0" y="182"/>
                    <a:pt x="52" y="235"/>
                    <a:pt x="117" y="235"/>
                  </a:cubicBezTo>
                  <a:cubicBezTo>
                    <a:pt x="2355" y="235"/>
                    <a:pt x="2355" y="235"/>
                    <a:pt x="2355" y="235"/>
                  </a:cubicBezTo>
                  <a:cubicBezTo>
                    <a:pt x="2420" y="235"/>
                    <a:pt x="2472" y="182"/>
                    <a:pt x="2472" y="117"/>
                  </a:cubicBezTo>
                  <a:cubicBezTo>
                    <a:pt x="2472" y="53"/>
                    <a:pt x="2420" y="0"/>
                    <a:pt x="2355"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 name="Freeform 9">
              <a:extLst>
                <a:ext uri="{FF2B5EF4-FFF2-40B4-BE49-F238E27FC236}">
                  <a16:creationId xmlns:a16="http://schemas.microsoft.com/office/drawing/2014/main" id="{1460A8D0-16AB-88ED-EAE5-433DDA79E6DD}"/>
                </a:ext>
              </a:extLst>
            </p:cNvPr>
            <p:cNvSpPr>
              <a:spLocks/>
            </p:cNvSpPr>
            <p:nvPr/>
          </p:nvSpPr>
          <p:spPr bwMode="auto">
            <a:xfrm>
              <a:off x="-349250" y="4011613"/>
              <a:ext cx="144463" cy="34925"/>
            </a:xfrm>
            <a:custGeom>
              <a:avLst/>
              <a:gdLst>
                <a:gd name="T0" fmla="*/ 867 w 984"/>
                <a:gd name="T1" fmla="*/ 0 h 234"/>
                <a:gd name="T2" fmla="*/ 117 w 984"/>
                <a:gd name="T3" fmla="*/ 0 h 234"/>
                <a:gd name="T4" fmla="*/ 0 w 984"/>
                <a:gd name="T5" fmla="*/ 117 h 234"/>
                <a:gd name="T6" fmla="*/ 117 w 984"/>
                <a:gd name="T7" fmla="*/ 234 h 234"/>
                <a:gd name="T8" fmla="*/ 867 w 984"/>
                <a:gd name="T9" fmla="*/ 234 h 234"/>
                <a:gd name="T10" fmla="*/ 984 w 984"/>
                <a:gd name="T11" fmla="*/ 117 h 234"/>
                <a:gd name="T12" fmla="*/ 867 w 984"/>
                <a:gd name="T13" fmla="*/ 0 h 234"/>
              </a:gdLst>
              <a:ahLst/>
              <a:cxnLst>
                <a:cxn ang="0">
                  <a:pos x="T0" y="T1"/>
                </a:cxn>
                <a:cxn ang="0">
                  <a:pos x="T2" y="T3"/>
                </a:cxn>
                <a:cxn ang="0">
                  <a:pos x="T4" y="T5"/>
                </a:cxn>
                <a:cxn ang="0">
                  <a:pos x="T6" y="T7"/>
                </a:cxn>
                <a:cxn ang="0">
                  <a:pos x="T8" y="T9"/>
                </a:cxn>
                <a:cxn ang="0">
                  <a:pos x="T10" y="T11"/>
                </a:cxn>
                <a:cxn ang="0">
                  <a:pos x="T12" y="T13"/>
                </a:cxn>
              </a:cxnLst>
              <a:rect l="0" t="0" r="r" b="b"/>
              <a:pathLst>
                <a:path w="984" h="234">
                  <a:moveTo>
                    <a:pt x="867" y="0"/>
                  </a:moveTo>
                  <a:cubicBezTo>
                    <a:pt x="117" y="0"/>
                    <a:pt x="117" y="0"/>
                    <a:pt x="117" y="0"/>
                  </a:cubicBezTo>
                  <a:cubicBezTo>
                    <a:pt x="52" y="0"/>
                    <a:pt x="0" y="52"/>
                    <a:pt x="0" y="117"/>
                  </a:cubicBezTo>
                  <a:cubicBezTo>
                    <a:pt x="0" y="182"/>
                    <a:pt x="52" y="234"/>
                    <a:pt x="117" y="234"/>
                  </a:cubicBezTo>
                  <a:cubicBezTo>
                    <a:pt x="867" y="234"/>
                    <a:pt x="867" y="234"/>
                    <a:pt x="867" y="234"/>
                  </a:cubicBezTo>
                  <a:cubicBezTo>
                    <a:pt x="932" y="234"/>
                    <a:pt x="984" y="182"/>
                    <a:pt x="984" y="117"/>
                  </a:cubicBezTo>
                  <a:cubicBezTo>
                    <a:pt x="984" y="52"/>
                    <a:pt x="932" y="0"/>
                    <a:pt x="867"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 name="Freeform 10">
              <a:extLst>
                <a:ext uri="{FF2B5EF4-FFF2-40B4-BE49-F238E27FC236}">
                  <a16:creationId xmlns:a16="http://schemas.microsoft.com/office/drawing/2014/main" id="{0F12A46C-F4A5-5AD6-7734-C26D03619414}"/>
                </a:ext>
              </a:extLst>
            </p:cNvPr>
            <p:cNvSpPr>
              <a:spLocks/>
            </p:cNvSpPr>
            <p:nvPr/>
          </p:nvSpPr>
          <p:spPr bwMode="auto">
            <a:xfrm>
              <a:off x="-152400" y="4011613"/>
              <a:ext cx="34925" cy="34925"/>
            </a:xfrm>
            <a:custGeom>
              <a:avLst/>
              <a:gdLst>
                <a:gd name="T0" fmla="*/ 200 w 234"/>
                <a:gd name="T1" fmla="*/ 34 h 234"/>
                <a:gd name="T2" fmla="*/ 117 w 234"/>
                <a:gd name="T3" fmla="*/ 0 h 234"/>
                <a:gd name="T4" fmla="*/ 34 w 234"/>
                <a:gd name="T5" fmla="*/ 34 h 234"/>
                <a:gd name="T6" fmla="*/ 0 w 234"/>
                <a:gd name="T7" fmla="*/ 117 h 234"/>
                <a:gd name="T8" fmla="*/ 34 w 234"/>
                <a:gd name="T9" fmla="*/ 200 h 234"/>
                <a:gd name="T10" fmla="*/ 117 w 234"/>
                <a:gd name="T11" fmla="*/ 234 h 234"/>
                <a:gd name="T12" fmla="*/ 200 w 234"/>
                <a:gd name="T13" fmla="*/ 200 h 234"/>
                <a:gd name="T14" fmla="*/ 234 w 234"/>
                <a:gd name="T15" fmla="*/ 117 h 234"/>
                <a:gd name="T16" fmla="*/ 200 w 234"/>
                <a:gd name="T17" fmla="*/ 3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4" h="234">
                  <a:moveTo>
                    <a:pt x="200" y="34"/>
                  </a:moveTo>
                  <a:cubicBezTo>
                    <a:pt x="178" y="12"/>
                    <a:pt x="148" y="0"/>
                    <a:pt x="117" y="0"/>
                  </a:cubicBezTo>
                  <a:cubicBezTo>
                    <a:pt x="86" y="0"/>
                    <a:pt x="56" y="12"/>
                    <a:pt x="34" y="34"/>
                  </a:cubicBezTo>
                  <a:cubicBezTo>
                    <a:pt x="12" y="56"/>
                    <a:pt x="0" y="86"/>
                    <a:pt x="0" y="117"/>
                  </a:cubicBezTo>
                  <a:cubicBezTo>
                    <a:pt x="0" y="148"/>
                    <a:pt x="12" y="178"/>
                    <a:pt x="34" y="200"/>
                  </a:cubicBezTo>
                  <a:cubicBezTo>
                    <a:pt x="56" y="221"/>
                    <a:pt x="86" y="234"/>
                    <a:pt x="117" y="234"/>
                  </a:cubicBezTo>
                  <a:cubicBezTo>
                    <a:pt x="148" y="234"/>
                    <a:pt x="178" y="222"/>
                    <a:pt x="200" y="200"/>
                  </a:cubicBezTo>
                  <a:cubicBezTo>
                    <a:pt x="222" y="178"/>
                    <a:pt x="234" y="148"/>
                    <a:pt x="234" y="117"/>
                  </a:cubicBezTo>
                  <a:cubicBezTo>
                    <a:pt x="234" y="86"/>
                    <a:pt x="222" y="56"/>
                    <a:pt x="200" y="3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54" name="Group 53">
            <a:extLst>
              <a:ext uri="{FF2B5EF4-FFF2-40B4-BE49-F238E27FC236}">
                <a16:creationId xmlns:a16="http://schemas.microsoft.com/office/drawing/2014/main" id="{204B954B-5F14-F46F-011B-6960EC1713FF}"/>
              </a:ext>
            </a:extLst>
          </p:cNvPr>
          <p:cNvGrpSpPr/>
          <p:nvPr/>
        </p:nvGrpSpPr>
        <p:grpSpPr>
          <a:xfrm>
            <a:off x="8359229" y="3611111"/>
            <a:ext cx="459891" cy="460693"/>
            <a:chOff x="1006475" y="3443288"/>
            <a:chExt cx="909638" cy="911225"/>
          </a:xfrm>
          <a:solidFill>
            <a:schemeClr val="bg1"/>
          </a:solidFill>
        </p:grpSpPr>
        <p:sp>
          <p:nvSpPr>
            <p:cNvPr id="55" name="Freeform 15">
              <a:extLst>
                <a:ext uri="{FF2B5EF4-FFF2-40B4-BE49-F238E27FC236}">
                  <a16:creationId xmlns:a16="http://schemas.microsoft.com/office/drawing/2014/main" id="{E9D4D740-BBD3-9FE6-E0C8-6F1D18BB05BC}"/>
                </a:ext>
              </a:extLst>
            </p:cNvPr>
            <p:cNvSpPr>
              <a:spLocks/>
            </p:cNvSpPr>
            <p:nvPr/>
          </p:nvSpPr>
          <p:spPr bwMode="auto">
            <a:xfrm>
              <a:off x="1135063" y="3670301"/>
              <a:ext cx="555625" cy="555625"/>
            </a:xfrm>
            <a:custGeom>
              <a:avLst/>
              <a:gdLst>
                <a:gd name="T0" fmla="*/ 3547 w 3675"/>
                <a:gd name="T1" fmla="*/ 1162 h 3675"/>
                <a:gd name="T2" fmla="*/ 3363 w 3675"/>
                <a:gd name="T3" fmla="*/ 1083 h 3675"/>
                <a:gd name="T4" fmla="*/ 3284 w 3675"/>
                <a:gd name="T5" fmla="*/ 1266 h 3675"/>
                <a:gd name="T6" fmla="*/ 3392 w 3675"/>
                <a:gd name="T7" fmla="*/ 1838 h 3675"/>
                <a:gd name="T8" fmla="*/ 1838 w 3675"/>
                <a:gd name="T9" fmla="*/ 3392 h 3675"/>
                <a:gd name="T10" fmla="*/ 283 w 3675"/>
                <a:gd name="T11" fmla="*/ 1838 h 3675"/>
                <a:gd name="T12" fmla="*/ 1838 w 3675"/>
                <a:gd name="T13" fmla="*/ 283 h 3675"/>
                <a:gd name="T14" fmla="*/ 2410 w 3675"/>
                <a:gd name="T15" fmla="*/ 392 h 3675"/>
                <a:gd name="T16" fmla="*/ 2594 w 3675"/>
                <a:gd name="T17" fmla="*/ 313 h 3675"/>
                <a:gd name="T18" fmla="*/ 2515 w 3675"/>
                <a:gd name="T19" fmla="*/ 129 h 3675"/>
                <a:gd name="T20" fmla="*/ 1838 w 3675"/>
                <a:gd name="T21" fmla="*/ 0 h 3675"/>
                <a:gd name="T22" fmla="*/ 0 w 3675"/>
                <a:gd name="T23" fmla="*/ 1838 h 3675"/>
                <a:gd name="T24" fmla="*/ 1838 w 3675"/>
                <a:gd name="T25" fmla="*/ 3675 h 3675"/>
                <a:gd name="T26" fmla="*/ 3675 w 3675"/>
                <a:gd name="T27" fmla="*/ 1838 h 3675"/>
                <a:gd name="T28" fmla="*/ 3547 w 3675"/>
                <a:gd name="T29" fmla="*/ 1162 h 36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675" h="3675">
                  <a:moveTo>
                    <a:pt x="3547" y="1162"/>
                  </a:moveTo>
                  <a:cubicBezTo>
                    <a:pt x="3518" y="1089"/>
                    <a:pt x="3436" y="1054"/>
                    <a:pt x="3363" y="1083"/>
                  </a:cubicBezTo>
                  <a:cubicBezTo>
                    <a:pt x="3291" y="1111"/>
                    <a:pt x="3255" y="1194"/>
                    <a:pt x="3284" y="1266"/>
                  </a:cubicBezTo>
                  <a:cubicBezTo>
                    <a:pt x="3356" y="1448"/>
                    <a:pt x="3392" y="1640"/>
                    <a:pt x="3392" y="1838"/>
                  </a:cubicBezTo>
                  <a:cubicBezTo>
                    <a:pt x="3392" y="2695"/>
                    <a:pt x="2695" y="3392"/>
                    <a:pt x="1838" y="3392"/>
                  </a:cubicBezTo>
                  <a:cubicBezTo>
                    <a:pt x="980" y="3392"/>
                    <a:pt x="283" y="2695"/>
                    <a:pt x="283" y="1838"/>
                  </a:cubicBezTo>
                  <a:cubicBezTo>
                    <a:pt x="283" y="981"/>
                    <a:pt x="980" y="283"/>
                    <a:pt x="1838" y="283"/>
                  </a:cubicBezTo>
                  <a:cubicBezTo>
                    <a:pt x="2036" y="283"/>
                    <a:pt x="2228" y="320"/>
                    <a:pt x="2410" y="392"/>
                  </a:cubicBezTo>
                  <a:cubicBezTo>
                    <a:pt x="2483" y="421"/>
                    <a:pt x="2565" y="386"/>
                    <a:pt x="2594" y="313"/>
                  </a:cubicBezTo>
                  <a:cubicBezTo>
                    <a:pt x="2623" y="241"/>
                    <a:pt x="2587" y="158"/>
                    <a:pt x="2515" y="129"/>
                  </a:cubicBezTo>
                  <a:cubicBezTo>
                    <a:pt x="2299" y="44"/>
                    <a:pt x="2072" y="0"/>
                    <a:pt x="1838" y="0"/>
                  </a:cubicBezTo>
                  <a:cubicBezTo>
                    <a:pt x="824" y="0"/>
                    <a:pt x="0" y="825"/>
                    <a:pt x="0" y="1838"/>
                  </a:cubicBezTo>
                  <a:cubicBezTo>
                    <a:pt x="0" y="2851"/>
                    <a:pt x="824" y="3675"/>
                    <a:pt x="1838" y="3675"/>
                  </a:cubicBezTo>
                  <a:cubicBezTo>
                    <a:pt x="2851" y="3675"/>
                    <a:pt x="3675" y="2851"/>
                    <a:pt x="3675" y="1838"/>
                  </a:cubicBezTo>
                  <a:cubicBezTo>
                    <a:pt x="3675" y="1605"/>
                    <a:pt x="3632" y="1377"/>
                    <a:pt x="3547" y="11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Freeform 16">
              <a:extLst>
                <a:ext uri="{FF2B5EF4-FFF2-40B4-BE49-F238E27FC236}">
                  <a16:creationId xmlns:a16="http://schemas.microsoft.com/office/drawing/2014/main" id="{70DF4937-ABE7-360F-687F-891659ECB7AF}"/>
                </a:ext>
              </a:extLst>
            </p:cNvPr>
            <p:cNvSpPr>
              <a:spLocks/>
            </p:cNvSpPr>
            <p:nvPr/>
          </p:nvSpPr>
          <p:spPr bwMode="auto">
            <a:xfrm>
              <a:off x="1006475" y="3541713"/>
              <a:ext cx="811213" cy="812800"/>
            </a:xfrm>
            <a:custGeom>
              <a:avLst/>
              <a:gdLst>
                <a:gd name="T0" fmla="*/ 5268 w 5371"/>
                <a:gd name="T1" fmla="*/ 1946 h 5371"/>
                <a:gd name="T2" fmla="*/ 5093 w 5371"/>
                <a:gd name="T3" fmla="*/ 1848 h 5371"/>
                <a:gd name="T4" fmla="*/ 4995 w 5371"/>
                <a:gd name="T5" fmla="*/ 2023 h 5371"/>
                <a:gd name="T6" fmla="*/ 5088 w 5371"/>
                <a:gd name="T7" fmla="*/ 2686 h 5371"/>
                <a:gd name="T8" fmla="*/ 2686 w 5371"/>
                <a:gd name="T9" fmla="*/ 5088 h 5371"/>
                <a:gd name="T10" fmla="*/ 283 w 5371"/>
                <a:gd name="T11" fmla="*/ 2686 h 5371"/>
                <a:gd name="T12" fmla="*/ 2686 w 5371"/>
                <a:gd name="T13" fmla="*/ 283 h 5371"/>
                <a:gd name="T14" fmla="*/ 3349 w 5371"/>
                <a:gd name="T15" fmla="*/ 376 h 5371"/>
                <a:gd name="T16" fmla="*/ 3524 w 5371"/>
                <a:gd name="T17" fmla="*/ 279 h 5371"/>
                <a:gd name="T18" fmla="*/ 3427 w 5371"/>
                <a:gd name="T19" fmla="*/ 104 h 5371"/>
                <a:gd name="T20" fmla="*/ 2686 w 5371"/>
                <a:gd name="T21" fmla="*/ 0 h 5371"/>
                <a:gd name="T22" fmla="*/ 0 w 5371"/>
                <a:gd name="T23" fmla="*/ 2686 h 5371"/>
                <a:gd name="T24" fmla="*/ 2686 w 5371"/>
                <a:gd name="T25" fmla="*/ 5371 h 5371"/>
                <a:gd name="T26" fmla="*/ 5371 w 5371"/>
                <a:gd name="T27" fmla="*/ 2686 h 5371"/>
                <a:gd name="T28" fmla="*/ 5268 w 5371"/>
                <a:gd name="T29" fmla="*/ 1946 h 5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371" h="5371">
                  <a:moveTo>
                    <a:pt x="5268" y="1946"/>
                  </a:moveTo>
                  <a:cubicBezTo>
                    <a:pt x="5246" y="1870"/>
                    <a:pt x="5168" y="1827"/>
                    <a:pt x="5093" y="1848"/>
                  </a:cubicBezTo>
                  <a:cubicBezTo>
                    <a:pt x="5017" y="1870"/>
                    <a:pt x="4974" y="1948"/>
                    <a:pt x="4995" y="2023"/>
                  </a:cubicBezTo>
                  <a:cubicBezTo>
                    <a:pt x="5057" y="2238"/>
                    <a:pt x="5088" y="2461"/>
                    <a:pt x="5088" y="2686"/>
                  </a:cubicBezTo>
                  <a:cubicBezTo>
                    <a:pt x="5088" y="4011"/>
                    <a:pt x="4010" y="5088"/>
                    <a:pt x="2686" y="5088"/>
                  </a:cubicBezTo>
                  <a:cubicBezTo>
                    <a:pt x="1361" y="5088"/>
                    <a:pt x="283" y="4011"/>
                    <a:pt x="283" y="2686"/>
                  </a:cubicBezTo>
                  <a:cubicBezTo>
                    <a:pt x="283" y="1361"/>
                    <a:pt x="1361" y="283"/>
                    <a:pt x="2686" y="283"/>
                  </a:cubicBezTo>
                  <a:cubicBezTo>
                    <a:pt x="2911" y="283"/>
                    <a:pt x="3134" y="315"/>
                    <a:pt x="3349" y="376"/>
                  </a:cubicBezTo>
                  <a:cubicBezTo>
                    <a:pt x="3424" y="398"/>
                    <a:pt x="3503" y="354"/>
                    <a:pt x="3524" y="279"/>
                  </a:cubicBezTo>
                  <a:cubicBezTo>
                    <a:pt x="3546" y="204"/>
                    <a:pt x="3502" y="126"/>
                    <a:pt x="3427" y="104"/>
                  </a:cubicBezTo>
                  <a:cubicBezTo>
                    <a:pt x="3187" y="35"/>
                    <a:pt x="2938" y="0"/>
                    <a:pt x="2686" y="0"/>
                  </a:cubicBezTo>
                  <a:cubicBezTo>
                    <a:pt x="1205" y="0"/>
                    <a:pt x="0" y="1205"/>
                    <a:pt x="0" y="2686"/>
                  </a:cubicBezTo>
                  <a:cubicBezTo>
                    <a:pt x="0" y="4167"/>
                    <a:pt x="1205" y="5371"/>
                    <a:pt x="2686" y="5371"/>
                  </a:cubicBezTo>
                  <a:cubicBezTo>
                    <a:pt x="4166" y="5371"/>
                    <a:pt x="5371" y="4167"/>
                    <a:pt x="5371" y="2686"/>
                  </a:cubicBezTo>
                  <a:cubicBezTo>
                    <a:pt x="5371" y="2434"/>
                    <a:pt x="5336" y="2185"/>
                    <a:pt x="5268" y="19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 name="Freeform 17">
              <a:extLst>
                <a:ext uri="{FF2B5EF4-FFF2-40B4-BE49-F238E27FC236}">
                  <a16:creationId xmlns:a16="http://schemas.microsoft.com/office/drawing/2014/main" id="{7EAFE467-9AF2-3D27-FE11-F675F840C5E4}"/>
                </a:ext>
              </a:extLst>
            </p:cNvPr>
            <p:cNvSpPr>
              <a:spLocks/>
            </p:cNvSpPr>
            <p:nvPr/>
          </p:nvSpPr>
          <p:spPr bwMode="auto">
            <a:xfrm>
              <a:off x="1263650" y="3798888"/>
              <a:ext cx="298450" cy="298450"/>
            </a:xfrm>
            <a:custGeom>
              <a:avLst/>
              <a:gdLst>
                <a:gd name="T0" fmla="*/ 1975 w 1979"/>
                <a:gd name="T1" fmla="*/ 903 h 1979"/>
                <a:gd name="T2" fmla="*/ 1822 w 1979"/>
                <a:gd name="T3" fmla="*/ 775 h 1979"/>
                <a:gd name="T4" fmla="*/ 1693 w 1979"/>
                <a:gd name="T5" fmla="*/ 929 h 1979"/>
                <a:gd name="T6" fmla="*/ 1696 w 1979"/>
                <a:gd name="T7" fmla="*/ 990 h 1979"/>
                <a:gd name="T8" fmla="*/ 990 w 1979"/>
                <a:gd name="T9" fmla="*/ 1696 h 1979"/>
                <a:gd name="T10" fmla="*/ 283 w 1979"/>
                <a:gd name="T11" fmla="*/ 990 h 1979"/>
                <a:gd name="T12" fmla="*/ 990 w 1979"/>
                <a:gd name="T13" fmla="*/ 283 h 1979"/>
                <a:gd name="T14" fmla="*/ 1053 w 1979"/>
                <a:gd name="T15" fmla="*/ 286 h 1979"/>
                <a:gd name="T16" fmla="*/ 1207 w 1979"/>
                <a:gd name="T17" fmla="*/ 158 h 1979"/>
                <a:gd name="T18" fmla="*/ 1079 w 1979"/>
                <a:gd name="T19" fmla="*/ 4 h 1979"/>
                <a:gd name="T20" fmla="*/ 990 w 1979"/>
                <a:gd name="T21" fmla="*/ 0 h 1979"/>
                <a:gd name="T22" fmla="*/ 0 w 1979"/>
                <a:gd name="T23" fmla="*/ 990 h 1979"/>
                <a:gd name="T24" fmla="*/ 990 w 1979"/>
                <a:gd name="T25" fmla="*/ 1979 h 1979"/>
                <a:gd name="T26" fmla="*/ 1979 w 1979"/>
                <a:gd name="T27" fmla="*/ 990 h 1979"/>
                <a:gd name="T28" fmla="*/ 1975 w 1979"/>
                <a:gd name="T29" fmla="*/ 903 h 19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79" h="1979">
                  <a:moveTo>
                    <a:pt x="1975" y="903"/>
                  </a:moveTo>
                  <a:cubicBezTo>
                    <a:pt x="1968" y="825"/>
                    <a:pt x="1899" y="768"/>
                    <a:pt x="1822" y="775"/>
                  </a:cubicBezTo>
                  <a:cubicBezTo>
                    <a:pt x="1744" y="782"/>
                    <a:pt x="1686" y="851"/>
                    <a:pt x="1693" y="929"/>
                  </a:cubicBezTo>
                  <a:cubicBezTo>
                    <a:pt x="1695" y="949"/>
                    <a:pt x="1696" y="969"/>
                    <a:pt x="1696" y="990"/>
                  </a:cubicBezTo>
                  <a:cubicBezTo>
                    <a:pt x="1696" y="1379"/>
                    <a:pt x="1379" y="1696"/>
                    <a:pt x="990" y="1696"/>
                  </a:cubicBezTo>
                  <a:cubicBezTo>
                    <a:pt x="600" y="1696"/>
                    <a:pt x="283" y="1379"/>
                    <a:pt x="283" y="990"/>
                  </a:cubicBezTo>
                  <a:cubicBezTo>
                    <a:pt x="283" y="600"/>
                    <a:pt x="600" y="283"/>
                    <a:pt x="990" y="283"/>
                  </a:cubicBezTo>
                  <a:cubicBezTo>
                    <a:pt x="1011" y="283"/>
                    <a:pt x="1033" y="284"/>
                    <a:pt x="1053" y="286"/>
                  </a:cubicBezTo>
                  <a:cubicBezTo>
                    <a:pt x="1131" y="293"/>
                    <a:pt x="1200" y="236"/>
                    <a:pt x="1207" y="158"/>
                  </a:cubicBezTo>
                  <a:cubicBezTo>
                    <a:pt x="1214" y="80"/>
                    <a:pt x="1157" y="11"/>
                    <a:pt x="1079" y="4"/>
                  </a:cubicBezTo>
                  <a:cubicBezTo>
                    <a:pt x="1050" y="1"/>
                    <a:pt x="1020" y="0"/>
                    <a:pt x="990" y="0"/>
                  </a:cubicBezTo>
                  <a:cubicBezTo>
                    <a:pt x="444" y="0"/>
                    <a:pt x="0" y="444"/>
                    <a:pt x="0" y="990"/>
                  </a:cubicBezTo>
                  <a:cubicBezTo>
                    <a:pt x="0" y="1535"/>
                    <a:pt x="444" y="1979"/>
                    <a:pt x="990" y="1979"/>
                  </a:cubicBezTo>
                  <a:cubicBezTo>
                    <a:pt x="1535" y="1979"/>
                    <a:pt x="1979" y="1535"/>
                    <a:pt x="1979" y="990"/>
                  </a:cubicBezTo>
                  <a:cubicBezTo>
                    <a:pt x="1979" y="961"/>
                    <a:pt x="1978" y="932"/>
                    <a:pt x="1975" y="90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 name="Freeform 18">
              <a:extLst>
                <a:ext uri="{FF2B5EF4-FFF2-40B4-BE49-F238E27FC236}">
                  <a16:creationId xmlns:a16="http://schemas.microsoft.com/office/drawing/2014/main" id="{BFF81F9E-84BC-7D78-ED4D-E9C5A1DC671F}"/>
                </a:ext>
              </a:extLst>
            </p:cNvPr>
            <p:cNvSpPr>
              <a:spLocks noEditPoints="1"/>
            </p:cNvSpPr>
            <p:nvPr/>
          </p:nvSpPr>
          <p:spPr bwMode="auto">
            <a:xfrm>
              <a:off x="1397000" y="3443288"/>
              <a:ext cx="519113" cy="517525"/>
            </a:xfrm>
            <a:custGeom>
              <a:avLst/>
              <a:gdLst>
                <a:gd name="T0" fmla="*/ 3393 w 3437"/>
                <a:gd name="T1" fmla="*/ 974 h 3424"/>
                <a:gd name="T2" fmla="*/ 3132 w 3437"/>
                <a:gd name="T3" fmla="*/ 799 h 3424"/>
                <a:gd name="T4" fmla="*/ 2638 w 3437"/>
                <a:gd name="T5" fmla="*/ 799 h 3424"/>
                <a:gd name="T6" fmla="*/ 2638 w 3437"/>
                <a:gd name="T7" fmla="*/ 306 h 3424"/>
                <a:gd name="T8" fmla="*/ 2463 w 3437"/>
                <a:gd name="T9" fmla="*/ 44 h 3424"/>
                <a:gd name="T10" fmla="*/ 2155 w 3437"/>
                <a:gd name="T11" fmla="*/ 106 h 3424"/>
                <a:gd name="T12" fmla="*/ 1330 w 3437"/>
                <a:gd name="T13" fmla="*/ 930 h 3424"/>
                <a:gd name="T14" fmla="*/ 1206 w 3437"/>
                <a:gd name="T15" fmla="*/ 1231 h 3424"/>
                <a:gd name="T16" fmla="*/ 1206 w 3437"/>
                <a:gd name="T17" fmla="*/ 2032 h 3424"/>
                <a:gd name="T18" fmla="*/ 55 w 3437"/>
                <a:gd name="T19" fmla="*/ 3182 h 3424"/>
                <a:gd name="T20" fmla="*/ 55 w 3437"/>
                <a:gd name="T21" fmla="*/ 3382 h 3424"/>
                <a:gd name="T22" fmla="*/ 155 w 3437"/>
                <a:gd name="T23" fmla="*/ 3424 h 3424"/>
                <a:gd name="T24" fmla="*/ 255 w 3437"/>
                <a:gd name="T25" fmla="*/ 3382 h 3424"/>
                <a:gd name="T26" fmla="*/ 1406 w 3437"/>
                <a:gd name="T27" fmla="*/ 2232 h 3424"/>
                <a:gd name="T28" fmla="*/ 2207 w 3437"/>
                <a:gd name="T29" fmla="*/ 2232 h 3424"/>
                <a:gd name="T30" fmla="*/ 2507 w 3437"/>
                <a:gd name="T31" fmla="*/ 2108 h 3424"/>
                <a:gd name="T32" fmla="*/ 3332 w 3437"/>
                <a:gd name="T33" fmla="*/ 1283 h 3424"/>
                <a:gd name="T34" fmla="*/ 3393 w 3437"/>
                <a:gd name="T35" fmla="*/ 974 h 3424"/>
                <a:gd name="T36" fmla="*/ 1489 w 3437"/>
                <a:gd name="T37" fmla="*/ 1231 h 3424"/>
                <a:gd name="T38" fmla="*/ 1530 w 3437"/>
                <a:gd name="T39" fmla="*/ 1131 h 3424"/>
                <a:gd name="T40" fmla="*/ 2355 w 3437"/>
                <a:gd name="T41" fmla="*/ 306 h 3424"/>
                <a:gd name="T42" fmla="*/ 2355 w 3437"/>
                <a:gd name="T43" fmla="*/ 882 h 3424"/>
                <a:gd name="T44" fmla="*/ 1489 w 3437"/>
                <a:gd name="T45" fmla="*/ 1749 h 3424"/>
                <a:gd name="T46" fmla="*/ 1489 w 3437"/>
                <a:gd name="T47" fmla="*/ 1231 h 3424"/>
                <a:gd name="T48" fmla="*/ 2307 w 3437"/>
                <a:gd name="T49" fmla="*/ 1907 h 3424"/>
                <a:gd name="T50" fmla="*/ 2207 w 3437"/>
                <a:gd name="T51" fmla="*/ 1949 h 3424"/>
                <a:gd name="T52" fmla="*/ 1689 w 3437"/>
                <a:gd name="T53" fmla="*/ 1949 h 3424"/>
                <a:gd name="T54" fmla="*/ 2555 w 3437"/>
                <a:gd name="T55" fmla="*/ 1083 h 3424"/>
                <a:gd name="T56" fmla="*/ 3132 w 3437"/>
                <a:gd name="T57" fmla="*/ 1083 h 3424"/>
                <a:gd name="T58" fmla="*/ 2307 w 3437"/>
                <a:gd name="T59" fmla="*/ 1907 h 3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437" h="3424">
                  <a:moveTo>
                    <a:pt x="3393" y="974"/>
                  </a:moveTo>
                  <a:cubicBezTo>
                    <a:pt x="3349" y="868"/>
                    <a:pt x="3247" y="799"/>
                    <a:pt x="3132" y="799"/>
                  </a:cubicBezTo>
                  <a:cubicBezTo>
                    <a:pt x="2638" y="799"/>
                    <a:pt x="2638" y="799"/>
                    <a:pt x="2638" y="799"/>
                  </a:cubicBezTo>
                  <a:cubicBezTo>
                    <a:pt x="2638" y="306"/>
                    <a:pt x="2638" y="306"/>
                    <a:pt x="2638" y="306"/>
                  </a:cubicBezTo>
                  <a:cubicBezTo>
                    <a:pt x="2638" y="191"/>
                    <a:pt x="2569" y="88"/>
                    <a:pt x="2463" y="44"/>
                  </a:cubicBezTo>
                  <a:cubicBezTo>
                    <a:pt x="2357" y="0"/>
                    <a:pt x="2236" y="24"/>
                    <a:pt x="2155" y="106"/>
                  </a:cubicBezTo>
                  <a:cubicBezTo>
                    <a:pt x="1330" y="930"/>
                    <a:pt x="1330" y="930"/>
                    <a:pt x="1330" y="930"/>
                  </a:cubicBezTo>
                  <a:cubicBezTo>
                    <a:pt x="1250" y="1011"/>
                    <a:pt x="1206" y="1117"/>
                    <a:pt x="1206" y="1231"/>
                  </a:cubicBezTo>
                  <a:cubicBezTo>
                    <a:pt x="1206" y="2032"/>
                    <a:pt x="1206" y="2032"/>
                    <a:pt x="1206" y="2032"/>
                  </a:cubicBezTo>
                  <a:cubicBezTo>
                    <a:pt x="55" y="3182"/>
                    <a:pt x="55" y="3182"/>
                    <a:pt x="55" y="3182"/>
                  </a:cubicBezTo>
                  <a:cubicBezTo>
                    <a:pt x="0" y="3237"/>
                    <a:pt x="0" y="3327"/>
                    <a:pt x="55" y="3382"/>
                  </a:cubicBezTo>
                  <a:cubicBezTo>
                    <a:pt x="83" y="3410"/>
                    <a:pt x="119" y="3424"/>
                    <a:pt x="155" y="3424"/>
                  </a:cubicBezTo>
                  <a:cubicBezTo>
                    <a:pt x="192" y="3424"/>
                    <a:pt x="228" y="3410"/>
                    <a:pt x="255" y="3382"/>
                  </a:cubicBezTo>
                  <a:cubicBezTo>
                    <a:pt x="1406" y="2232"/>
                    <a:pt x="1406" y="2232"/>
                    <a:pt x="1406" y="2232"/>
                  </a:cubicBezTo>
                  <a:cubicBezTo>
                    <a:pt x="2207" y="2232"/>
                    <a:pt x="2207" y="2232"/>
                    <a:pt x="2207" y="2232"/>
                  </a:cubicBezTo>
                  <a:cubicBezTo>
                    <a:pt x="2320" y="2232"/>
                    <a:pt x="2427" y="2188"/>
                    <a:pt x="2507" y="2108"/>
                  </a:cubicBezTo>
                  <a:cubicBezTo>
                    <a:pt x="3332" y="1283"/>
                    <a:pt x="3332" y="1283"/>
                    <a:pt x="3332" y="1283"/>
                  </a:cubicBezTo>
                  <a:cubicBezTo>
                    <a:pt x="3413" y="1202"/>
                    <a:pt x="3437" y="1080"/>
                    <a:pt x="3393" y="974"/>
                  </a:cubicBezTo>
                  <a:close/>
                  <a:moveTo>
                    <a:pt x="1489" y="1231"/>
                  </a:moveTo>
                  <a:cubicBezTo>
                    <a:pt x="1489" y="1193"/>
                    <a:pt x="1504" y="1157"/>
                    <a:pt x="1530" y="1131"/>
                  </a:cubicBezTo>
                  <a:cubicBezTo>
                    <a:pt x="2355" y="306"/>
                    <a:pt x="2355" y="306"/>
                    <a:pt x="2355" y="306"/>
                  </a:cubicBezTo>
                  <a:cubicBezTo>
                    <a:pt x="2355" y="882"/>
                    <a:pt x="2355" y="882"/>
                    <a:pt x="2355" y="882"/>
                  </a:cubicBezTo>
                  <a:cubicBezTo>
                    <a:pt x="1489" y="1749"/>
                    <a:pt x="1489" y="1749"/>
                    <a:pt x="1489" y="1749"/>
                  </a:cubicBezTo>
                  <a:cubicBezTo>
                    <a:pt x="1489" y="1231"/>
                    <a:pt x="1489" y="1231"/>
                    <a:pt x="1489" y="1231"/>
                  </a:cubicBezTo>
                  <a:close/>
                  <a:moveTo>
                    <a:pt x="2307" y="1907"/>
                  </a:moveTo>
                  <a:cubicBezTo>
                    <a:pt x="2281" y="1934"/>
                    <a:pt x="2244" y="1949"/>
                    <a:pt x="2207" y="1949"/>
                  </a:cubicBezTo>
                  <a:cubicBezTo>
                    <a:pt x="1689" y="1949"/>
                    <a:pt x="1689" y="1949"/>
                    <a:pt x="1689" y="1949"/>
                  </a:cubicBezTo>
                  <a:cubicBezTo>
                    <a:pt x="2555" y="1083"/>
                    <a:pt x="2555" y="1083"/>
                    <a:pt x="2555" y="1083"/>
                  </a:cubicBezTo>
                  <a:cubicBezTo>
                    <a:pt x="3132" y="1083"/>
                    <a:pt x="3132" y="1083"/>
                    <a:pt x="3132" y="1083"/>
                  </a:cubicBezTo>
                  <a:lnTo>
                    <a:pt x="2307" y="190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59" name="Group 58">
            <a:extLst>
              <a:ext uri="{FF2B5EF4-FFF2-40B4-BE49-F238E27FC236}">
                <a16:creationId xmlns:a16="http://schemas.microsoft.com/office/drawing/2014/main" id="{430AF4C9-2342-1044-3E9A-5CDAC978A840}"/>
              </a:ext>
            </a:extLst>
          </p:cNvPr>
          <p:cNvGrpSpPr/>
          <p:nvPr/>
        </p:nvGrpSpPr>
        <p:grpSpPr>
          <a:xfrm>
            <a:off x="5909306" y="3547297"/>
            <a:ext cx="617222" cy="617220"/>
            <a:chOff x="-306388" y="2109788"/>
            <a:chExt cx="854076" cy="854075"/>
          </a:xfrm>
          <a:solidFill>
            <a:schemeClr val="bg1"/>
          </a:solidFill>
        </p:grpSpPr>
        <p:sp>
          <p:nvSpPr>
            <p:cNvPr id="60" name="Freeform 5">
              <a:extLst>
                <a:ext uri="{FF2B5EF4-FFF2-40B4-BE49-F238E27FC236}">
                  <a16:creationId xmlns:a16="http://schemas.microsoft.com/office/drawing/2014/main" id="{255C43BA-58EF-1416-3FC6-A1FE5E46106F}"/>
                </a:ext>
              </a:extLst>
            </p:cNvPr>
            <p:cNvSpPr>
              <a:spLocks/>
            </p:cNvSpPr>
            <p:nvPr/>
          </p:nvSpPr>
          <p:spPr bwMode="auto">
            <a:xfrm>
              <a:off x="-106363" y="2576513"/>
              <a:ext cx="166688" cy="387350"/>
            </a:xfrm>
            <a:custGeom>
              <a:avLst/>
              <a:gdLst>
                <a:gd name="T0" fmla="*/ 367 w 1173"/>
                <a:gd name="T1" fmla="*/ 379 h 2723"/>
                <a:gd name="T2" fmla="*/ 606 w 1173"/>
                <a:gd name="T3" fmla="*/ 454 h 2723"/>
                <a:gd name="T4" fmla="*/ 937 w 1173"/>
                <a:gd name="T5" fmla="*/ 1067 h 2723"/>
                <a:gd name="T6" fmla="*/ 1069 w 1173"/>
                <a:gd name="T7" fmla="*/ 1125 h 2723"/>
                <a:gd name="T8" fmla="*/ 1158 w 1173"/>
                <a:gd name="T9" fmla="*/ 1012 h 2723"/>
                <a:gd name="T10" fmla="*/ 1158 w 1173"/>
                <a:gd name="T11" fmla="*/ 117 h 2723"/>
                <a:gd name="T12" fmla="*/ 1040 w 1173"/>
                <a:gd name="T13" fmla="*/ 0 h 2723"/>
                <a:gd name="T14" fmla="*/ 923 w 1173"/>
                <a:gd name="T15" fmla="*/ 117 h 2723"/>
                <a:gd name="T16" fmla="*/ 923 w 1173"/>
                <a:gd name="T17" fmla="*/ 548 h 2723"/>
                <a:gd name="T18" fmla="*/ 813 w 1173"/>
                <a:gd name="T19" fmla="*/ 343 h 2723"/>
                <a:gd name="T20" fmla="*/ 261 w 1173"/>
                <a:gd name="T21" fmla="*/ 170 h 2723"/>
                <a:gd name="T22" fmla="*/ 45 w 1173"/>
                <a:gd name="T23" fmla="*/ 637 h 2723"/>
                <a:gd name="T24" fmla="*/ 260 w 1173"/>
                <a:gd name="T25" fmla="*/ 1526 h 2723"/>
                <a:gd name="T26" fmla="*/ 526 w 1173"/>
                <a:gd name="T27" fmla="*/ 2100 h 2723"/>
                <a:gd name="T28" fmla="*/ 946 w 1173"/>
                <a:gd name="T29" fmla="*/ 2675 h 2723"/>
                <a:gd name="T30" fmla="*/ 1041 w 1173"/>
                <a:gd name="T31" fmla="*/ 2723 h 2723"/>
                <a:gd name="T32" fmla="*/ 1110 w 1173"/>
                <a:gd name="T33" fmla="*/ 2700 h 2723"/>
                <a:gd name="T34" fmla="*/ 1135 w 1173"/>
                <a:gd name="T35" fmla="*/ 2537 h 2723"/>
                <a:gd name="T36" fmla="*/ 715 w 1173"/>
                <a:gd name="T37" fmla="*/ 1962 h 2723"/>
                <a:gd name="T38" fmla="*/ 488 w 1173"/>
                <a:gd name="T39" fmla="*/ 1471 h 2723"/>
                <a:gd name="T40" fmla="*/ 273 w 1173"/>
                <a:gd name="T41" fmla="*/ 582 h 2723"/>
                <a:gd name="T42" fmla="*/ 367 w 1173"/>
                <a:gd name="T43" fmla="*/ 379 h 2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73" h="2723">
                  <a:moveTo>
                    <a:pt x="367" y="379"/>
                  </a:moveTo>
                  <a:cubicBezTo>
                    <a:pt x="455" y="335"/>
                    <a:pt x="560" y="368"/>
                    <a:pt x="606" y="454"/>
                  </a:cubicBezTo>
                  <a:cubicBezTo>
                    <a:pt x="937" y="1067"/>
                    <a:pt x="937" y="1067"/>
                    <a:pt x="937" y="1067"/>
                  </a:cubicBezTo>
                  <a:cubicBezTo>
                    <a:pt x="963" y="1114"/>
                    <a:pt x="1017" y="1138"/>
                    <a:pt x="1069" y="1125"/>
                  </a:cubicBezTo>
                  <a:cubicBezTo>
                    <a:pt x="1121" y="1112"/>
                    <a:pt x="1158" y="1065"/>
                    <a:pt x="1158" y="1012"/>
                  </a:cubicBezTo>
                  <a:cubicBezTo>
                    <a:pt x="1158" y="117"/>
                    <a:pt x="1158" y="117"/>
                    <a:pt x="1158" y="117"/>
                  </a:cubicBezTo>
                  <a:cubicBezTo>
                    <a:pt x="1158" y="52"/>
                    <a:pt x="1105" y="0"/>
                    <a:pt x="1040" y="0"/>
                  </a:cubicBezTo>
                  <a:cubicBezTo>
                    <a:pt x="976" y="0"/>
                    <a:pt x="923" y="52"/>
                    <a:pt x="923" y="117"/>
                  </a:cubicBezTo>
                  <a:cubicBezTo>
                    <a:pt x="923" y="548"/>
                    <a:pt x="923" y="548"/>
                    <a:pt x="923" y="548"/>
                  </a:cubicBezTo>
                  <a:cubicBezTo>
                    <a:pt x="813" y="343"/>
                    <a:pt x="813" y="343"/>
                    <a:pt x="813" y="343"/>
                  </a:cubicBezTo>
                  <a:cubicBezTo>
                    <a:pt x="705" y="144"/>
                    <a:pt x="463" y="68"/>
                    <a:pt x="261" y="170"/>
                  </a:cubicBezTo>
                  <a:cubicBezTo>
                    <a:pt x="89" y="257"/>
                    <a:pt x="0" y="449"/>
                    <a:pt x="45" y="637"/>
                  </a:cubicBezTo>
                  <a:cubicBezTo>
                    <a:pt x="260" y="1526"/>
                    <a:pt x="260" y="1526"/>
                    <a:pt x="260" y="1526"/>
                  </a:cubicBezTo>
                  <a:cubicBezTo>
                    <a:pt x="310" y="1734"/>
                    <a:pt x="399" y="1927"/>
                    <a:pt x="526" y="2100"/>
                  </a:cubicBezTo>
                  <a:cubicBezTo>
                    <a:pt x="946" y="2675"/>
                    <a:pt x="946" y="2675"/>
                    <a:pt x="946" y="2675"/>
                  </a:cubicBezTo>
                  <a:cubicBezTo>
                    <a:pt x="969" y="2706"/>
                    <a:pt x="1004" y="2723"/>
                    <a:pt x="1041" y="2723"/>
                  </a:cubicBezTo>
                  <a:cubicBezTo>
                    <a:pt x="1065" y="2723"/>
                    <a:pt x="1089" y="2716"/>
                    <a:pt x="1110" y="2700"/>
                  </a:cubicBezTo>
                  <a:cubicBezTo>
                    <a:pt x="1162" y="2662"/>
                    <a:pt x="1173" y="2589"/>
                    <a:pt x="1135" y="2537"/>
                  </a:cubicBezTo>
                  <a:cubicBezTo>
                    <a:pt x="715" y="1962"/>
                    <a:pt x="715" y="1962"/>
                    <a:pt x="715" y="1962"/>
                  </a:cubicBezTo>
                  <a:cubicBezTo>
                    <a:pt x="607" y="1814"/>
                    <a:pt x="531" y="1649"/>
                    <a:pt x="488" y="1471"/>
                  </a:cubicBezTo>
                  <a:cubicBezTo>
                    <a:pt x="273" y="582"/>
                    <a:pt x="273" y="582"/>
                    <a:pt x="273" y="582"/>
                  </a:cubicBezTo>
                  <a:cubicBezTo>
                    <a:pt x="253" y="501"/>
                    <a:pt x="292" y="417"/>
                    <a:pt x="367" y="37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6">
              <a:extLst>
                <a:ext uri="{FF2B5EF4-FFF2-40B4-BE49-F238E27FC236}">
                  <a16:creationId xmlns:a16="http://schemas.microsoft.com/office/drawing/2014/main" id="{BFD1EECA-6425-3E90-33E7-D9D2FF72DFFB}"/>
                </a:ext>
              </a:extLst>
            </p:cNvPr>
            <p:cNvSpPr>
              <a:spLocks/>
            </p:cNvSpPr>
            <p:nvPr/>
          </p:nvSpPr>
          <p:spPr bwMode="auto">
            <a:xfrm>
              <a:off x="23813" y="2373313"/>
              <a:ext cx="354013" cy="590550"/>
            </a:xfrm>
            <a:custGeom>
              <a:avLst/>
              <a:gdLst>
                <a:gd name="T0" fmla="*/ 2090 w 2489"/>
                <a:gd name="T1" fmla="*/ 1310 h 4153"/>
                <a:gd name="T2" fmla="*/ 1899 w 2489"/>
                <a:gd name="T3" fmla="*/ 1359 h 4153"/>
                <a:gd name="T4" fmla="*/ 1526 w 2489"/>
                <a:gd name="T5" fmla="*/ 1102 h 4153"/>
                <a:gd name="T6" fmla="*/ 1325 w 2489"/>
                <a:gd name="T7" fmla="*/ 1157 h 4153"/>
                <a:gd name="T8" fmla="*/ 963 w 2489"/>
                <a:gd name="T9" fmla="*/ 924 h 4153"/>
                <a:gd name="T10" fmla="*/ 798 w 2489"/>
                <a:gd name="T11" fmla="*/ 959 h 4153"/>
                <a:gd name="T12" fmla="*/ 798 w 2489"/>
                <a:gd name="T13" fmla="*/ 399 h 4153"/>
                <a:gd name="T14" fmla="*/ 399 w 2489"/>
                <a:gd name="T15" fmla="*/ 0 h 4153"/>
                <a:gd name="T16" fmla="*/ 0 w 2489"/>
                <a:gd name="T17" fmla="*/ 399 h 4153"/>
                <a:gd name="T18" fmla="*/ 0 w 2489"/>
                <a:gd name="T19" fmla="*/ 602 h 4153"/>
                <a:gd name="T20" fmla="*/ 117 w 2489"/>
                <a:gd name="T21" fmla="*/ 719 h 4153"/>
                <a:gd name="T22" fmla="*/ 235 w 2489"/>
                <a:gd name="T23" fmla="*/ 602 h 4153"/>
                <a:gd name="T24" fmla="*/ 235 w 2489"/>
                <a:gd name="T25" fmla="*/ 399 h 4153"/>
                <a:gd name="T26" fmla="*/ 399 w 2489"/>
                <a:gd name="T27" fmla="*/ 234 h 4153"/>
                <a:gd name="T28" fmla="*/ 564 w 2489"/>
                <a:gd name="T29" fmla="*/ 399 h 4153"/>
                <a:gd name="T30" fmla="*/ 564 w 2489"/>
                <a:gd name="T31" fmla="*/ 2053 h 4153"/>
                <a:gd name="T32" fmla="*/ 681 w 2489"/>
                <a:gd name="T33" fmla="*/ 2170 h 4153"/>
                <a:gd name="T34" fmla="*/ 798 w 2489"/>
                <a:gd name="T35" fmla="*/ 2053 h 4153"/>
                <a:gd name="T36" fmla="*/ 798 w 2489"/>
                <a:gd name="T37" fmla="*/ 1323 h 4153"/>
                <a:gd name="T38" fmla="*/ 963 w 2489"/>
                <a:gd name="T39" fmla="*/ 1158 h 4153"/>
                <a:gd name="T40" fmla="*/ 1127 w 2489"/>
                <a:gd name="T41" fmla="*/ 1323 h 4153"/>
                <a:gd name="T42" fmla="*/ 1127 w 2489"/>
                <a:gd name="T43" fmla="*/ 2053 h 4153"/>
                <a:gd name="T44" fmla="*/ 1245 w 2489"/>
                <a:gd name="T45" fmla="*/ 2170 h 4153"/>
                <a:gd name="T46" fmla="*/ 1362 w 2489"/>
                <a:gd name="T47" fmla="*/ 2053 h 4153"/>
                <a:gd name="T48" fmla="*/ 1362 w 2489"/>
                <a:gd name="T49" fmla="*/ 1501 h 4153"/>
                <a:gd name="T50" fmla="*/ 1526 w 2489"/>
                <a:gd name="T51" fmla="*/ 1337 h 4153"/>
                <a:gd name="T52" fmla="*/ 1691 w 2489"/>
                <a:gd name="T53" fmla="*/ 1501 h 4153"/>
                <a:gd name="T54" fmla="*/ 1691 w 2489"/>
                <a:gd name="T55" fmla="*/ 2053 h 4153"/>
                <a:gd name="T56" fmla="*/ 1808 w 2489"/>
                <a:gd name="T57" fmla="*/ 2170 h 4153"/>
                <a:gd name="T58" fmla="*/ 1925 w 2489"/>
                <a:gd name="T59" fmla="*/ 2053 h 4153"/>
                <a:gd name="T60" fmla="*/ 1925 w 2489"/>
                <a:gd name="T61" fmla="*/ 1709 h 4153"/>
                <a:gd name="T62" fmla="*/ 2090 w 2489"/>
                <a:gd name="T63" fmla="*/ 1544 h 4153"/>
                <a:gd name="T64" fmla="*/ 2254 w 2489"/>
                <a:gd name="T65" fmla="*/ 1709 h 4153"/>
                <a:gd name="T66" fmla="*/ 2254 w 2489"/>
                <a:gd name="T67" fmla="*/ 2698 h 4153"/>
                <a:gd name="T68" fmla="*/ 2136 w 2489"/>
                <a:gd name="T69" fmla="*/ 3474 h 4153"/>
                <a:gd name="T70" fmla="*/ 1970 w 2489"/>
                <a:gd name="T71" fmla="*/ 4001 h 4153"/>
                <a:gd name="T72" fmla="*/ 2047 w 2489"/>
                <a:gd name="T73" fmla="*/ 4148 h 4153"/>
                <a:gd name="T74" fmla="*/ 2082 w 2489"/>
                <a:gd name="T75" fmla="*/ 4153 h 4153"/>
                <a:gd name="T76" fmla="*/ 2194 w 2489"/>
                <a:gd name="T77" fmla="*/ 4071 h 4153"/>
                <a:gd name="T78" fmla="*/ 2359 w 2489"/>
                <a:gd name="T79" fmla="*/ 3544 h 4153"/>
                <a:gd name="T80" fmla="*/ 2489 w 2489"/>
                <a:gd name="T81" fmla="*/ 2698 h 4153"/>
                <a:gd name="T82" fmla="*/ 2489 w 2489"/>
                <a:gd name="T83" fmla="*/ 1709 h 4153"/>
                <a:gd name="T84" fmla="*/ 2090 w 2489"/>
                <a:gd name="T85" fmla="*/ 1310 h 4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489" h="4153">
                  <a:moveTo>
                    <a:pt x="2090" y="1310"/>
                  </a:moveTo>
                  <a:cubicBezTo>
                    <a:pt x="2021" y="1310"/>
                    <a:pt x="1956" y="1328"/>
                    <a:pt x="1899" y="1359"/>
                  </a:cubicBezTo>
                  <a:cubicBezTo>
                    <a:pt x="1841" y="1209"/>
                    <a:pt x="1696" y="1102"/>
                    <a:pt x="1526" y="1102"/>
                  </a:cubicBezTo>
                  <a:cubicBezTo>
                    <a:pt x="1453" y="1102"/>
                    <a:pt x="1384" y="1122"/>
                    <a:pt x="1325" y="1157"/>
                  </a:cubicBezTo>
                  <a:cubicBezTo>
                    <a:pt x="1262" y="1019"/>
                    <a:pt x="1124" y="924"/>
                    <a:pt x="963" y="924"/>
                  </a:cubicBezTo>
                  <a:cubicBezTo>
                    <a:pt x="904" y="924"/>
                    <a:pt x="848" y="937"/>
                    <a:pt x="798" y="959"/>
                  </a:cubicBezTo>
                  <a:cubicBezTo>
                    <a:pt x="798" y="399"/>
                    <a:pt x="798" y="399"/>
                    <a:pt x="798" y="399"/>
                  </a:cubicBezTo>
                  <a:cubicBezTo>
                    <a:pt x="798" y="179"/>
                    <a:pt x="619" y="0"/>
                    <a:pt x="399" y="0"/>
                  </a:cubicBezTo>
                  <a:cubicBezTo>
                    <a:pt x="179" y="0"/>
                    <a:pt x="0" y="179"/>
                    <a:pt x="0" y="399"/>
                  </a:cubicBezTo>
                  <a:cubicBezTo>
                    <a:pt x="0" y="602"/>
                    <a:pt x="0" y="602"/>
                    <a:pt x="0" y="602"/>
                  </a:cubicBezTo>
                  <a:cubicBezTo>
                    <a:pt x="0" y="667"/>
                    <a:pt x="53" y="719"/>
                    <a:pt x="117" y="719"/>
                  </a:cubicBezTo>
                  <a:cubicBezTo>
                    <a:pt x="182" y="719"/>
                    <a:pt x="235" y="667"/>
                    <a:pt x="235" y="602"/>
                  </a:cubicBezTo>
                  <a:cubicBezTo>
                    <a:pt x="235" y="399"/>
                    <a:pt x="235" y="399"/>
                    <a:pt x="235" y="399"/>
                  </a:cubicBezTo>
                  <a:cubicBezTo>
                    <a:pt x="235" y="308"/>
                    <a:pt x="308" y="234"/>
                    <a:pt x="399" y="234"/>
                  </a:cubicBezTo>
                  <a:cubicBezTo>
                    <a:pt x="490" y="234"/>
                    <a:pt x="564" y="308"/>
                    <a:pt x="564" y="399"/>
                  </a:cubicBezTo>
                  <a:cubicBezTo>
                    <a:pt x="564" y="2053"/>
                    <a:pt x="564" y="2053"/>
                    <a:pt x="564" y="2053"/>
                  </a:cubicBezTo>
                  <a:cubicBezTo>
                    <a:pt x="564" y="2117"/>
                    <a:pt x="616" y="2170"/>
                    <a:pt x="681" y="2170"/>
                  </a:cubicBezTo>
                  <a:cubicBezTo>
                    <a:pt x="746" y="2170"/>
                    <a:pt x="798" y="2117"/>
                    <a:pt x="798" y="2053"/>
                  </a:cubicBezTo>
                  <a:cubicBezTo>
                    <a:pt x="798" y="1323"/>
                    <a:pt x="798" y="1323"/>
                    <a:pt x="798" y="1323"/>
                  </a:cubicBezTo>
                  <a:cubicBezTo>
                    <a:pt x="798" y="1232"/>
                    <a:pt x="872" y="1158"/>
                    <a:pt x="963" y="1158"/>
                  </a:cubicBezTo>
                  <a:cubicBezTo>
                    <a:pt x="1054" y="1158"/>
                    <a:pt x="1127" y="1232"/>
                    <a:pt x="1127" y="1323"/>
                  </a:cubicBezTo>
                  <a:cubicBezTo>
                    <a:pt x="1127" y="2053"/>
                    <a:pt x="1127" y="2053"/>
                    <a:pt x="1127" y="2053"/>
                  </a:cubicBezTo>
                  <a:cubicBezTo>
                    <a:pt x="1127" y="2117"/>
                    <a:pt x="1180" y="2170"/>
                    <a:pt x="1245" y="2170"/>
                  </a:cubicBezTo>
                  <a:cubicBezTo>
                    <a:pt x="1309" y="2170"/>
                    <a:pt x="1362" y="2117"/>
                    <a:pt x="1362" y="2053"/>
                  </a:cubicBezTo>
                  <a:cubicBezTo>
                    <a:pt x="1362" y="1501"/>
                    <a:pt x="1362" y="1501"/>
                    <a:pt x="1362" y="1501"/>
                  </a:cubicBezTo>
                  <a:cubicBezTo>
                    <a:pt x="1362" y="1410"/>
                    <a:pt x="1436" y="1337"/>
                    <a:pt x="1526" y="1337"/>
                  </a:cubicBezTo>
                  <a:cubicBezTo>
                    <a:pt x="1617" y="1337"/>
                    <a:pt x="1691" y="1410"/>
                    <a:pt x="1691" y="1501"/>
                  </a:cubicBezTo>
                  <a:cubicBezTo>
                    <a:pt x="1691" y="2053"/>
                    <a:pt x="1691" y="2053"/>
                    <a:pt x="1691" y="2053"/>
                  </a:cubicBezTo>
                  <a:cubicBezTo>
                    <a:pt x="1691" y="2117"/>
                    <a:pt x="1743" y="2170"/>
                    <a:pt x="1808" y="2170"/>
                  </a:cubicBezTo>
                  <a:cubicBezTo>
                    <a:pt x="1873" y="2170"/>
                    <a:pt x="1925" y="2117"/>
                    <a:pt x="1925" y="2053"/>
                  </a:cubicBezTo>
                  <a:cubicBezTo>
                    <a:pt x="1925" y="1709"/>
                    <a:pt x="1925" y="1709"/>
                    <a:pt x="1925" y="1709"/>
                  </a:cubicBezTo>
                  <a:cubicBezTo>
                    <a:pt x="1925" y="1618"/>
                    <a:pt x="1999" y="1544"/>
                    <a:pt x="2090" y="1544"/>
                  </a:cubicBezTo>
                  <a:cubicBezTo>
                    <a:pt x="2181" y="1544"/>
                    <a:pt x="2254" y="1618"/>
                    <a:pt x="2254" y="1709"/>
                  </a:cubicBezTo>
                  <a:cubicBezTo>
                    <a:pt x="2254" y="2698"/>
                    <a:pt x="2254" y="2698"/>
                    <a:pt x="2254" y="2698"/>
                  </a:cubicBezTo>
                  <a:cubicBezTo>
                    <a:pt x="2254" y="2961"/>
                    <a:pt x="2214" y="3222"/>
                    <a:pt x="2136" y="3474"/>
                  </a:cubicBezTo>
                  <a:cubicBezTo>
                    <a:pt x="1970" y="4001"/>
                    <a:pt x="1970" y="4001"/>
                    <a:pt x="1970" y="4001"/>
                  </a:cubicBezTo>
                  <a:cubicBezTo>
                    <a:pt x="1951" y="4062"/>
                    <a:pt x="1985" y="4128"/>
                    <a:pt x="2047" y="4148"/>
                  </a:cubicBezTo>
                  <a:cubicBezTo>
                    <a:pt x="2059" y="4151"/>
                    <a:pt x="2071" y="4153"/>
                    <a:pt x="2082" y="4153"/>
                  </a:cubicBezTo>
                  <a:cubicBezTo>
                    <a:pt x="2132" y="4153"/>
                    <a:pt x="2178" y="4121"/>
                    <a:pt x="2194" y="4071"/>
                  </a:cubicBezTo>
                  <a:cubicBezTo>
                    <a:pt x="2359" y="3544"/>
                    <a:pt x="2359" y="3544"/>
                    <a:pt x="2359" y="3544"/>
                  </a:cubicBezTo>
                  <a:cubicBezTo>
                    <a:pt x="2445" y="3270"/>
                    <a:pt x="2489" y="2985"/>
                    <a:pt x="2489" y="2698"/>
                  </a:cubicBezTo>
                  <a:cubicBezTo>
                    <a:pt x="2489" y="1709"/>
                    <a:pt x="2489" y="1709"/>
                    <a:pt x="2489" y="1709"/>
                  </a:cubicBezTo>
                  <a:cubicBezTo>
                    <a:pt x="2489" y="1489"/>
                    <a:pt x="2310" y="1310"/>
                    <a:pt x="2090" y="13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7">
              <a:extLst>
                <a:ext uri="{FF2B5EF4-FFF2-40B4-BE49-F238E27FC236}">
                  <a16:creationId xmlns:a16="http://schemas.microsoft.com/office/drawing/2014/main" id="{D9589D20-8043-460F-F428-035FD6E13608}"/>
                </a:ext>
              </a:extLst>
            </p:cNvPr>
            <p:cNvSpPr>
              <a:spLocks noEditPoints="1"/>
            </p:cNvSpPr>
            <p:nvPr/>
          </p:nvSpPr>
          <p:spPr bwMode="auto">
            <a:xfrm>
              <a:off x="298450" y="2109788"/>
              <a:ext cx="249238" cy="239713"/>
            </a:xfrm>
            <a:custGeom>
              <a:avLst/>
              <a:gdLst>
                <a:gd name="T0" fmla="*/ 1734 w 1758"/>
                <a:gd name="T1" fmla="*/ 621 h 1678"/>
                <a:gd name="T2" fmla="*/ 1575 w 1758"/>
                <a:gd name="T3" fmla="*/ 487 h 1678"/>
                <a:gd name="T4" fmla="*/ 1216 w 1758"/>
                <a:gd name="T5" fmla="*/ 435 h 1678"/>
                <a:gd name="T6" fmla="*/ 1055 w 1758"/>
                <a:gd name="T7" fmla="*/ 110 h 1678"/>
                <a:gd name="T8" fmla="*/ 878 w 1758"/>
                <a:gd name="T9" fmla="*/ 0 h 1678"/>
                <a:gd name="T10" fmla="*/ 878 w 1758"/>
                <a:gd name="T11" fmla="*/ 0 h 1678"/>
                <a:gd name="T12" fmla="*/ 702 w 1758"/>
                <a:gd name="T13" fmla="*/ 110 h 1678"/>
                <a:gd name="T14" fmla="*/ 541 w 1758"/>
                <a:gd name="T15" fmla="*/ 435 h 1678"/>
                <a:gd name="T16" fmla="*/ 182 w 1758"/>
                <a:gd name="T17" fmla="*/ 488 h 1678"/>
                <a:gd name="T18" fmla="*/ 23 w 1758"/>
                <a:gd name="T19" fmla="*/ 622 h 1678"/>
                <a:gd name="T20" fmla="*/ 73 w 1758"/>
                <a:gd name="T21" fmla="*/ 824 h 1678"/>
                <a:gd name="T22" fmla="*/ 333 w 1758"/>
                <a:gd name="T23" fmla="*/ 1077 h 1678"/>
                <a:gd name="T24" fmla="*/ 272 w 1758"/>
                <a:gd name="T25" fmla="*/ 1435 h 1678"/>
                <a:gd name="T26" fmla="*/ 350 w 1758"/>
                <a:gd name="T27" fmla="*/ 1628 h 1678"/>
                <a:gd name="T28" fmla="*/ 466 w 1758"/>
                <a:gd name="T29" fmla="*/ 1666 h 1678"/>
                <a:gd name="T30" fmla="*/ 558 w 1758"/>
                <a:gd name="T31" fmla="*/ 1643 h 1678"/>
                <a:gd name="T32" fmla="*/ 879 w 1758"/>
                <a:gd name="T33" fmla="*/ 1474 h 1678"/>
                <a:gd name="T34" fmla="*/ 1200 w 1758"/>
                <a:gd name="T35" fmla="*/ 1642 h 1678"/>
                <a:gd name="T36" fmla="*/ 1408 w 1758"/>
                <a:gd name="T37" fmla="*/ 1627 h 1678"/>
                <a:gd name="T38" fmla="*/ 1486 w 1758"/>
                <a:gd name="T39" fmla="*/ 1434 h 1678"/>
                <a:gd name="T40" fmla="*/ 1425 w 1758"/>
                <a:gd name="T41" fmla="*/ 1077 h 1678"/>
                <a:gd name="T42" fmla="*/ 1684 w 1758"/>
                <a:gd name="T43" fmla="*/ 824 h 1678"/>
                <a:gd name="T44" fmla="*/ 1734 w 1758"/>
                <a:gd name="T45" fmla="*/ 621 h 1678"/>
                <a:gd name="T46" fmla="*/ 1247 w 1758"/>
                <a:gd name="T47" fmla="*/ 923 h 1678"/>
                <a:gd name="T48" fmla="*/ 1190 w 1758"/>
                <a:gd name="T49" fmla="*/ 1097 h 1678"/>
                <a:gd name="T50" fmla="*/ 1242 w 1758"/>
                <a:gd name="T51" fmla="*/ 1400 h 1678"/>
                <a:gd name="T52" fmla="*/ 971 w 1758"/>
                <a:gd name="T53" fmla="*/ 1257 h 1678"/>
                <a:gd name="T54" fmla="*/ 787 w 1758"/>
                <a:gd name="T55" fmla="*/ 1257 h 1678"/>
                <a:gd name="T56" fmla="*/ 515 w 1758"/>
                <a:gd name="T57" fmla="*/ 1400 h 1678"/>
                <a:gd name="T58" fmla="*/ 567 w 1758"/>
                <a:gd name="T59" fmla="*/ 1098 h 1678"/>
                <a:gd name="T60" fmla="*/ 510 w 1758"/>
                <a:gd name="T61" fmla="*/ 923 h 1678"/>
                <a:gd name="T62" fmla="*/ 290 w 1758"/>
                <a:gd name="T63" fmla="*/ 709 h 1678"/>
                <a:gd name="T64" fmla="*/ 594 w 1758"/>
                <a:gd name="T65" fmla="*/ 664 h 1678"/>
                <a:gd name="T66" fmla="*/ 743 w 1758"/>
                <a:gd name="T67" fmla="*/ 556 h 1678"/>
                <a:gd name="T68" fmla="*/ 878 w 1758"/>
                <a:gd name="T69" fmla="*/ 281 h 1678"/>
                <a:gd name="T70" fmla="*/ 1014 w 1758"/>
                <a:gd name="T71" fmla="*/ 556 h 1678"/>
                <a:gd name="T72" fmla="*/ 1163 w 1758"/>
                <a:gd name="T73" fmla="*/ 664 h 1678"/>
                <a:gd name="T74" fmla="*/ 1467 w 1758"/>
                <a:gd name="T75" fmla="*/ 708 h 1678"/>
                <a:gd name="T76" fmla="*/ 1247 w 1758"/>
                <a:gd name="T77" fmla="*/ 923 h 16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758" h="1678">
                  <a:moveTo>
                    <a:pt x="1734" y="621"/>
                  </a:moveTo>
                  <a:cubicBezTo>
                    <a:pt x="1711" y="549"/>
                    <a:pt x="1650" y="498"/>
                    <a:pt x="1575" y="487"/>
                  </a:cubicBezTo>
                  <a:cubicBezTo>
                    <a:pt x="1216" y="435"/>
                    <a:pt x="1216" y="435"/>
                    <a:pt x="1216" y="435"/>
                  </a:cubicBezTo>
                  <a:cubicBezTo>
                    <a:pt x="1055" y="110"/>
                    <a:pt x="1055" y="110"/>
                    <a:pt x="1055" y="110"/>
                  </a:cubicBezTo>
                  <a:cubicBezTo>
                    <a:pt x="1022" y="42"/>
                    <a:pt x="954" y="0"/>
                    <a:pt x="878" y="0"/>
                  </a:cubicBezTo>
                  <a:cubicBezTo>
                    <a:pt x="878" y="0"/>
                    <a:pt x="878" y="0"/>
                    <a:pt x="878" y="0"/>
                  </a:cubicBezTo>
                  <a:cubicBezTo>
                    <a:pt x="803" y="0"/>
                    <a:pt x="735" y="42"/>
                    <a:pt x="702" y="110"/>
                  </a:cubicBezTo>
                  <a:cubicBezTo>
                    <a:pt x="541" y="435"/>
                    <a:pt x="541" y="435"/>
                    <a:pt x="541" y="435"/>
                  </a:cubicBezTo>
                  <a:cubicBezTo>
                    <a:pt x="182" y="488"/>
                    <a:pt x="182" y="488"/>
                    <a:pt x="182" y="488"/>
                  </a:cubicBezTo>
                  <a:cubicBezTo>
                    <a:pt x="107" y="498"/>
                    <a:pt x="46" y="550"/>
                    <a:pt x="23" y="622"/>
                  </a:cubicBezTo>
                  <a:cubicBezTo>
                    <a:pt x="0" y="694"/>
                    <a:pt x="19" y="771"/>
                    <a:pt x="73" y="824"/>
                  </a:cubicBezTo>
                  <a:cubicBezTo>
                    <a:pt x="333" y="1077"/>
                    <a:pt x="333" y="1077"/>
                    <a:pt x="333" y="1077"/>
                  </a:cubicBezTo>
                  <a:cubicBezTo>
                    <a:pt x="272" y="1435"/>
                    <a:pt x="272" y="1435"/>
                    <a:pt x="272" y="1435"/>
                  </a:cubicBezTo>
                  <a:cubicBezTo>
                    <a:pt x="259" y="1509"/>
                    <a:pt x="289" y="1583"/>
                    <a:pt x="350" y="1628"/>
                  </a:cubicBezTo>
                  <a:cubicBezTo>
                    <a:pt x="385" y="1653"/>
                    <a:pt x="425" y="1666"/>
                    <a:pt x="466" y="1666"/>
                  </a:cubicBezTo>
                  <a:cubicBezTo>
                    <a:pt x="497" y="1666"/>
                    <a:pt x="529" y="1658"/>
                    <a:pt x="558" y="1643"/>
                  </a:cubicBezTo>
                  <a:cubicBezTo>
                    <a:pt x="879" y="1474"/>
                    <a:pt x="879" y="1474"/>
                    <a:pt x="879" y="1474"/>
                  </a:cubicBezTo>
                  <a:cubicBezTo>
                    <a:pt x="1200" y="1642"/>
                    <a:pt x="1200" y="1642"/>
                    <a:pt x="1200" y="1642"/>
                  </a:cubicBezTo>
                  <a:cubicBezTo>
                    <a:pt x="1267" y="1678"/>
                    <a:pt x="1346" y="1672"/>
                    <a:pt x="1408" y="1627"/>
                  </a:cubicBezTo>
                  <a:cubicBezTo>
                    <a:pt x="1469" y="1583"/>
                    <a:pt x="1499" y="1509"/>
                    <a:pt x="1486" y="1434"/>
                  </a:cubicBezTo>
                  <a:cubicBezTo>
                    <a:pt x="1425" y="1077"/>
                    <a:pt x="1425" y="1077"/>
                    <a:pt x="1425" y="1077"/>
                  </a:cubicBezTo>
                  <a:cubicBezTo>
                    <a:pt x="1684" y="824"/>
                    <a:pt x="1684" y="824"/>
                    <a:pt x="1684" y="824"/>
                  </a:cubicBezTo>
                  <a:cubicBezTo>
                    <a:pt x="1738" y="771"/>
                    <a:pt x="1758" y="693"/>
                    <a:pt x="1734" y="621"/>
                  </a:cubicBezTo>
                  <a:close/>
                  <a:moveTo>
                    <a:pt x="1247" y="923"/>
                  </a:moveTo>
                  <a:cubicBezTo>
                    <a:pt x="1201" y="968"/>
                    <a:pt x="1179" y="1033"/>
                    <a:pt x="1190" y="1097"/>
                  </a:cubicBezTo>
                  <a:cubicBezTo>
                    <a:pt x="1242" y="1400"/>
                    <a:pt x="1242" y="1400"/>
                    <a:pt x="1242" y="1400"/>
                  </a:cubicBezTo>
                  <a:cubicBezTo>
                    <a:pt x="971" y="1257"/>
                    <a:pt x="971" y="1257"/>
                    <a:pt x="971" y="1257"/>
                  </a:cubicBezTo>
                  <a:cubicBezTo>
                    <a:pt x="913" y="1227"/>
                    <a:pt x="844" y="1227"/>
                    <a:pt x="787" y="1257"/>
                  </a:cubicBezTo>
                  <a:cubicBezTo>
                    <a:pt x="515" y="1400"/>
                    <a:pt x="515" y="1400"/>
                    <a:pt x="515" y="1400"/>
                  </a:cubicBezTo>
                  <a:cubicBezTo>
                    <a:pt x="567" y="1098"/>
                    <a:pt x="567" y="1098"/>
                    <a:pt x="567" y="1098"/>
                  </a:cubicBezTo>
                  <a:cubicBezTo>
                    <a:pt x="578" y="1034"/>
                    <a:pt x="557" y="968"/>
                    <a:pt x="510" y="923"/>
                  </a:cubicBezTo>
                  <a:cubicBezTo>
                    <a:pt x="290" y="709"/>
                    <a:pt x="290" y="709"/>
                    <a:pt x="290" y="709"/>
                  </a:cubicBezTo>
                  <a:cubicBezTo>
                    <a:pt x="594" y="664"/>
                    <a:pt x="594" y="664"/>
                    <a:pt x="594" y="664"/>
                  </a:cubicBezTo>
                  <a:cubicBezTo>
                    <a:pt x="658" y="655"/>
                    <a:pt x="714" y="615"/>
                    <a:pt x="743" y="556"/>
                  </a:cubicBezTo>
                  <a:cubicBezTo>
                    <a:pt x="878" y="281"/>
                    <a:pt x="878" y="281"/>
                    <a:pt x="878" y="281"/>
                  </a:cubicBezTo>
                  <a:cubicBezTo>
                    <a:pt x="1014" y="556"/>
                    <a:pt x="1014" y="556"/>
                    <a:pt x="1014" y="556"/>
                  </a:cubicBezTo>
                  <a:cubicBezTo>
                    <a:pt x="1043" y="615"/>
                    <a:pt x="1099" y="655"/>
                    <a:pt x="1163" y="664"/>
                  </a:cubicBezTo>
                  <a:cubicBezTo>
                    <a:pt x="1467" y="708"/>
                    <a:pt x="1467" y="708"/>
                    <a:pt x="1467" y="708"/>
                  </a:cubicBezTo>
                  <a:lnTo>
                    <a:pt x="1247" y="9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8">
              <a:extLst>
                <a:ext uri="{FF2B5EF4-FFF2-40B4-BE49-F238E27FC236}">
                  <a16:creationId xmlns:a16="http://schemas.microsoft.com/office/drawing/2014/main" id="{44C043BD-3A56-2A1C-B690-130E79AF6312}"/>
                </a:ext>
              </a:extLst>
            </p:cNvPr>
            <p:cNvSpPr>
              <a:spLocks noEditPoints="1"/>
            </p:cNvSpPr>
            <p:nvPr/>
          </p:nvSpPr>
          <p:spPr bwMode="auto">
            <a:xfrm>
              <a:off x="-3175" y="2109788"/>
              <a:ext cx="249238" cy="239713"/>
            </a:xfrm>
            <a:custGeom>
              <a:avLst/>
              <a:gdLst>
                <a:gd name="T0" fmla="*/ 1735 w 1758"/>
                <a:gd name="T1" fmla="*/ 621 h 1678"/>
                <a:gd name="T2" fmla="*/ 1575 w 1758"/>
                <a:gd name="T3" fmla="*/ 487 h 1678"/>
                <a:gd name="T4" fmla="*/ 1216 w 1758"/>
                <a:gd name="T5" fmla="*/ 435 h 1678"/>
                <a:gd name="T6" fmla="*/ 1056 w 1758"/>
                <a:gd name="T7" fmla="*/ 110 h 1678"/>
                <a:gd name="T8" fmla="*/ 879 w 1758"/>
                <a:gd name="T9" fmla="*/ 0 h 1678"/>
                <a:gd name="T10" fmla="*/ 879 w 1758"/>
                <a:gd name="T11" fmla="*/ 0 h 1678"/>
                <a:gd name="T12" fmla="*/ 702 w 1758"/>
                <a:gd name="T13" fmla="*/ 110 h 1678"/>
                <a:gd name="T14" fmla="*/ 541 w 1758"/>
                <a:gd name="T15" fmla="*/ 435 h 1678"/>
                <a:gd name="T16" fmla="*/ 183 w 1758"/>
                <a:gd name="T17" fmla="*/ 488 h 1678"/>
                <a:gd name="T18" fmla="*/ 23 w 1758"/>
                <a:gd name="T19" fmla="*/ 622 h 1678"/>
                <a:gd name="T20" fmla="*/ 73 w 1758"/>
                <a:gd name="T21" fmla="*/ 824 h 1678"/>
                <a:gd name="T22" fmla="*/ 333 w 1758"/>
                <a:gd name="T23" fmla="*/ 1077 h 1678"/>
                <a:gd name="T24" fmla="*/ 272 w 1758"/>
                <a:gd name="T25" fmla="*/ 1435 h 1678"/>
                <a:gd name="T26" fmla="*/ 350 w 1758"/>
                <a:gd name="T27" fmla="*/ 1628 h 1678"/>
                <a:gd name="T28" fmla="*/ 466 w 1758"/>
                <a:gd name="T29" fmla="*/ 1665 h 1678"/>
                <a:gd name="T30" fmla="*/ 558 w 1758"/>
                <a:gd name="T31" fmla="*/ 1643 h 1678"/>
                <a:gd name="T32" fmla="*/ 879 w 1758"/>
                <a:gd name="T33" fmla="*/ 1474 h 1678"/>
                <a:gd name="T34" fmla="*/ 1200 w 1758"/>
                <a:gd name="T35" fmla="*/ 1642 h 1678"/>
                <a:gd name="T36" fmla="*/ 1408 w 1758"/>
                <a:gd name="T37" fmla="*/ 1627 h 1678"/>
                <a:gd name="T38" fmla="*/ 1486 w 1758"/>
                <a:gd name="T39" fmla="*/ 1434 h 1678"/>
                <a:gd name="T40" fmla="*/ 1425 w 1758"/>
                <a:gd name="T41" fmla="*/ 1077 h 1678"/>
                <a:gd name="T42" fmla="*/ 1685 w 1758"/>
                <a:gd name="T43" fmla="*/ 824 h 1678"/>
                <a:gd name="T44" fmla="*/ 1735 w 1758"/>
                <a:gd name="T45" fmla="*/ 621 h 1678"/>
                <a:gd name="T46" fmla="*/ 1247 w 1758"/>
                <a:gd name="T47" fmla="*/ 923 h 1678"/>
                <a:gd name="T48" fmla="*/ 1191 w 1758"/>
                <a:gd name="T49" fmla="*/ 1097 h 1678"/>
                <a:gd name="T50" fmla="*/ 1243 w 1758"/>
                <a:gd name="T51" fmla="*/ 1400 h 1678"/>
                <a:gd name="T52" fmla="*/ 971 w 1758"/>
                <a:gd name="T53" fmla="*/ 1257 h 1678"/>
                <a:gd name="T54" fmla="*/ 787 w 1758"/>
                <a:gd name="T55" fmla="*/ 1257 h 1678"/>
                <a:gd name="T56" fmla="*/ 516 w 1758"/>
                <a:gd name="T57" fmla="*/ 1400 h 1678"/>
                <a:gd name="T58" fmla="*/ 567 w 1758"/>
                <a:gd name="T59" fmla="*/ 1098 h 1678"/>
                <a:gd name="T60" fmla="*/ 511 w 1758"/>
                <a:gd name="T61" fmla="*/ 923 h 1678"/>
                <a:gd name="T62" fmla="*/ 291 w 1758"/>
                <a:gd name="T63" fmla="*/ 709 h 1678"/>
                <a:gd name="T64" fmla="*/ 595 w 1758"/>
                <a:gd name="T65" fmla="*/ 664 h 1678"/>
                <a:gd name="T66" fmla="*/ 743 w 1758"/>
                <a:gd name="T67" fmla="*/ 556 h 1678"/>
                <a:gd name="T68" fmla="*/ 879 w 1758"/>
                <a:gd name="T69" fmla="*/ 281 h 1678"/>
                <a:gd name="T70" fmla="*/ 1015 w 1758"/>
                <a:gd name="T71" fmla="*/ 556 h 1678"/>
                <a:gd name="T72" fmla="*/ 1163 w 1758"/>
                <a:gd name="T73" fmla="*/ 664 h 1678"/>
                <a:gd name="T74" fmla="*/ 1467 w 1758"/>
                <a:gd name="T75" fmla="*/ 708 h 1678"/>
                <a:gd name="T76" fmla="*/ 1247 w 1758"/>
                <a:gd name="T77" fmla="*/ 923 h 16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758" h="1678">
                  <a:moveTo>
                    <a:pt x="1735" y="621"/>
                  </a:moveTo>
                  <a:cubicBezTo>
                    <a:pt x="1711" y="549"/>
                    <a:pt x="1650" y="498"/>
                    <a:pt x="1575" y="487"/>
                  </a:cubicBezTo>
                  <a:cubicBezTo>
                    <a:pt x="1216" y="435"/>
                    <a:pt x="1216" y="435"/>
                    <a:pt x="1216" y="435"/>
                  </a:cubicBezTo>
                  <a:cubicBezTo>
                    <a:pt x="1056" y="110"/>
                    <a:pt x="1056" y="110"/>
                    <a:pt x="1056" y="110"/>
                  </a:cubicBezTo>
                  <a:cubicBezTo>
                    <a:pt x="1022" y="42"/>
                    <a:pt x="955" y="0"/>
                    <a:pt x="879" y="0"/>
                  </a:cubicBezTo>
                  <a:cubicBezTo>
                    <a:pt x="879" y="0"/>
                    <a:pt x="879" y="0"/>
                    <a:pt x="879" y="0"/>
                  </a:cubicBezTo>
                  <a:cubicBezTo>
                    <a:pt x="803" y="0"/>
                    <a:pt x="735" y="42"/>
                    <a:pt x="702" y="110"/>
                  </a:cubicBezTo>
                  <a:cubicBezTo>
                    <a:pt x="541" y="435"/>
                    <a:pt x="541" y="435"/>
                    <a:pt x="541" y="435"/>
                  </a:cubicBezTo>
                  <a:cubicBezTo>
                    <a:pt x="183" y="488"/>
                    <a:pt x="183" y="488"/>
                    <a:pt x="183" y="488"/>
                  </a:cubicBezTo>
                  <a:cubicBezTo>
                    <a:pt x="108" y="498"/>
                    <a:pt x="47" y="550"/>
                    <a:pt x="23" y="622"/>
                  </a:cubicBezTo>
                  <a:cubicBezTo>
                    <a:pt x="0" y="694"/>
                    <a:pt x="19" y="771"/>
                    <a:pt x="73" y="824"/>
                  </a:cubicBezTo>
                  <a:cubicBezTo>
                    <a:pt x="333" y="1077"/>
                    <a:pt x="333" y="1077"/>
                    <a:pt x="333" y="1077"/>
                  </a:cubicBezTo>
                  <a:cubicBezTo>
                    <a:pt x="272" y="1435"/>
                    <a:pt x="272" y="1435"/>
                    <a:pt x="272" y="1435"/>
                  </a:cubicBezTo>
                  <a:cubicBezTo>
                    <a:pt x="259" y="1509"/>
                    <a:pt x="289" y="1583"/>
                    <a:pt x="350" y="1628"/>
                  </a:cubicBezTo>
                  <a:cubicBezTo>
                    <a:pt x="385" y="1653"/>
                    <a:pt x="425" y="1665"/>
                    <a:pt x="466" y="1665"/>
                  </a:cubicBezTo>
                  <a:cubicBezTo>
                    <a:pt x="498" y="1665"/>
                    <a:pt x="529" y="1658"/>
                    <a:pt x="558" y="1643"/>
                  </a:cubicBezTo>
                  <a:cubicBezTo>
                    <a:pt x="879" y="1474"/>
                    <a:pt x="879" y="1474"/>
                    <a:pt x="879" y="1474"/>
                  </a:cubicBezTo>
                  <a:cubicBezTo>
                    <a:pt x="1200" y="1642"/>
                    <a:pt x="1200" y="1642"/>
                    <a:pt x="1200" y="1642"/>
                  </a:cubicBezTo>
                  <a:cubicBezTo>
                    <a:pt x="1267" y="1678"/>
                    <a:pt x="1347" y="1672"/>
                    <a:pt x="1408" y="1627"/>
                  </a:cubicBezTo>
                  <a:cubicBezTo>
                    <a:pt x="1469" y="1583"/>
                    <a:pt x="1499" y="1509"/>
                    <a:pt x="1486" y="1434"/>
                  </a:cubicBezTo>
                  <a:cubicBezTo>
                    <a:pt x="1425" y="1077"/>
                    <a:pt x="1425" y="1077"/>
                    <a:pt x="1425" y="1077"/>
                  </a:cubicBezTo>
                  <a:cubicBezTo>
                    <a:pt x="1685" y="824"/>
                    <a:pt x="1685" y="824"/>
                    <a:pt x="1685" y="824"/>
                  </a:cubicBezTo>
                  <a:cubicBezTo>
                    <a:pt x="1739" y="771"/>
                    <a:pt x="1758" y="693"/>
                    <a:pt x="1735" y="621"/>
                  </a:cubicBezTo>
                  <a:close/>
                  <a:moveTo>
                    <a:pt x="1247" y="923"/>
                  </a:moveTo>
                  <a:cubicBezTo>
                    <a:pt x="1201" y="968"/>
                    <a:pt x="1180" y="1033"/>
                    <a:pt x="1191" y="1097"/>
                  </a:cubicBezTo>
                  <a:cubicBezTo>
                    <a:pt x="1243" y="1400"/>
                    <a:pt x="1243" y="1400"/>
                    <a:pt x="1243" y="1400"/>
                  </a:cubicBezTo>
                  <a:cubicBezTo>
                    <a:pt x="971" y="1257"/>
                    <a:pt x="971" y="1257"/>
                    <a:pt x="971" y="1257"/>
                  </a:cubicBezTo>
                  <a:cubicBezTo>
                    <a:pt x="913" y="1227"/>
                    <a:pt x="845" y="1227"/>
                    <a:pt x="787" y="1257"/>
                  </a:cubicBezTo>
                  <a:cubicBezTo>
                    <a:pt x="516" y="1400"/>
                    <a:pt x="516" y="1400"/>
                    <a:pt x="516" y="1400"/>
                  </a:cubicBezTo>
                  <a:cubicBezTo>
                    <a:pt x="567" y="1098"/>
                    <a:pt x="567" y="1098"/>
                    <a:pt x="567" y="1098"/>
                  </a:cubicBezTo>
                  <a:cubicBezTo>
                    <a:pt x="578" y="1034"/>
                    <a:pt x="557" y="968"/>
                    <a:pt x="511" y="923"/>
                  </a:cubicBezTo>
                  <a:cubicBezTo>
                    <a:pt x="291" y="709"/>
                    <a:pt x="291" y="709"/>
                    <a:pt x="291" y="709"/>
                  </a:cubicBezTo>
                  <a:cubicBezTo>
                    <a:pt x="595" y="664"/>
                    <a:pt x="595" y="664"/>
                    <a:pt x="595" y="664"/>
                  </a:cubicBezTo>
                  <a:cubicBezTo>
                    <a:pt x="659" y="655"/>
                    <a:pt x="714" y="615"/>
                    <a:pt x="743" y="556"/>
                  </a:cubicBezTo>
                  <a:cubicBezTo>
                    <a:pt x="879" y="281"/>
                    <a:pt x="879" y="281"/>
                    <a:pt x="879" y="281"/>
                  </a:cubicBezTo>
                  <a:cubicBezTo>
                    <a:pt x="1015" y="556"/>
                    <a:pt x="1015" y="556"/>
                    <a:pt x="1015" y="556"/>
                  </a:cubicBezTo>
                  <a:cubicBezTo>
                    <a:pt x="1044" y="615"/>
                    <a:pt x="1099" y="655"/>
                    <a:pt x="1163" y="664"/>
                  </a:cubicBezTo>
                  <a:cubicBezTo>
                    <a:pt x="1467" y="708"/>
                    <a:pt x="1467" y="708"/>
                    <a:pt x="1467" y="708"/>
                  </a:cubicBezTo>
                  <a:lnTo>
                    <a:pt x="1247" y="9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9">
              <a:extLst>
                <a:ext uri="{FF2B5EF4-FFF2-40B4-BE49-F238E27FC236}">
                  <a16:creationId xmlns:a16="http://schemas.microsoft.com/office/drawing/2014/main" id="{376404F5-DBB4-90FC-8935-977BB9B4979A}"/>
                </a:ext>
              </a:extLst>
            </p:cNvPr>
            <p:cNvSpPr>
              <a:spLocks noEditPoints="1"/>
            </p:cNvSpPr>
            <p:nvPr/>
          </p:nvSpPr>
          <p:spPr bwMode="auto">
            <a:xfrm>
              <a:off x="-306388" y="2109788"/>
              <a:ext cx="249238" cy="239713"/>
            </a:xfrm>
            <a:custGeom>
              <a:avLst/>
              <a:gdLst>
                <a:gd name="T0" fmla="*/ 1735 w 1758"/>
                <a:gd name="T1" fmla="*/ 621 h 1678"/>
                <a:gd name="T2" fmla="*/ 1576 w 1758"/>
                <a:gd name="T3" fmla="*/ 487 h 1678"/>
                <a:gd name="T4" fmla="*/ 1217 w 1758"/>
                <a:gd name="T5" fmla="*/ 435 h 1678"/>
                <a:gd name="T6" fmla="*/ 1056 w 1758"/>
                <a:gd name="T7" fmla="*/ 110 h 1678"/>
                <a:gd name="T8" fmla="*/ 879 w 1758"/>
                <a:gd name="T9" fmla="*/ 0 h 1678"/>
                <a:gd name="T10" fmla="*/ 879 w 1758"/>
                <a:gd name="T11" fmla="*/ 0 h 1678"/>
                <a:gd name="T12" fmla="*/ 702 w 1758"/>
                <a:gd name="T13" fmla="*/ 110 h 1678"/>
                <a:gd name="T14" fmla="*/ 542 w 1758"/>
                <a:gd name="T15" fmla="*/ 435 h 1678"/>
                <a:gd name="T16" fmla="*/ 183 w 1758"/>
                <a:gd name="T17" fmla="*/ 488 h 1678"/>
                <a:gd name="T18" fmla="*/ 24 w 1758"/>
                <a:gd name="T19" fmla="*/ 622 h 1678"/>
                <a:gd name="T20" fmla="*/ 74 w 1758"/>
                <a:gd name="T21" fmla="*/ 824 h 1678"/>
                <a:gd name="T22" fmla="*/ 334 w 1758"/>
                <a:gd name="T23" fmla="*/ 1077 h 1678"/>
                <a:gd name="T24" fmla="*/ 272 w 1758"/>
                <a:gd name="T25" fmla="*/ 1435 h 1678"/>
                <a:gd name="T26" fmla="*/ 351 w 1758"/>
                <a:gd name="T27" fmla="*/ 1628 h 1678"/>
                <a:gd name="T28" fmla="*/ 467 w 1758"/>
                <a:gd name="T29" fmla="*/ 1666 h 1678"/>
                <a:gd name="T30" fmla="*/ 559 w 1758"/>
                <a:gd name="T31" fmla="*/ 1643 h 1678"/>
                <a:gd name="T32" fmla="*/ 880 w 1758"/>
                <a:gd name="T33" fmla="*/ 1474 h 1678"/>
                <a:gd name="T34" fmla="*/ 1201 w 1758"/>
                <a:gd name="T35" fmla="*/ 1642 h 1678"/>
                <a:gd name="T36" fmla="*/ 1408 w 1758"/>
                <a:gd name="T37" fmla="*/ 1627 h 1678"/>
                <a:gd name="T38" fmla="*/ 1487 w 1758"/>
                <a:gd name="T39" fmla="*/ 1434 h 1678"/>
                <a:gd name="T40" fmla="*/ 1426 w 1758"/>
                <a:gd name="T41" fmla="*/ 1077 h 1678"/>
                <a:gd name="T42" fmla="*/ 1685 w 1758"/>
                <a:gd name="T43" fmla="*/ 824 h 1678"/>
                <a:gd name="T44" fmla="*/ 1735 w 1758"/>
                <a:gd name="T45" fmla="*/ 621 h 1678"/>
                <a:gd name="T46" fmla="*/ 1248 w 1758"/>
                <a:gd name="T47" fmla="*/ 923 h 1678"/>
                <a:gd name="T48" fmla="*/ 1191 w 1758"/>
                <a:gd name="T49" fmla="*/ 1097 h 1678"/>
                <a:gd name="T50" fmla="*/ 1243 w 1758"/>
                <a:gd name="T51" fmla="*/ 1400 h 1678"/>
                <a:gd name="T52" fmla="*/ 971 w 1758"/>
                <a:gd name="T53" fmla="*/ 1257 h 1678"/>
                <a:gd name="T54" fmla="*/ 788 w 1758"/>
                <a:gd name="T55" fmla="*/ 1257 h 1678"/>
                <a:gd name="T56" fmla="*/ 516 w 1758"/>
                <a:gd name="T57" fmla="*/ 1400 h 1678"/>
                <a:gd name="T58" fmla="*/ 568 w 1758"/>
                <a:gd name="T59" fmla="*/ 1098 h 1678"/>
                <a:gd name="T60" fmla="*/ 511 w 1758"/>
                <a:gd name="T61" fmla="*/ 923 h 1678"/>
                <a:gd name="T62" fmla="*/ 291 w 1758"/>
                <a:gd name="T63" fmla="*/ 709 h 1678"/>
                <a:gd name="T64" fmla="*/ 595 w 1758"/>
                <a:gd name="T65" fmla="*/ 664 h 1678"/>
                <a:gd name="T66" fmla="*/ 743 w 1758"/>
                <a:gd name="T67" fmla="*/ 556 h 1678"/>
                <a:gd name="T68" fmla="*/ 879 w 1758"/>
                <a:gd name="T69" fmla="*/ 281 h 1678"/>
                <a:gd name="T70" fmla="*/ 1015 w 1758"/>
                <a:gd name="T71" fmla="*/ 556 h 1678"/>
                <a:gd name="T72" fmla="*/ 1164 w 1758"/>
                <a:gd name="T73" fmla="*/ 664 h 1678"/>
                <a:gd name="T74" fmla="*/ 1468 w 1758"/>
                <a:gd name="T75" fmla="*/ 708 h 1678"/>
                <a:gd name="T76" fmla="*/ 1248 w 1758"/>
                <a:gd name="T77" fmla="*/ 923 h 16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758" h="1678">
                  <a:moveTo>
                    <a:pt x="1735" y="621"/>
                  </a:moveTo>
                  <a:cubicBezTo>
                    <a:pt x="1712" y="549"/>
                    <a:pt x="1651" y="498"/>
                    <a:pt x="1576" y="487"/>
                  </a:cubicBezTo>
                  <a:cubicBezTo>
                    <a:pt x="1217" y="435"/>
                    <a:pt x="1217" y="435"/>
                    <a:pt x="1217" y="435"/>
                  </a:cubicBezTo>
                  <a:cubicBezTo>
                    <a:pt x="1056" y="110"/>
                    <a:pt x="1056" y="110"/>
                    <a:pt x="1056" y="110"/>
                  </a:cubicBezTo>
                  <a:cubicBezTo>
                    <a:pt x="1023" y="42"/>
                    <a:pt x="955" y="0"/>
                    <a:pt x="879" y="0"/>
                  </a:cubicBezTo>
                  <a:cubicBezTo>
                    <a:pt x="879" y="0"/>
                    <a:pt x="879" y="0"/>
                    <a:pt x="879" y="0"/>
                  </a:cubicBezTo>
                  <a:cubicBezTo>
                    <a:pt x="804" y="0"/>
                    <a:pt x="736" y="42"/>
                    <a:pt x="702" y="110"/>
                  </a:cubicBezTo>
                  <a:cubicBezTo>
                    <a:pt x="542" y="435"/>
                    <a:pt x="542" y="435"/>
                    <a:pt x="542" y="435"/>
                  </a:cubicBezTo>
                  <a:cubicBezTo>
                    <a:pt x="183" y="488"/>
                    <a:pt x="183" y="488"/>
                    <a:pt x="183" y="488"/>
                  </a:cubicBezTo>
                  <a:cubicBezTo>
                    <a:pt x="108" y="498"/>
                    <a:pt x="47" y="550"/>
                    <a:pt x="24" y="622"/>
                  </a:cubicBezTo>
                  <a:cubicBezTo>
                    <a:pt x="0" y="694"/>
                    <a:pt x="20" y="771"/>
                    <a:pt x="74" y="824"/>
                  </a:cubicBezTo>
                  <a:cubicBezTo>
                    <a:pt x="334" y="1077"/>
                    <a:pt x="334" y="1077"/>
                    <a:pt x="334" y="1077"/>
                  </a:cubicBezTo>
                  <a:cubicBezTo>
                    <a:pt x="272" y="1435"/>
                    <a:pt x="272" y="1435"/>
                    <a:pt x="272" y="1435"/>
                  </a:cubicBezTo>
                  <a:cubicBezTo>
                    <a:pt x="260" y="1509"/>
                    <a:pt x="290" y="1583"/>
                    <a:pt x="351" y="1628"/>
                  </a:cubicBezTo>
                  <a:cubicBezTo>
                    <a:pt x="385" y="1653"/>
                    <a:pt x="426" y="1666"/>
                    <a:pt x="467" y="1666"/>
                  </a:cubicBezTo>
                  <a:cubicBezTo>
                    <a:pt x="498" y="1666"/>
                    <a:pt x="530" y="1658"/>
                    <a:pt x="559" y="1643"/>
                  </a:cubicBezTo>
                  <a:cubicBezTo>
                    <a:pt x="880" y="1474"/>
                    <a:pt x="880" y="1474"/>
                    <a:pt x="880" y="1474"/>
                  </a:cubicBezTo>
                  <a:cubicBezTo>
                    <a:pt x="1201" y="1642"/>
                    <a:pt x="1201" y="1642"/>
                    <a:pt x="1201" y="1642"/>
                  </a:cubicBezTo>
                  <a:cubicBezTo>
                    <a:pt x="1268" y="1678"/>
                    <a:pt x="1347" y="1672"/>
                    <a:pt x="1408" y="1627"/>
                  </a:cubicBezTo>
                  <a:cubicBezTo>
                    <a:pt x="1470" y="1583"/>
                    <a:pt x="1500" y="1509"/>
                    <a:pt x="1487" y="1434"/>
                  </a:cubicBezTo>
                  <a:cubicBezTo>
                    <a:pt x="1426" y="1077"/>
                    <a:pt x="1426" y="1077"/>
                    <a:pt x="1426" y="1077"/>
                  </a:cubicBezTo>
                  <a:cubicBezTo>
                    <a:pt x="1685" y="824"/>
                    <a:pt x="1685" y="824"/>
                    <a:pt x="1685" y="824"/>
                  </a:cubicBezTo>
                  <a:cubicBezTo>
                    <a:pt x="1739" y="771"/>
                    <a:pt x="1758" y="693"/>
                    <a:pt x="1735" y="621"/>
                  </a:cubicBezTo>
                  <a:close/>
                  <a:moveTo>
                    <a:pt x="1248" y="923"/>
                  </a:moveTo>
                  <a:cubicBezTo>
                    <a:pt x="1201" y="968"/>
                    <a:pt x="1180" y="1033"/>
                    <a:pt x="1191" y="1097"/>
                  </a:cubicBezTo>
                  <a:cubicBezTo>
                    <a:pt x="1243" y="1400"/>
                    <a:pt x="1243" y="1400"/>
                    <a:pt x="1243" y="1400"/>
                  </a:cubicBezTo>
                  <a:cubicBezTo>
                    <a:pt x="971" y="1257"/>
                    <a:pt x="971" y="1257"/>
                    <a:pt x="971" y="1257"/>
                  </a:cubicBezTo>
                  <a:cubicBezTo>
                    <a:pt x="914" y="1227"/>
                    <a:pt x="845" y="1227"/>
                    <a:pt x="788" y="1257"/>
                  </a:cubicBezTo>
                  <a:cubicBezTo>
                    <a:pt x="516" y="1400"/>
                    <a:pt x="516" y="1400"/>
                    <a:pt x="516" y="1400"/>
                  </a:cubicBezTo>
                  <a:cubicBezTo>
                    <a:pt x="568" y="1098"/>
                    <a:pt x="568" y="1098"/>
                    <a:pt x="568" y="1098"/>
                  </a:cubicBezTo>
                  <a:cubicBezTo>
                    <a:pt x="579" y="1034"/>
                    <a:pt x="558" y="968"/>
                    <a:pt x="511" y="923"/>
                  </a:cubicBezTo>
                  <a:cubicBezTo>
                    <a:pt x="291" y="709"/>
                    <a:pt x="291" y="709"/>
                    <a:pt x="291" y="709"/>
                  </a:cubicBezTo>
                  <a:cubicBezTo>
                    <a:pt x="595" y="664"/>
                    <a:pt x="595" y="664"/>
                    <a:pt x="595" y="664"/>
                  </a:cubicBezTo>
                  <a:cubicBezTo>
                    <a:pt x="659" y="655"/>
                    <a:pt x="715" y="615"/>
                    <a:pt x="743" y="556"/>
                  </a:cubicBezTo>
                  <a:cubicBezTo>
                    <a:pt x="879" y="281"/>
                    <a:pt x="879" y="281"/>
                    <a:pt x="879" y="281"/>
                  </a:cubicBezTo>
                  <a:cubicBezTo>
                    <a:pt x="1015" y="556"/>
                    <a:pt x="1015" y="556"/>
                    <a:pt x="1015" y="556"/>
                  </a:cubicBezTo>
                  <a:cubicBezTo>
                    <a:pt x="1044" y="615"/>
                    <a:pt x="1100" y="655"/>
                    <a:pt x="1164" y="664"/>
                  </a:cubicBezTo>
                  <a:cubicBezTo>
                    <a:pt x="1468" y="708"/>
                    <a:pt x="1468" y="708"/>
                    <a:pt x="1468" y="708"/>
                  </a:cubicBezTo>
                  <a:lnTo>
                    <a:pt x="1248" y="9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10">
              <a:extLst>
                <a:ext uri="{FF2B5EF4-FFF2-40B4-BE49-F238E27FC236}">
                  <a16:creationId xmlns:a16="http://schemas.microsoft.com/office/drawing/2014/main" id="{F8942484-44CE-DDBD-5518-959C24F571A1}"/>
                </a:ext>
              </a:extLst>
            </p:cNvPr>
            <p:cNvSpPr>
              <a:spLocks/>
            </p:cNvSpPr>
            <p:nvPr/>
          </p:nvSpPr>
          <p:spPr bwMode="auto">
            <a:xfrm>
              <a:off x="23813" y="2511426"/>
              <a:ext cx="33338" cy="31750"/>
            </a:xfrm>
            <a:custGeom>
              <a:avLst/>
              <a:gdLst>
                <a:gd name="T0" fmla="*/ 200 w 235"/>
                <a:gd name="T1" fmla="*/ 34 h 234"/>
                <a:gd name="T2" fmla="*/ 117 w 235"/>
                <a:gd name="T3" fmla="*/ 0 h 234"/>
                <a:gd name="T4" fmla="*/ 35 w 235"/>
                <a:gd name="T5" fmla="*/ 34 h 234"/>
                <a:gd name="T6" fmla="*/ 0 w 235"/>
                <a:gd name="T7" fmla="*/ 117 h 234"/>
                <a:gd name="T8" fmla="*/ 35 w 235"/>
                <a:gd name="T9" fmla="*/ 200 h 234"/>
                <a:gd name="T10" fmla="*/ 117 w 235"/>
                <a:gd name="T11" fmla="*/ 234 h 234"/>
                <a:gd name="T12" fmla="*/ 200 w 235"/>
                <a:gd name="T13" fmla="*/ 200 h 234"/>
                <a:gd name="T14" fmla="*/ 235 w 235"/>
                <a:gd name="T15" fmla="*/ 117 h 234"/>
                <a:gd name="T16" fmla="*/ 200 w 235"/>
                <a:gd name="T17" fmla="*/ 3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5" h="234">
                  <a:moveTo>
                    <a:pt x="200" y="34"/>
                  </a:moveTo>
                  <a:cubicBezTo>
                    <a:pt x="179" y="12"/>
                    <a:pt x="148" y="0"/>
                    <a:pt x="117" y="0"/>
                  </a:cubicBezTo>
                  <a:cubicBezTo>
                    <a:pt x="87" y="0"/>
                    <a:pt x="56" y="12"/>
                    <a:pt x="35" y="34"/>
                  </a:cubicBezTo>
                  <a:cubicBezTo>
                    <a:pt x="13" y="56"/>
                    <a:pt x="0" y="86"/>
                    <a:pt x="0" y="117"/>
                  </a:cubicBezTo>
                  <a:cubicBezTo>
                    <a:pt x="0" y="148"/>
                    <a:pt x="13" y="178"/>
                    <a:pt x="35" y="200"/>
                  </a:cubicBezTo>
                  <a:cubicBezTo>
                    <a:pt x="56" y="222"/>
                    <a:pt x="87" y="234"/>
                    <a:pt x="117" y="234"/>
                  </a:cubicBezTo>
                  <a:cubicBezTo>
                    <a:pt x="148" y="234"/>
                    <a:pt x="179" y="222"/>
                    <a:pt x="200" y="200"/>
                  </a:cubicBezTo>
                  <a:cubicBezTo>
                    <a:pt x="222" y="178"/>
                    <a:pt x="235" y="148"/>
                    <a:pt x="235" y="117"/>
                  </a:cubicBezTo>
                  <a:cubicBezTo>
                    <a:pt x="235" y="86"/>
                    <a:pt x="222" y="56"/>
                    <a:pt x="200" y="3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412482047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C11F39-6461-8A3E-C091-8750946C79AF}"/>
              </a:ext>
            </a:extLst>
          </p:cNvPr>
          <p:cNvSpPr>
            <a:spLocks noGrp="1"/>
          </p:cNvSpPr>
          <p:nvPr>
            <p:ph type="title"/>
          </p:nvPr>
        </p:nvSpPr>
        <p:spPr/>
        <p:txBody>
          <a:bodyPr/>
          <a:lstStyle/>
          <a:p>
            <a:r>
              <a:rPr lang="en-US" dirty="0"/>
              <a:t>Creating Consolidated Reports</a:t>
            </a:r>
          </a:p>
        </p:txBody>
      </p:sp>
      <p:sp>
        <p:nvSpPr>
          <p:cNvPr id="4" name="Slide Number Placeholder 3">
            <a:extLst>
              <a:ext uri="{FF2B5EF4-FFF2-40B4-BE49-F238E27FC236}">
                <a16:creationId xmlns:a16="http://schemas.microsoft.com/office/drawing/2014/main" id="{6F1D57F7-C85E-89B9-52D8-95E0F07330A9}"/>
              </a:ext>
            </a:extLst>
          </p:cNvPr>
          <p:cNvSpPr>
            <a:spLocks noGrp="1"/>
          </p:cNvSpPr>
          <p:nvPr>
            <p:ph type="sldNum" sz="quarter" idx="12"/>
          </p:nvPr>
        </p:nvSpPr>
        <p:spPr/>
        <p:txBody>
          <a:bodyPr/>
          <a:lstStyle/>
          <a:p>
            <a:fld id="{FD0882FC-4526-4F55-8D94-153238F064C3}" type="slidenum">
              <a:rPr lang="en-US" smtClean="0"/>
              <a:pPr/>
              <a:t>11</a:t>
            </a:fld>
            <a:endParaRPr lang="en-US" dirty="0"/>
          </a:p>
        </p:txBody>
      </p:sp>
      <p:grpSp>
        <p:nvGrpSpPr>
          <p:cNvPr id="5" name="Group 4">
            <a:extLst>
              <a:ext uri="{FF2B5EF4-FFF2-40B4-BE49-F238E27FC236}">
                <a16:creationId xmlns:a16="http://schemas.microsoft.com/office/drawing/2014/main" id="{07BF475F-EF1F-A58E-B11B-EADD1FEE571B}"/>
              </a:ext>
            </a:extLst>
          </p:cNvPr>
          <p:cNvGrpSpPr/>
          <p:nvPr/>
        </p:nvGrpSpPr>
        <p:grpSpPr>
          <a:xfrm>
            <a:off x="3605674" y="1370539"/>
            <a:ext cx="4817803" cy="4699892"/>
            <a:chOff x="-975361" y="-2839846"/>
            <a:chExt cx="11094722" cy="10823192"/>
          </a:xfrm>
        </p:grpSpPr>
        <p:sp>
          <p:nvSpPr>
            <p:cNvPr id="6" name="Freeform: Shape 5">
              <a:extLst>
                <a:ext uri="{FF2B5EF4-FFF2-40B4-BE49-F238E27FC236}">
                  <a16:creationId xmlns:a16="http://schemas.microsoft.com/office/drawing/2014/main" id="{7D254FF9-79AF-7F6F-6471-B96DBA29757B}"/>
                </a:ext>
              </a:extLst>
            </p:cNvPr>
            <p:cNvSpPr/>
            <p:nvPr/>
          </p:nvSpPr>
          <p:spPr>
            <a:xfrm>
              <a:off x="-975361" y="-824494"/>
              <a:ext cx="5440759" cy="5546930"/>
            </a:xfrm>
            <a:custGeom>
              <a:avLst/>
              <a:gdLst>
                <a:gd name="connsiteX0" fmla="*/ 2773466 w 5440759"/>
                <a:gd name="connsiteY0" fmla="*/ 0 h 5546930"/>
                <a:gd name="connsiteX1" fmla="*/ 2880067 w 5440759"/>
                <a:gd name="connsiteY1" fmla="*/ 5383 h 5546930"/>
                <a:gd name="connsiteX2" fmla="*/ 2830241 w 5440759"/>
                <a:gd name="connsiteY2" fmla="*/ 199163 h 5546930"/>
                <a:gd name="connsiteX3" fmla="*/ 2773894 w 5440759"/>
                <a:gd name="connsiteY3" fmla="*/ 758113 h 5546930"/>
                <a:gd name="connsiteX4" fmla="*/ 5263789 w 5440759"/>
                <a:gd name="connsiteY4" fmla="*/ 3517259 h 5546930"/>
                <a:gd name="connsiteX5" fmla="*/ 5440759 w 5440759"/>
                <a:gd name="connsiteY5" fmla="*/ 3526195 h 5546930"/>
                <a:gd name="connsiteX6" fmla="*/ 5422242 w 5440759"/>
                <a:gd name="connsiteY6" fmla="*/ 3598208 h 5546930"/>
                <a:gd name="connsiteX7" fmla="*/ 5374395 w 5440759"/>
                <a:gd name="connsiteY7" fmla="*/ 3728938 h 5546930"/>
                <a:gd name="connsiteX8" fmla="*/ 5328979 w 5440759"/>
                <a:gd name="connsiteY8" fmla="*/ 3853023 h 5546930"/>
                <a:gd name="connsiteX9" fmla="*/ 2773466 w 5440759"/>
                <a:gd name="connsiteY9" fmla="*/ 5546930 h 5546930"/>
                <a:gd name="connsiteX10" fmla="*/ 1451467 w 5440759"/>
                <a:gd name="connsiteY10" fmla="*/ 5212188 h 5546930"/>
                <a:gd name="connsiteX11" fmla="*/ 1232071 w 5440759"/>
                <a:gd name="connsiteY11" fmla="*/ 5078902 h 5546930"/>
                <a:gd name="connsiteX12" fmla="*/ 1222795 w 5440759"/>
                <a:gd name="connsiteY12" fmla="*/ 5073266 h 5546930"/>
                <a:gd name="connsiteX13" fmla="*/ 0 w 5440759"/>
                <a:gd name="connsiteY13" fmla="*/ 2773465 h 5546930"/>
                <a:gd name="connsiteX14" fmla="*/ 2773466 w 5440759"/>
                <a:gd name="connsiteY14" fmla="*/ 0 h 55469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5440759" h="5546930">
                  <a:moveTo>
                    <a:pt x="2773466" y="0"/>
                  </a:moveTo>
                  <a:lnTo>
                    <a:pt x="2880067" y="5383"/>
                  </a:lnTo>
                  <a:lnTo>
                    <a:pt x="2830241" y="199163"/>
                  </a:lnTo>
                  <a:cubicBezTo>
                    <a:pt x="2793296" y="379709"/>
                    <a:pt x="2773894" y="566645"/>
                    <a:pt x="2773894" y="758113"/>
                  </a:cubicBezTo>
                  <a:cubicBezTo>
                    <a:pt x="2773894" y="2194121"/>
                    <a:pt x="3865252" y="3375230"/>
                    <a:pt x="5263789" y="3517259"/>
                  </a:cubicBezTo>
                  <a:lnTo>
                    <a:pt x="5440759" y="3526195"/>
                  </a:lnTo>
                  <a:lnTo>
                    <a:pt x="5422242" y="3598208"/>
                  </a:lnTo>
                  <a:lnTo>
                    <a:pt x="5374395" y="3728938"/>
                  </a:lnTo>
                  <a:lnTo>
                    <a:pt x="5328979" y="3853023"/>
                  </a:lnTo>
                  <a:cubicBezTo>
                    <a:pt x="4907944" y="4848461"/>
                    <a:pt x="3922273" y="5546930"/>
                    <a:pt x="2773466" y="5546930"/>
                  </a:cubicBezTo>
                  <a:cubicBezTo>
                    <a:pt x="2294796" y="5546930"/>
                    <a:pt x="1844449" y="5425668"/>
                    <a:pt x="1451467" y="5212188"/>
                  </a:cubicBezTo>
                  <a:lnTo>
                    <a:pt x="1232071" y="5078902"/>
                  </a:lnTo>
                  <a:lnTo>
                    <a:pt x="1222795" y="5073266"/>
                  </a:lnTo>
                  <a:cubicBezTo>
                    <a:pt x="485048" y="4574854"/>
                    <a:pt x="0" y="3730804"/>
                    <a:pt x="0" y="2773465"/>
                  </a:cubicBezTo>
                  <a:cubicBezTo>
                    <a:pt x="0" y="1241723"/>
                    <a:pt x="1241723" y="0"/>
                    <a:pt x="2773466" y="0"/>
                  </a:cubicBezTo>
                  <a:close/>
                </a:path>
              </a:pathLst>
            </a:custGeom>
            <a:solidFill>
              <a:schemeClr val="accent5"/>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sp>
          <p:nvSpPr>
            <p:cNvPr id="7" name="Freeform: Shape 6">
              <a:extLst>
                <a:ext uri="{FF2B5EF4-FFF2-40B4-BE49-F238E27FC236}">
                  <a16:creationId xmlns:a16="http://schemas.microsoft.com/office/drawing/2014/main" id="{4F4EF262-7786-7F01-1D4E-BD6329463E6E}"/>
                </a:ext>
              </a:extLst>
            </p:cNvPr>
            <p:cNvSpPr/>
            <p:nvPr/>
          </p:nvSpPr>
          <p:spPr>
            <a:xfrm>
              <a:off x="4572000" y="2436415"/>
              <a:ext cx="4487827" cy="5546930"/>
            </a:xfrm>
            <a:custGeom>
              <a:avLst/>
              <a:gdLst>
                <a:gd name="connsiteX0" fmla="*/ 1714361 w 4487827"/>
                <a:gd name="connsiteY0" fmla="*/ 0 h 5546930"/>
                <a:gd name="connsiteX1" fmla="*/ 4269874 w 4487827"/>
                <a:gd name="connsiteY1" fmla="*/ 1693907 h 5546930"/>
                <a:gd name="connsiteX2" fmla="*/ 4315290 w 4487827"/>
                <a:gd name="connsiteY2" fmla="*/ 1817993 h 5546930"/>
                <a:gd name="connsiteX3" fmla="*/ 4363137 w 4487827"/>
                <a:gd name="connsiteY3" fmla="*/ 1948722 h 5546930"/>
                <a:gd name="connsiteX4" fmla="*/ 4487827 w 4487827"/>
                <a:gd name="connsiteY4" fmla="*/ 2773465 h 5546930"/>
                <a:gd name="connsiteX5" fmla="*/ 1714361 w 4487827"/>
                <a:gd name="connsiteY5" fmla="*/ 5546930 h 5546930"/>
                <a:gd name="connsiteX6" fmla="*/ 163690 w 4487827"/>
                <a:gd name="connsiteY6" fmla="*/ 5073266 h 5546930"/>
                <a:gd name="connsiteX7" fmla="*/ 0 w 4487827"/>
                <a:gd name="connsiteY7" fmla="*/ 4950861 h 5546930"/>
                <a:gd name="connsiteX8" fmla="*/ 49821 w 4487827"/>
                <a:gd name="connsiteY8" fmla="*/ 4913605 h 5546930"/>
                <a:gd name="connsiteX9" fmla="*/ 1059105 w 4487827"/>
                <a:gd name="connsiteY9" fmla="*/ 2773465 h 5546930"/>
                <a:gd name="connsiteX10" fmla="*/ 49821 w 4487827"/>
                <a:gd name="connsiteY10" fmla="*/ 633325 h 5546930"/>
                <a:gd name="connsiteX11" fmla="*/ 0 w 4487827"/>
                <a:gd name="connsiteY11" fmla="*/ 596070 h 5546930"/>
                <a:gd name="connsiteX12" fmla="*/ 163690 w 4487827"/>
                <a:gd name="connsiteY12" fmla="*/ 473664 h 5546930"/>
                <a:gd name="connsiteX13" fmla="*/ 172967 w 4487827"/>
                <a:gd name="connsiteY13" fmla="*/ 468028 h 5546930"/>
                <a:gd name="connsiteX14" fmla="*/ 392362 w 4487827"/>
                <a:gd name="connsiteY14" fmla="*/ 334742 h 5546930"/>
                <a:gd name="connsiteX15" fmla="*/ 1714361 w 4487827"/>
                <a:gd name="connsiteY15" fmla="*/ 0 h 55469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487827" h="5546930">
                  <a:moveTo>
                    <a:pt x="1714361" y="0"/>
                  </a:moveTo>
                  <a:cubicBezTo>
                    <a:pt x="2863168" y="0"/>
                    <a:pt x="3848839" y="698469"/>
                    <a:pt x="4269874" y="1693907"/>
                  </a:cubicBezTo>
                  <a:lnTo>
                    <a:pt x="4315290" y="1817993"/>
                  </a:lnTo>
                  <a:lnTo>
                    <a:pt x="4363137" y="1948722"/>
                  </a:lnTo>
                  <a:cubicBezTo>
                    <a:pt x="4444173" y="2209258"/>
                    <a:pt x="4487827" y="2486264"/>
                    <a:pt x="4487827" y="2773465"/>
                  </a:cubicBezTo>
                  <a:cubicBezTo>
                    <a:pt x="4487827" y="4305207"/>
                    <a:pt x="3246104" y="5546930"/>
                    <a:pt x="1714361" y="5546930"/>
                  </a:cubicBezTo>
                  <a:cubicBezTo>
                    <a:pt x="1139958" y="5546930"/>
                    <a:pt x="606338" y="5372313"/>
                    <a:pt x="163690" y="5073266"/>
                  </a:cubicBezTo>
                  <a:lnTo>
                    <a:pt x="0" y="4950861"/>
                  </a:lnTo>
                  <a:lnTo>
                    <a:pt x="49821" y="4913605"/>
                  </a:lnTo>
                  <a:cubicBezTo>
                    <a:pt x="666216" y="4404911"/>
                    <a:pt x="1059105" y="3635070"/>
                    <a:pt x="1059105" y="2773465"/>
                  </a:cubicBezTo>
                  <a:cubicBezTo>
                    <a:pt x="1059105" y="1911860"/>
                    <a:pt x="666216" y="1142019"/>
                    <a:pt x="49821" y="633325"/>
                  </a:cubicBezTo>
                  <a:lnTo>
                    <a:pt x="0" y="596070"/>
                  </a:lnTo>
                  <a:lnTo>
                    <a:pt x="163690" y="473664"/>
                  </a:lnTo>
                  <a:lnTo>
                    <a:pt x="172967" y="468028"/>
                  </a:lnTo>
                  <a:lnTo>
                    <a:pt x="392362" y="334742"/>
                  </a:lnTo>
                  <a:cubicBezTo>
                    <a:pt x="785344" y="121262"/>
                    <a:pt x="1235692" y="0"/>
                    <a:pt x="1714361" y="0"/>
                  </a:cubicBezTo>
                  <a:close/>
                </a:path>
              </a:pathLst>
            </a:custGeom>
            <a:solidFill>
              <a:schemeClr val="accent3"/>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sp>
          <p:nvSpPr>
            <p:cNvPr id="8" name="Freeform: Shape 7">
              <a:extLst>
                <a:ext uri="{FF2B5EF4-FFF2-40B4-BE49-F238E27FC236}">
                  <a16:creationId xmlns:a16="http://schemas.microsoft.com/office/drawing/2014/main" id="{15E38ADF-5FAE-682C-3170-A9D559F32D2B}"/>
                </a:ext>
              </a:extLst>
            </p:cNvPr>
            <p:cNvSpPr/>
            <p:nvPr/>
          </p:nvSpPr>
          <p:spPr>
            <a:xfrm>
              <a:off x="84173" y="2904445"/>
              <a:ext cx="5546932" cy="5078901"/>
            </a:xfrm>
            <a:custGeom>
              <a:avLst/>
              <a:gdLst>
                <a:gd name="connsiteX0" fmla="*/ 4314861 w 5546932"/>
                <a:gd name="connsiteY0" fmla="*/ 0 h 5078901"/>
                <a:gd name="connsiteX1" fmla="*/ 4324137 w 5546932"/>
                <a:gd name="connsiteY1" fmla="*/ 5635 h 5078901"/>
                <a:gd name="connsiteX2" fmla="*/ 4487827 w 5546932"/>
                <a:gd name="connsiteY2" fmla="*/ 128041 h 5078901"/>
                <a:gd name="connsiteX3" fmla="*/ 4537648 w 5546932"/>
                <a:gd name="connsiteY3" fmla="*/ 165296 h 5078901"/>
                <a:gd name="connsiteX4" fmla="*/ 5546932 w 5546932"/>
                <a:gd name="connsiteY4" fmla="*/ 2305436 h 5078901"/>
                <a:gd name="connsiteX5" fmla="*/ 4537648 w 5546932"/>
                <a:gd name="connsiteY5" fmla="*/ 4445576 h 5078901"/>
                <a:gd name="connsiteX6" fmla="*/ 4487827 w 5546932"/>
                <a:gd name="connsiteY6" fmla="*/ 4482832 h 5078901"/>
                <a:gd name="connsiteX7" fmla="*/ 4324137 w 5546932"/>
                <a:gd name="connsiteY7" fmla="*/ 4605237 h 5078901"/>
                <a:gd name="connsiteX8" fmla="*/ 2773466 w 5546932"/>
                <a:gd name="connsiteY8" fmla="*/ 5078901 h 5078901"/>
                <a:gd name="connsiteX9" fmla="*/ 0 w 5546932"/>
                <a:gd name="connsiteY9" fmla="*/ 2305436 h 5078901"/>
                <a:gd name="connsiteX10" fmla="*/ 124690 w 5546932"/>
                <a:gd name="connsiteY10" fmla="*/ 1480693 h 5078901"/>
                <a:gd name="connsiteX11" fmla="*/ 172537 w 5546932"/>
                <a:gd name="connsiteY11" fmla="*/ 1349964 h 5078901"/>
                <a:gd name="connsiteX12" fmla="*/ 391933 w 5546932"/>
                <a:gd name="connsiteY12" fmla="*/ 1483250 h 5078901"/>
                <a:gd name="connsiteX13" fmla="*/ 1713932 w 5546932"/>
                <a:gd name="connsiteY13" fmla="*/ 1817992 h 5078901"/>
                <a:gd name="connsiteX14" fmla="*/ 4269445 w 5546932"/>
                <a:gd name="connsiteY14" fmla="*/ 124085 h 50789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5546932" h="5078901">
                  <a:moveTo>
                    <a:pt x="4314861" y="0"/>
                  </a:moveTo>
                  <a:lnTo>
                    <a:pt x="4324137" y="5635"/>
                  </a:lnTo>
                  <a:lnTo>
                    <a:pt x="4487827" y="128041"/>
                  </a:lnTo>
                  <a:lnTo>
                    <a:pt x="4537648" y="165296"/>
                  </a:lnTo>
                  <a:cubicBezTo>
                    <a:pt x="5154043" y="673990"/>
                    <a:pt x="5546932" y="1443831"/>
                    <a:pt x="5546932" y="2305436"/>
                  </a:cubicBezTo>
                  <a:cubicBezTo>
                    <a:pt x="5546932" y="3167041"/>
                    <a:pt x="5154043" y="3936882"/>
                    <a:pt x="4537648" y="4445576"/>
                  </a:cubicBezTo>
                  <a:lnTo>
                    <a:pt x="4487827" y="4482832"/>
                  </a:lnTo>
                  <a:lnTo>
                    <a:pt x="4324137" y="4605237"/>
                  </a:lnTo>
                  <a:cubicBezTo>
                    <a:pt x="3881489" y="4904284"/>
                    <a:pt x="3347870" y="5078901"/>
                    <a:pt x="2773466" y="5078901"/>
                  </a:cubicBezTo>
                  <a:cubicBezTo>
                    <a:pt x="1241723" y="5078901"/>
                    <a:pt x="0" y="3837178"/>
                    <a:pt x="0" y="2305436"/>
                  </a:cubicBezTo>
                  <a:cubicBezTo>
                    <a:pt x="0" y="2018235"/>
                    <a:pt x="43654" y="1741229"/>
                    <a:pt x="124690" y="1480693"/>
                  </a:cubicBezTo>
                  <a:lnTo>
                    <a:pt x="172537" y="1349964"/>
                  </a:lnTo>
                  <a:lnTo>
                    <a:pt x="391933" y="1483250"/>
                  </a:lnTo>
                  <a:cubicBezTo>
                    <a:pt x="784915" y="1696730"/>
                    <a:pt x="1235262" y="1817992"/>
                    <a:pt x="1713932" y="1817992"/>
                  </a:cubicBezTo>
                  <a:cubicBezTo>
                    <a:pt x="2862739" y="1817992"/>
                    <a:pt x="3848410" y="1119523"/>
                    <a:pt x="4269445" y="124085"/>
                  </a:cubicBezTo>
                  <a:close/>
                </a:path>
              </a:pathLst>
            </a:custGeom>
            <a:solidFill>
              <a:schemeClr val="accent4"/>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sp>
          <p:nvSpPr>
            <p:cNvPr id="9" name="Freeform: Shape 8">
              <a:extLst>
                <a:ext uri="{FF2B5EF4-FFF2-40B4-BE49-F238E27FC236}">
                  <a16:creationId xmlns:a16="http://schemas.microsoft.com/office/drawing/2014/main" id="{3EFA6CFB-8587-7E80-CEBE-361C11568E65}"/>
                </a:ext>
              </a:extLst>
            </p:cNvPr>
            <p:cNvSpPr/>
            <p:nvPr/>
          </p:nvSpPr>
          <p:spPr>
            <a:xfrm>
              <a:off x="1798533" y="-2839846"/>
              <a:ext cx="5337929" cy="5546930"/>
            </a:xfrm>
            <a:custGeom>
              <a:avLst/>
              <a:gdLst>
                <a:gd name="connsiteX0" fmla="*/ 2720380 w 5337929"/>
                <a:gd name="connsiteY0" fmla="*/ 0 h 5546930"/>
                <a:gd name="connsiteX1" fmla="*/ 5318457 w 5337929"/>
                <a:gd name="connsiteY1" fmla="*/ 1948722 h 5546930"/>
                <a:gd name="connsiteX2" fmla="*/ 5337929 w 5337929"/>
                <a:gd name="connsiteY2" fmla="*/ 2025928 h 5546930"/>
                <a:gd name="connsiteX3" fmla="*/ 5263791 w 5337929"/>
                <a:gd name="connsiteY3" fmla="*/ 2029672 h 5546930"/>
                <a:gd name="connsiteX4" fmla="*/ 2773896 w 5337929"/>
                <a:gd name="connsiteY4" fmla="*/ 4788818 h 5546930"/>
                <a:gd name="connsiteX5" fmla="*/ 2830243 w 5337929"/>
                <a:gd name="connsiteY5" fmla="*/ 5347768 h 5546930"/>
                <a:gd name="connsiteX6" fmla="*/ 2879350 w 5337929"/>
                <a:gd name="connsiteY6" fmla="*/ 5538746 h 5546930"/>
                <a:gd name="connsiteX7" fmla="*/ 2720380 w 5337929"/>
                <a:gd name="connsiteY7" fmla="*/ 5546930 h 5546930"/>
                <a:gd name="connsiteX8" fmla="*/ 0 w 5337929"/>
                <a:gd name="connsiteY8" fmla="*/ 2773465 h 5546930"/>
                <a:gd name="connsiteX9" fmla="*/ 2720380 w 5337929"/>
                <a:gd name="connsiteY9" fmla="*/ 0 h 55469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337929" h="5546930">
                  <a:moveTo>
                    <a:pt x="2720380" y="0"/>
                  </a:moveTo>
                  <a:cubicBezTo>
                    <a:pt x="3941100" y="0"/>
                    <a:pt x="4974026" y="819731"/>
                    <a:pt x="5318457" y="1948722"/>
                  </a:cubicBezTo>
                  <a:lnTo>
                    <a:pt x="5337929" y="2025928"/>
                  </a:lnTo>
                  <a:lnTo>
                    <a:pt x="5263791" y="2029672"/>
                  </a:lnTo>
                  <a:cubicBezTo>
                    <a:pt x="3865254" y="2171701"/>
                    <a:pt x="2773896" y="3352810"/>
                    <a:pt x="2773896" y="4788818"/>
                  </a:cubicBezTo>
                  <a:cubicBezTo>
                    <a:pt x="2773896" y="4980286"/>
                    <a:pt x="2793298" y="5167222"/>
                    <a:pt x="2830243" y="5347768"/>
                  </a:cubicBezTo>
                  <a:lnTo>
                    <a:pt x="2879350" y="5538746"/>
                  </a:lnTo>
                  <a:lnTo>
                    <a:pt x="2720380" y="5546930"/>
                  </a:lnTo>
                  <a:cubicBezTo>
                    <a:pt x="1217956" y="5546930"/>
                    <a:pt x="0" y="4305207"/>
                    <a:pt x="0" y="2773465"/>
                  </a:cubicBezTo>
                  <a:cubicBezTo>
                    <a:pt x="0" y="1241723"/>
                    <a:pt x="1217956" y="0"/>
                    <a:pt x="2720380" y="0"/>
                  </a:cubicBezTo>
                  <a:close/>
                </a:path>
              </a:pathLst>
            </a:custGeom>
            <a:solidFill>
              <a:schemeClr val="accent1"/>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sp>
          <p:nvSpPr>
            <p:cNvPr id="10" name="Freeform: Shape 9">
              <a:extLst>
                <a:ext uri="{FF2B5EF4-FFF2-40B4-BE49-F238E27FC236}">
                  <a16:creationId xmlns:a16="http://schemas.microsoft.com/office/drawing/2014/main" id="{1837B530-9C52-930A-C179-E757C9539025}"/>
                </a:ext>
              </a:extLst>
            </p:cNvPr>
            <p:cNvSpPr/>
            <p:nvPr/>
          </p:nvSpPr>
          <p:spPr>
            <a:xfrm>
              <a:off x="4572429" y="-824494"/>
              <a:ext cx="5546932" cy="5078903"/>
            </a:xfrm>
            <a:custGeom>
              <a:avLst/>
              <a:gdLst>
                <a:gd name="connsiteX0" fmla="*/ 2773466 w 5546932"/>
                <a:gd name="connsiteY0" fmla="*/ 0 h 5078902"/>
                <a:gd name="connsiteX1" fmla="*/ 5546932 w 5546932"/>
                <a:gd name="connsiteY1" fmla="*/ 2773465 h 5078902"/>
                <a:gd name="connsiteX2" fmla="*/ 4324137 w 5546932"/>
                <a:gd name="connsiteY2" fmla="*/ 5073266 h 5078902"/>
                <a:gd name="connsiteX3" fmla="*/ 4314860 w 5546932"/>
                <a:gd name="connsiteY3" fmla="*/ 5078902 h 5078902"/>
                <a:gd name="connsiteX4" fmla="*/ 4269444 w 5546932"/>
                <a:gd name="connsiteY4" fmla="*/ 4954816 h 5078902"/>
                <a:gd name="connsiteX5" fmla="*/ 1713931 w 5546932"/>
                <a:gd name="connsiteY5" fmla="*/ 3260909 h 5078902"/>
                <a:gd name="connsiteX6" fmla="*/ 391932 w 5546932"/>
                <a:gd name="connsiteY6" fmla="*/ 3595651 h 5078902"/>
                <a:gd name="connsiteX7" fmla="*/ 172537 w 5546932"/>
                <a:gd name="connsiteY7" fmla="*/ 3728937 h 5078902"/>
                <a:gd name="connsiteX8" fmla="*/ 124690 w 5546932"/>
                <a:gd name="connsiteY8" fmla="*/ 3598208 h 5078902"/>
                <a:gd name="connsiteX9" fmla="*/ 106174 w 5546932"/>
                <a:gd name="connsiteY9" fmla="*/ 3526195 h 5078902"/>
                <a:gd name="connsiteX10" fmla="*/ 56347 w 5546932"/>
                <a:gd name="connsiteY10" fmla="*/ 3332415 h 5078902"/>
                <a:gd name="connsiteX11" fmla="*/ 0 w 5546932"/>
                <a:gd name="connsiteY11" fmla="*/ 2773465 h 5078902"/>
                <a:gd name="connsiteX12" fmla="*/ 2489895 w 5546932"/>
                <a:gd name="connsiteY12" fmla="*/ 14319 h 5078902"/>
                <a:gd name="connsiteX13" fmla="*/ 2666862 w 5546932"/>
                <a:gd name="connsiteY13" fmla="*/ 5383 h 50789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546932" h="5078902">
                  <a:moveTo>
                    <a:pt x="2773466" y="0"/>
                  </a:moveTo>
                  <a:cubicBezTo>
                    <a:pt x="4305209" y="0"/>
                    <a:pt x="5546932" y="1241723"/>
                    <a:pt x="5546932" y="2773465"/>
                  </a:cubicBezTo>
                  <a:cubicBezTo>
                    <a:pt x="5546932" y="3730804"/>
                    <a:pt x="5061884" y="4574854"/>
                    <a:pt x="4324137" y="5073266"/>
                  </a:cubicBezTo>
                  <a:lnTo>
                    <a:pt x="4314860" y="5078902"/>
                  </a:lnTo>
                  <a:lnTo>
                    <a:pt x="4269444" y="4954816"/>
                  </a:lnTo>
                  <a:cubicBezTo>
                    <a:pt x="3848409" y="3959378"/>
                    <a:pt x="2862738" y="3260909"/>
                    <a:pt x="1713931" y="3260909"/>
                  </a:cubicBezTo>
                  <a:cubicBezTo>
                    <a:pt x="1235262" y="3260909"/>
                    <a:pt x="784914" y="3382171"/>
                    <a:pt x="391932" y="3595651"/>
                  </a:cubicBezTo>
                  <a:lnTo>
                    <a:pt x="172537" y="3728937"/>
                  </a:lnTo>
                  <a:lnTo>
                    <a:pt x="124690" y="3598208"/>
                  </a:lnTo>
                  <a:lnTo>
                    <a:pt x="106174" y="3526195"/>
                  </a:lnTo>
                  <a:lnTo>
                    <a:pt x="56347" y="3332415"/>
                  </a:lnTo>
                  <a:cubicBezTo>
                    <a:pt x="19402" y="3151869"/>
                    <a:pt x="0" y="2964933"/>
                    <a:pt x="0" y="2773465"/>
                  </a:cubicBezTo>
                  <a:cubicBezTo>
                    <a:pt x="0" y="1337457"/>
                    <a:pt x="1091358" y="156348"/>
                    <a:pt x="2489895" y="14319"/>
                  </a:cubicBezTo>
                  <a:lnTo>
                    <a:pt x="2666862" y="5383"/>
                  </a:lnTo>
                  <a:close/>
                </a:path>
              </a:pathLst>
            </a:custGeom>
            <a:solidFill>
              <a:schemeClr val="accent2"/>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grpSp>
          <p:nvGrpSpPr>
            <p:cNvPr id="11" name="Group 10">
              <a:extLst>
                <a:ext uri="{FF2B5EF4-FFF2-40B4-BE49-F238E27FC236}">
                  <a16:creationId xmlns:a16="http://schemas.microsoft.com/office/drawing/2014/main" id="{5C3770C3-71BE-B6C0-B95C-4CC4097665C9}"/>
                </a:ext>
              </a:extLst>
            </p:cNvPr>
            <p:cNvGrpSpPr/>
            <p:nvPr/>
          </p:nvGrpSpPr>
          <p:grpSpPr>
            <a:xfrm>
              <a:off x="175441" y="-1085607"/>
              <a:ext cx="8963611" cy="8648044"/>
              <a:chOff x="175441" y="-1085607"/>
              <a:chExt cx="8963611" cy="8648044"/>
            </a:xfrm>
            <a:solidFill>
              <a:schemeClr val="tx1">
                <a:lumMod val="75000"/>
                <a:lumOff val="25000"/>
                <a:alpha val="20000"/>
              </a:schemeClr>
            </a:solidFill>
          </p:grpSpPr>
          <p:sp>
            <p:nvSpPr>
              <p:cNvPr id="12" name="Freeform: Shape 11">
                <a:extLst>
                  <a:ext uri="{FF2B5EF4-FFF2-40B4-BE49-F238E27FC236}">
                    <a16:creationId xmlns:a16="http://schemas.microsoft.com/office/drawing/2014/main" id="{5F3A1C19-7640-9235-39B1-168D27CD9CF2}"/>
                  </a:ext>
                </a:extLst>
              </p:cNvPr>
              <p:cNvSpPr/>
              <p:nvPr/>
            </p:nvSpPr>
            <p:spPr>
              <a:xfrm>
                <a:off x="1536295" y="-824494"/>
                <a:ext cx="2929103" cy="3549528"/>
              </a:xfrm>
              <a:custGeom>
                <a:avLst/>
                <a:gdLst>
                  <a:gd name="connsiteX0" fmla="*/ 261810 w 2929103"/>
                  <a:gd name="connsiteY0" fmla="*/ 0 h 3549528"/>
                  <a:gd name="connsiteX1" fmla="*/ 368411 w 2929103"/>
                  <a:gd name="connsiteY1" fmla="*/ 5383 h 3549528"/>
                  <a:gd name="connsiteX2" fmla="*/ 318585 w 2929103"/>
                  <a:gd name="connsiteY2" fmla="*/ 199163 h 3549528"/>
                  <a:gd name="connsiteX3" fmla="*/ 262238 w 2929103"/>
                  <a:gd name="connsiteY3" fmla="*/ 758113 h 3549528"/>
                  <a:gd name="connsiteX4" fmla="*/ 2752133 w 2929103"/>
                  <a:gd name="connsiteY4" fmla="*/ 3517259 h 3549528"/>
                  <a:gd name="connsiteX5" fmla="*/ 2929103 w 2929103"/>
                  <a:gd name="connsiteY5" fmla="*/ 3526195 h 3549528"/>
                  <a:gd name="connsiteX6" fmla="*/ 2925665 w 2929103"/>
                  <a:gd name="connsiteY6" fmla="*/ 3539568 h 3549528"/>
                  <a:gd name="connsiteX7" fmla="*/ 2718117 w 2929103"/>
                  <a:gd name="connsiteY7" fmla="*/ 3549528 h 3549528"/>
                  <a:gd name="connsiteX8" fmla="*/ 14162 w 2929103"/>
                  <a:gd name="connsiteY8" fmla="*/ 1046323 h 3549528"/>
                  <a:gd name="connsiteX9" fmla="*/ 54028 w 2929103"/>
                  <a:gd name="connsiteY9" fmla="*/ 213514 h 3549528"/>
                  <a:gd name="connsiteX10" fmla="*/ 105500 w 2929103"/>
                  <a:gd name="connsiteY10" fmla="*/ 7893 h 3549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929103" h="3549528">
                    <a:moveTo>
                      <a:pt x="261810" y="0"/>
                    </a:moveTo>
                    <a:lnTo>
                      <a:pt x="368411" y="5383"/>
                    </a:lnTo>
                    <a:lnTo>
                      <a:pt x="318585" y="199163"/>
                    </a:lnTo>
                    <a:cubicBezTo>
                      <a:pt x="281640" y="379709"/>
                      <a:pt x="262238" y="566645"/>
                      <a:pt x="262238" y="758113"/>
                    </a:cubicBezTo>
                    <a:cubicBezTo>
                      <a:pt x="262238" y="2194121"/>
                      <a:pt x="1353596" y="3375230"/>
                      <a:pt x="2752133" y="3517259"/>
                    </a:cubicBezTo>
                    <a:lnTo>
                      <a:pt x="2929103" y="3526195"/>
                    </a:lnTo>
                    <a:lnTo>
                      <a:pt x="2925665" y="3539568"/>
                    </a:lnTo>
                    <a:lnTo>
                      <a:pt x="2718117" y="3549528"/>
                    </a:lnTo>
                    <a:cubicBezTo>
                      <a:pt x="1339026" y="3544310"/>
                      <a:pt x="156647" y="2475245"/>
                      <a:pt x="14162" y="1046323"/>
                    </a:cubicBezTo>
                    <a:cubicBezTo>
                      <a:pt x="-14335" y="760539"/>
                      <a:pt x="787" y="480652"/>
                      <a:pt x="54028" y="213514"/>
                    </a:cubicBezTo>
                    <a:lnTo>
                      <a:pt x="105500" y="7893"/>
                    </a:lnTo>
                    <a:close/>
                  </a:path>
                </a:pathLst>
              </a:custGeom>
              <a:grp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sp>
            <p:nvSpPr>
              <p:cNvPr id="13" name="Freeform: Shape 12">
                <a:extLst>
                  <a:ext uri="{FF2B5EF4-FFF2-40B4-BE49-F238E27FC236}">
                    <a16:creationId xmlns:a16="http://schemas.microsoft.com/office/drawing/2014/main" id="{70B848A1-D8C5-E3A4-FF9F-C5A95AADBBFD}"/>
                  </a:ext>
                </a:extLst>
              </p:cNvPr>
              <p:cNvSpPr/>
              <p:nvPr/>
            </p:nvSpPr>
            <p:spPr>
              <a:xfrm>
                <a:off x="4572000" y="3015966"/>
                <a:ext cx="1329533" cy="4546471"/>
              </a:xfrm>
              <a:custGeom>
                <a:avLst/>
                <a:gdLst>
                  <a:gd name="connsiteX0" fmla="*/ 22093 w 1329533"/>
                  <a:gd name="connsiteY0" fmla="*/ 0 h 4546471"/>
                  <a:gd name="connsiteX1" fmla="*/ 45716 w 1329533"/>
                  <a:gd name="connsiteY1" fmla="*/ 14247 h 4546471"/>
                  <a:gd name="connsiteX2" fmla="*/ 98987 w 1329533"/>
                  <a:gd name="connsiteY2" fmla="*/ 46375 h 4546471"/>
                  <a:gd name="connsiteX3" fmla="*/ 1315641 w 1329533"/>
                  <a:gd name="connsiteY3" fmla="*/ 2075810 h 4546471"/>
                  <a:gd name="connsiteX4" fmla="*/ 523689 w 1329533"/>
                  <a:gd name="connsiteY4" fmla="*/ 4305533 h 4546471"/>
                  <a:gd name="connsiteX5" fmla="*/ 477810 w 1329533"/>
                  <a:gd name="connsiteY5" fmla="*/ 4347548 h 4546471"/>
                  <a:gd name="connsiteX6" fmla="*/ 327073 w 1329533"/>
                  <a:gd name="connsiteY6" fmla="*/ 4485591 h 4546471"/>
                  <a:gd name="connsiteX7" fmla="*/ 248208 w 1329533"/>
                  <a:gd name="connsiteY7" fmla="*/ 4546471 h 4546471"/>
                  <a:gd name="connsiteX8" fmla="*/ 163690 w 1329533"/>
                  <a:gd name="connsiteY8" fmla="*/ 4493716 h 4546471"/>
                  <a:gd name="connsiteX9" fmla="*/ 0 w 1329533"/>
                  <a:gd name="connsiteY9" fmla="*/ 4371311 h 4546471"/>
                  <a:gd name="connsiteX10" fmla="*/ 49821 w 1329533"/>
                  <a:gd name="connsiteY10" fmla="*/ 4334055 h 4546471"/>
                  <a:gd name="connsiteX11" fmla="*/ 1059105 w 1329533"/>
                  <a:gd name="connsiteY11" fmla="*/ 2193915 h 4546471"/>
                  <a:gd name="connsiteX12" fmla="*/ 49821 w 1329533"/>
                  <a:gd name="connsiteY12" fmla="*/ 53775 h 4546471"/>
                  <a:gd name="connsiteX13" fmla="*/ 0 w 1329533"/>
                  <a:gd name="connsiteY13" fmla="*/ 16520 h 4546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329533" h="4546471">
                    <a:moveTo>
                      <a:pt x="22093" y="0"/>
                    </a:moveTo>
                    <a:lnTo>
                      <a:pt x="45716" y="14247"/>
                    </a:lnTo>
                    <a:lnTo>
                      <a:pt x="98987" y="46375"/>
                    </a:lnTo>
                    <a:cubicBezTo>
                      <a:pt x="762814" y="491398"/>
                      <a:pt x="1230150" y="1218457"/>
                      <a:pt x="1315641" y="2075810"/>
                    </a:cubicBezTo>
                    <a:cubicBezTo>
                      <a:pt x="1401132" y="2933163"/>
                      <a:pt x="1086568" y="3738189"/>
                      <a:pt x="523689" y="4305533"/>
                    </a:cubicBezTo>
                    <a:lnTo>
                      <a:pt x="477810" y="4347548"/>
                    </a:lnTo>
                    <a:lnTo>
                      <a:pt x="327073" y="4485591"/>
                    </a:lnTo>
                    <a:lnTo>
                      <a:pt x="248208" y="4546471"/>
                    </a:lnTo>
                    <a:lnTo>
                      <a:pt x="163690" y="4493716"/>
                    </a:lnTo>
                    <a:lnTo>
                      <a:pt x="0" y="4371311"/>
                    </a:lnTo>
                    <a:lnTo>
                      <a:pt x="49821" y="4334055"/>
                    </a:lnTo>
                    <a:cubicBezTo>
                      <a:pt x="666216" y="3825361"/>
                      <a:pt x="1059105" y="3055520"/>
                      <a:pt x="1059105" y="2193915"/>
                    </a:cubicBezTo>
                    <a:cubicBezTo>
                      <a:pt x="1059105" y="1332310"/>
                      <a:pt x="666216" y="562469"/>
                      <a:pt x="49821" y="53775"/>
                    </a:cubicBezTo>
                    <a:lnTo>
                      <a:pt x="0" y="16520"/>
                    </a:lnTo>
                    <a:close/>
                  </a:path>
                </a:pathLst>
              </a:custGeom>
              <a:grp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sp>
            <p:nvSpPr>
              <p:cNvPr id="14" name="Freeform: Shape 13">
                <a:extLst>
                  <a:ext uri="{FF2B5EF4-FFF2-40B4-BE49-F238E27FC236}">
                    <a16:creationId xmlns:a16="http://schemas.microsoft.com/office/drawing/2014/main" id="{D6500C0A-2FC1-8A31-A1DF-E93D91A9DB16}"/>
                  </a:ext>
                </a:extLst>
              </p:cNvPr>
              <p:cNvSpPr/>
              <p:nvPr/>
            </p:nvSpPr>
            <p:spPr>
              <a:xfrm>
                <a:off x="175441" y="2904445"/>
                <a:ext cx="4255626" cy="2096503"/>
              </a:xfrm>
              <a:custGeom>
                <a:avLst/>
                <a:gdLst>
                  <a:gd name="connsiteX0" fmla="*/ 4223593 w 4255626"/>
                  <a:gd name="connsiteY0" fmla="*/ 0 h 2096503"/>
                  <a:gd name="connsiteX1" fmla="*/ 4232869 w 4255626"/>
                  <a:gd name="connsiteY1" fmla="*/ 5635 h 2096503"/>
                  <a:gd name="connsiteX2" fmla="*/ 4255626 w 4255626"/>
                  <a:gd name="connsiteY2" fmla="*/ 22652 h 2096503"/>
                  <a:gd name="connsiteX3" fmla="*/ 4224578 w 4255626"/>
                  <a:gd name="connsiteY3" fmla="*/ 143498 h 2096503"/>
                  <a:gd name="connsiteX4" fmla="*/ 1849750 w 4255626"/>
                  <a:gd name="connsiteY4" fmla="*/ 2082611 h 2096503"/>
                  <a:gd name="connsiteX5" fmla="*/ 501061 w 4255626"/>
                  <a:gd name="connsiteY5" fmla="*/ 1880694 h 2096503"/>
                  <a:gd name="connsiteX6" fmla="*/ 269522 w 4255626"/>
                  <a:gd name="connsiteY6" fmla="*/ 1769835 h 2096503"/>
                  <a:gd name="connsiteX7" fmla="*/ 259733 w 4255626"/>
                  <a:gd name="connsiteY7" fmla="*/ 1765147 h 2096503"/>
                  <a:gd name="connsiteX8" fmla="*/ 0 w 4255626"/>
                  <a:gd name="connsiteY8" fmla="*/ 1604238 h 2096503"/>
                  <a:gd name="connsiteX9" fmla="*/ 33422 w 4255626"/>
                  <a:gd name="connsiteY9" fmla="*/ 1480693 h 2096503"/>
                  <a:gd name="connsiteX10" fmla="*/ 81269 w 4255626"/>
                  <a:gd name="connsiteY10" fmla="*/ 1349964 h 2096503"/>
                  <a:gd name="connsiteX11" fmla="*/ 300665 w 4255626"/>
                  <a:gd name="connsiteY11" fmla="*/ 1483250 h 2096503"/>
                  <a:gd name="connsiteX12" fmla="*/ 1622664 w 4255626"/>
                  <a:gd name="connsiteY12" fmla="*/ 1817992 h 2096503"/>
                  <a:gd name="connsiteX13" fmla="*/ 4178177 w 4255626"/>
                  <a:gd name="connsiteY13" fmla="*/ 124085 h 20965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255626" h="2096503">
                    <a:moveTo>
                      <a:pt x="4223593" y="0"/>
                    </a:moveTo>
                    <a:lnTo>
                      <a:pt x="4232869" y="5635"/>
                    </a:lnTo>
                    <a:lnTo>
                      <a:pt x="4255626" y="22652"/>
                    </a:lnTo>
                    <a:lnTo>
                      <a:pt x="4224578" y="143498"/>
                    </a:lnTo>
                    <a:cubicBezTo>
                      <a:pt x="3904391" y="1175800"/>
                      <a:pt x="2992888" y="1968624"/>
                      <a:pt x="1849750" y="2082611"/>
                    </a:cubicBezTo>
                    <a:cubicBezTo>
                      <a:pt x="1373442" y="2130106"/>
                      <a:pt x="913286" y="2054128"/>
                      <a:pt x="501061" y="1880694"/>
                    </a:cubicBezTo>
                    <a:lnTo>
                      <a:pt x="269522" y="1769835"/>
                    </a:lnTo>
                    <a:lnTo>
                      <a:pt x="259733" y="1765147"/>
                    </a:lnTo>
                    <a:lnTo>
                      <a:pt x="0" y="1604238"/>
                    </a:lnTo>
                    <a:lnTo>
                      <a:pt x="33422" y="1480693"/>
                    </a:lnTo>
                    <a:lnTo>
                      <a:pt x="81269" y="1349964"/>
                    </a:lnTo>
                    <a:lnTo>
                      <a:pt x="300665" y="1483250"/>
                    </a:lnTo>
                    <a:cubicBezTo>
                      <a:pt x="693647" y="1696730"/>
                      <a:pt x="1143994" y="1817992"/>
                      <a:pt x="1622664" y="1817992"/>
                    </a:cubicBezTo>
                    <a:cubicBezTo>
                      <a:pt x="2771471" y="1817992"/>
                      <a:pt x="3757142" y="1119523"/>
                      <a:pt x="4178177" y="124085"/>
                    </a:cubicBezTo>
                    <a:close/>
                  </a:path>
                </a:pathLst>
              </a:custGeom>
              <a:grp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sp>
            <p:nvSpPr>
              <p:cNvPr id="15" name="Freeform: Shape 14">
                <a:extLst>
                  <a:ext uri="{FF2B5EF4-FFF2-40B4-BE49-F238E27FC236}">
                    <a16:creationId xmlns:a16="http://schemas.microsoft.com/office/drawing/2014/main" id="{E22CE26E-9FB2-89AF-8266-4A42ED3609FE}"/>
                  </a:ext>
                </a:extLst>
              </p:cNvPr>
              <p:cNvSpPr/>
              <p:nvPr/>
            </p:nvSpPr>
            <p:spPr>
              <a:xfrm>
                <a:off x="4496740" y="-1085607"/>
                <a:ext cx="2639722" cy="3636293"/>
              </a:xfrm>
              <a:custGeom>
                <a:avLst/>
                <a:gdLst>
                  <a:gd name="connsiteX0" fmla="*/ 2552416 w 2639722"/>
                  <a:gd name="connsiteY0" fmla="*/ 0 h 3636293"/>
                  <a:gd name="connsiteX1" fmla="*/ 2620250 w 2639722"/>
                  <a:gd name="connsiteY1" fmla="*/ 194484 h 3636293"/>
                  <a:gd name="connsiteX2" fmla="*/ 2639722 w 2639722"/>
                  <a:gd name="connsiteY2" fmla="*/ 271690 h 3636293"/>
                  <a:gd name="connsiteX3" fmla="*/ 2565584 w 2639722"/>
                  <a:gd name="connsiteY3" fmla="*/ 275434 h 3636293"/>
                  <a:gd name="connsiteX4" fmla="*/ 75689 w 2639722"/>
                  <a:gd name="connsiteY4" fmla="*/ 3034580 h 3636293"/>
                  <a:gd name="connsiteX5" fmla="*/ 132036 w 2639722"/>
                  <a:gd name="connsiteY5" fmla="*/ 3593530 h 3636293"/>
                  <a:gd name="connsiteX6" fmla="*/ 143032 w 2639722"/>
                  <a:gd name="connsiteY6" fmla="*/ 3636293 h 3636293"/>
                  <a:gd name="connsiteX7" fmla="*/ 125423 w 2639722"/>
                  <a:gd name="connsiteY7" fmla="*/ 3588211 h 3636293"/>
                  <a:gd name="connsiteX8" fmla="*/ 13893 w 2639722"/>
                  <a:gd name="connsiteY8" fmla="*/ 3037610 h 3636293"/>
                  <a:gd name="connsiteX9" fmla="*/ 2217731 w 2639722"/>
                  <a:gd name="connsiteY9" fmla="*/ 45026 h 3636293"/>
                  <a:gd name="connsiteX10" fmla="*/ 2392938 w 2639722"/>
                  <a:gd name="connsiteY10" fmla="*/ 18575 h 3636293"/>
                  <a:gd name="connsiteX11" fmla="*/ 2498482 w 2639722"/>
                  <a:gd name="connsiteY11" fmla="*/ 2641 h 36362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639722" h="3636293">
                    <a:moveTo>
                      <a:pt x="2552416" y="0"/>
                    </a:moveTo>
                    <a:lnTo>
                      <a:pt x="2620250" y="194484"/>
                    </a:lnTo>
                    <a:lnTo>
                      <a:pt x="2639722" y="271690"/>
                    </a:lnTo>
                    <a:lnTo>
                      <a:pt x="2565584" y="275434"/>
                    </a:lnTo>
                    <a:cubicBezTo>
                      <a:pt x="1167047" y="417463"/>
                      <a:pt x="75689" y="1598572"/>
                      <a:pt x="75689" y="3034580"/>
                    </a:cubicBezTo>
                    <a:cubicBezTo>
                      <a:pt x="75689" y="3226048"/>
                      <a:pt x="95091" y="3412984"/>
                      <a:pt x="132036" y="3593530"/>
                    </a:cubicBezTo>
                    <a:lnTo>
                      <a:pt x="143032" y="3636293"/>
                    </a:lnTo>
                    <a:lnTo>
                      <a:pt x="125423" y="3588211"/>
                    </a:lnTo>
                    <a:cubicBezTo>
                      <a:pt x="70746" y="3412222"/>
                      <a:pt x="32891" y="3228133"/>
                      <a:pt x="13893" y="3037610"/>
                    </a:cubicBezTo>
                    <a:cubicBezTo>
                      <a:pt x="-128592" y="1608689"/>
                      <a:pt x="840188" y="325121"/>
                      <a:pt x="2217731" y="45026"/>
                    </a:cubicBezTo>
                    <a:lnTo>
                      <a:pt x="2392938" y="18575"/>
                    </a:lnTo>
                    <a:lnTo>
                      <a:pt x="2498482" y="2641"/>
                    </a:lnTo>
                    <a:close/>
                  </a:path>
                </a:pathLst>
              </a:custGeom>
              <a:grp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sp>
            <p:nvSpPr>
              <p:cNvPr id="16" name="Freeform: Shape 15">
                <a:extLst>
                  <a:ext uri="{FF2B5EF4-FFF2-40B4-BE49-F238E27FC236}">
                    <a16:creationId xmlns:a16="http://schemas.microsoft.com/office/drawing/2014/main" id="{F0E94978-22BD-0440-9152-6CB9647A68A2}"/>
                  </a:ext>
                </a:extLst>
              </p:cNvPr>
              <p:cNvSpPr/>
              <p:nvPr/>
            </p:nvSpPr>
            <p:spPr>
              <a:xfrm>
                <a:off x="4782155" y="2253087"/>
                <a:ext cx="4356897" cy="2001323"/>
              </a:xfrm>
              <a:custGeom>
                <a:avLst/>
                <a:gdLst>
                  <a:gd name="connsiteX0" fmla="*/ 1695460 w 4356897"/>
                  <a:gd name="connsiteY0" fmla="*/ 767 h 2001323"/>
                  <a:gd name="connsiteX1" fmla="*/ 4193295 w 4356897"/>
                  <a:gd name="connsiteY1" fmla="*/ 1445876 h 2001323"/>
                  <a:gd name="connsiteX2" fmla="*/ 4250799 w 4356897"/>
                  <a:gd name="connsiteY2" fmla="*/ 1564843 h 2001323"/>
                  <a:gd name="connsiteX3" fmla="*/ 4311381 w 4356897"/>
                  <a:gd name="connsiteY3" fmla="*/ 1690180 h 2001323"/>
                  <a:gd name="connsiteX4" fmla="*/ 4356897 w 4356897"/>
                  <a:gd name="connsiteY4" fmla="*/ 1809801 h 2001323"/>
                  <a:gd name="connsiteX5" fmla="*/ 4114412 w 4356897"/>
                  <a:gd name="connsiteY5" fmla="*/ 1995687 h 2001323"/>
                  <a:gd name="connsiteX6" fmla="*/ 4105135 w 4356897"/>
                  <a:gd name="connsiteY6" fmla="*/ 2001323 h 2001323"/>
                  <a:gd name="connsiteX7" fmla="*/ 4059719 w 4356897"/>
                  <a:gd name="connsiteY7" fmla="*/ 1877237 h 2001323"/>
                  <a:gd name="connsiteX8" fmla="*/ 1504206 w 4356897"/>
                  <a:gd name="connsiteY8" fmla="*/ 183330 h 2001323"/>
                  <a:gd name="connsiteX9" fmla="*/ 182207 w 4356897"/>
                  <a:gd name="connsiteY9" fmla="*/ 518072 h 2001323"/>
                  <a:gd name="connsiteX10" fmla="*/ 0 w 4356897"/>
                  <a:gd name="connsiteY10" fmla="*/ 628766 h 2001323"/>
                  <a:gd name="connsiteX11" fmla="*/ 200057 w 4356897"/>
                  <a:gd name="connsiteY11" fmla="*/ 478156 h 2001323"/>
                  <a:gd name="connsiteX12" fmla="*/ 1482319 w 4356897"/>
                  <a:gd name="connsiteY12" fmla="*/ 13893 h 2001323"/>
                  <a:gd name="connsiteX13" fmla="*/ 1695460 w 4356897"/>
                  <a:gd name="connsiteY13" fmla="*/ 767 h 2001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356897" h="2001323">
                    <a:moveTo>
                      <a:pt x="1695460" y="767"/>
                    </a:moveTo>
                    <a:cubicBezTo>
                      <a:pt x="2754640" y="-24069"/>
                      <a:pt x="3707925" y="556424"/>
                      <a:pt x="4193295" y="1445876"/>
                    </a:cubicBezTo>
                    <a:lnTo>
                      <a:pt x="4250799" y="1564843"/>
                    </a:lnTo>
                    <a:lnTo>
                      <a:pt x="4311381" y="1690180"/>
                    </a:lnTo>
                    <a:lnTo>
                      <a:pt x="4356897" y="1809801"/>
                    </a:lnTo>
                    <a:lnTo>
                      <a:pt x="4114412" y="1995687"/>
                    </a:lnTo>
                    <a:lnTo>
                      <a:pt x="4105135" y="2001323"/>
                    </a:lnTo>
                    <a:lnTo>
                      <a:pt x="4059719" y="1877237"/>
                    </a:lnTo>
                    <a:cubicBezTo>
                      <a:pt x="3638684" y="881799"/>
                      <a:pt x="2653013" y="183330"/>
                      <a:pt x="1504206" y="183330"/>
                    </a:cubicBezTo>
                    <a:cubicBezTo>
                      <a:pt x="1025537" y="183330"/>
                      <a:pt x="575189" y="304592"/>
                      <a:pt x="182207" y="518072"/>
                    </a:cubicBezTo>
                    <a:lnTo>
                      <a:pt x="0" y="628766"/>
                    </a:lnTo>
                    <a:lnTo>
                      <a:pt x="200057" y="478156"/>
                    </a:lnTo>
                    <a:cubicBezTo>
                      <a:pt x="569918" y="226737"/>
                      <a:pt x="1006012" y="61388"/>
                      <a:pt x="1482319" y="13893"/>
                    </a:cubicBezTo>
                    <a:cubicBezTo>
                      <a:pt x="1553765" y="6769"/>
                      <a:pt x="1624848" y="2423"/>
                      <a:pt x="1695460" y="767"/>
                    </a:cubicBezTo>
                    <a:close/>
                  </a:path>
                </a:pathLst>
              </a:custGeom>
              <a:grp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1903" tIns="191903" rIns="191903" bIns="191903" numCol="1" spcCol="1270" anchor="ctr" anchorCtr="0">
                <a:noAutofit/>
              </a:bodyPr>
              <a:lstStyle/>
              <a:p>
                <a:pPr marL="0" lvl="0" indent="0" algn="ctr" defTabSz="1111250">
                  <a:lnSpc>
                    <a:spcPct val="90000"/>
                  </a:lnSpc>
                  <a:spcBef>
                    <a:spcPct val="0"/>
                  </a:spcBef>
                  <a:spcAft>
                    <a:spcPct val="35000"/>
                  </a:spcAft>
                  <a:buNone/>
                </a:pPr>
                <a:endParaRPr lang="en-US" sz="2500" kern="1200"/>
              </a:p>
            </p:txBody>
          </p:sp>
        </p:grpSp>
      </p:grpSp>
      <p:sp>
        <p:nvSpPr>
          <p:cNvPr id="48" name="Graphic 186">
            <a:extLst>
              <a:ext uri="{FF2B5EF4-FFF2-40B4-BE49-F238E27FC236}">
                <a16:creationId xmlns:a16="http://schemas.microsoft.com/office/drawing/2014/main" id="{7D3FF1AD-7C66-5D32-647E-C36D61622948}"/>
              </a:ext>
            </a:extLst>
          </p:cNvPr>
          <p:cNvSpPr/>
          <p:nvPr/>
        </p:nvSpPr>
        <p:spPr>
          <a:xfrm>
            <a:off x="4055849" y="3230967"/>
            <a:ext cx="723662" cy="723659"/>
          </a:xfrm>
          <a:custGeom>
            <a:avLst/>
            <a:gdLst>
              <a:gd name="connsiteX0" fmla="*/ 4765915 w 5143500"/>
              <a:gd name="connsiteY0" fmla="*/ 1230000 h 5143500"/>
              <a:gd name="connsiteX1" fmla="*/ 5015375 w 5143500"/>
              <a:gd name="connsiteY1" fmla="*/ 980574 h 5143500"/>
              <a:gd name="connsiteX2" fmla="*/ 5050345 w 5143500"/>
              <a:gd name="connsiteY2" fmla="*/ 822273 h 5143500"/>
              <a:gd name="connsiteX3" fmla="*/ 4921466 w 5143500"/>
              <a:gd name="connsiteY3" fmla="*/ 723854 h 5143500"/>
              <a:gd name="connsiteX4" fmla="*/ 4458691 w 5143500"/>
              <a:gd name="connsiteY4" fmla="*/ 684809 h 5143500"/>
              <a:gd name="connsiteX5" fmla="*/ 4419643 w 5143500"/>
              <a:gd name="connsiteY5" fmla="*/ 222030 h 5143500"/>
              <a:gd name="connsiteX6" fmla="*/ 4321264 w 5143500"/>
              <a:gd name="connsiteY6" fmla="*/ 93199 h 5143500"/>
              <a:gd name="connsiteX7" fmla="*/ 4162970 w 5143500"/>
              <a:gd name="connsiteY7" fmla="*/ 128164 h 5143500"/>
              <a:gd name="connsiteX8" fmla="*/ 3913510 w 5143500"/>
              <a:gd name="connsiteY8" fmla="*/ 377584 h 5143500"/>
              <a:gd name="connsiteX9" fmla="*/ 2571750 w 5143500"/>
              <a:gd name="connsiteY9" fmla="*/ 0 h 5143500"/>
              <a:gd name="connsiteX10" fmla="*/ 753247 w 5143500"/>
              <a:gd name="connsiteY10" fmla="*/ 753247 h 5143500"/>
              <a:gd name="connsiteX11" fmla="*/ 0 w 5143500"/>
              <a:gd name="connsiteY11" fmla="*/ 2571750 h 5143500"/>
              <a:gd name="connsiteX12" fmla="*/ 753247 w 5143500"/>
              <a:gd name="connsiteY12" fmla="*/ 4390259 h 5143500"/>
              <a:gd name="connsiteX13" fmla="*/ 2571750 w 5143500"/>
              <a:gd name="connsiteY13" fmla="*/ 5143500 h 5143500"/>
              <a:gd name="connsiteX14" fmla="*/ 4390259 w 5143500"/>
              <a:gd name="connsiteY14" fmla="*/ 4390259 h 5143500"/>
              <a:gd name="connsiteX15" fmla="*/ 5143500 w 5143500"/>
              <a:gd name="connsiteY15" fmla="*/ 2571750 h 5143500"/>
              <a:gd name="connsiteX16" fmla="*/ 4765915 w 5143500"/>
              <a:gd name="connsiteY16" fmla="*/ 1230000 h 5143500"/>
              <a:gd name="connsiteX17" fmla="*/ 4169048 w 5143500"/>
              <a:gd name="connsiteY17" fmla="*/ 836949 h 5143500"/>
              <a:gd name="connsiteX18" fmla="*/ 4306556 w 5143500"/>
              <a:gd name="connsiteY18" fmla="*/ 974452 h 5143500"/>
              <a:gd name="connsiteX19" fmla="*/ 4572803 w 5143500"/>
              <a:gd name="connsiteY19" fmla="*/ 996899 h 5143500"/>
              <a:gd name="connsiteX20" fmla="*/ 4212406 w 5143500"/>
              <a:gd name="connsiteY20" fmla="*/ 1357291 h 5143500"/>
              <a:gd name="connsiteX21" fmla="*/ 3819360 w 5143500"/>
              <a:gd name="connsiteY21" fmla="*/ 1324140 h 5143500"/>
              <a:gd name="connsiteX22" fmla="*/ 3786209 w 5143500"/>
              <a:gd name="connsiteY22" fmla="*/ 931090 h 5143500"/>
              <a:gd name="connsiteX23" fmla="*/ 4146605 w 5143500"/>
              <a:gd name="connsiteY23" fmla="*/ 570693 h 5143500"/>
              <a:gd name="connsiteX24" fmla="*/ 3084091 w 5143500"/>
              <a:gd name="connsiteY24" fmla="*/ 2571750 h 5143500"/>
              <a:gd name="connsiteX25" fmla="*/ 2571750 w 5143500"/>
              <a:gd name="connsiteY25" fmla="*/ 3084091 h 5143500"/>
              <a:gd name="connsiteX26" fmla="*/ 2059409 w 5143500"/>
              <a:gd name="connsiteY26" fmla="*/ 2571750 h 5143500"/>
              <a:gd name="connsiteX27" fmla="*/ 2571750 w 5143500"/>
              <a:gd name="connsiteY27" fmla="*/ 2059409 h 5143500"/>
              <a:gd name="connsiteX28" fmla="*/ 2811325 w 5143500"/>
              <a:gd name="connsiteY28" fmla="*/ 2119062 h 5143500"/>
              <a:gd name="connsiteX29" fmla="*/ 2465213 w 5143500"/>
              <a:gd name="connsiteY29" fmla="*/ 2465213 h 5143500"/>
              <a:gd name="connsiteX30" fmla="*/ 2465213 w 5143500"/>
              <a:gd name="connsiteY30" fmla="*/ 2678287 h 5143500"/>
              <a:gd name="connsiteX31" fmla="*/ 2571750 w 5143500"/>
              <a:gd name="connsiteY31" fmla="*/ 2722439 h 5143500"/>
              <a:gd name="connsiteX32" fmla="*/ 2678287 w 5143500"/>
              <a:gd name="connsiteY32" fmla="*/ 2678287 h 5143500"/>
              <a:gd name="connsiteX33" fmla="*/ 3024448 w 5143500"/>
              <a:gd name="connsiteY33" fmla="*/ 2332175 h 5143500"/>
              <a:gd name="connsiteX34" fmla="*/ 3084091 w 5143500"/>
              <a:gd name="connsiteY34" fmla="*/ 2571750 h 5143500"/>
              <a:gd name="connsiteX35" fmla="*/ 3030366 w 5143500"/>
              <a:gd name="connsiteY35" fmla="*/ 1900011 h 5143500"/>
              <a:gd name="connsiteX36" fmla="*/ 2571750 w 5143500"/>
              <a:gd name="connsiteY36" fmla="*/ 1758032 h 5143500"/>
              <a:gd name="connsiteX37" fmla="*/ 1758032 w 5143500"/>
              <a:gd name="connsiteY37" fmla="*/ 2571750 h 5143500"/>
              <a:gd name="connsiteX38" fmla="*/ 2571750 w 5143500"/>
              <a:gd name="connsiteY38" fmla="*/ 3385468 h 5143500"/>
              <a:gd name="connsiteX39" fmla="*/ 3385468 w 5143500"/>
              <a:gd name="connsiteY39" fmla="*/ 2571750 h 5143500"/>
              <a:gd name="connsiteX40" fmla="*/ 3243489 w 5143500"/>
              <a:gd name="connsiteY40" fmla="*/ 2113135 h 5143500"/>
              <a:gd name="connsiteX41" fmla="*/ 3673735 w 5143500"/>
              <a:gd name="connsiteY41" fmla="*/ 1682889 h 5143500"/>
              <a:gd name="connsiteX42" fmla="*/ 3988222 w 5143500"/>
              <a:gd name="connsiteY42" fmla="*/ 2571750 h 5143500"/>
              <a:gd name="connsiteX43" fmla="*/ 2571750 w 5143500"/>
              <a:gd name="connsiteY43" fmla="*/ 3988222 h 5143500"/>
              <a:gd name="connsiteX44" fmla="*/ 1155278 w 5143500"/>
              <a:gd name="connsiteY44" fmla="*/ 2571750 h 5143500"/>
              <a:gd name="connsiteX45" fmla="*/ 2571750 w 5143500"/>
              <a:gd name="connsiteY45" fmla="*/ 1155278 h 5143500"/>
              <a:gd name="connsiteX46" fmla="*/ 3460611 w 5143500"/>
              <a:gd name="connsiteY46" fmla="*/ 1469765 h 5143500"/>
              <a:gd name="connsiteX47" fmla="*/ 4177135 w 5143500"/>
              <a:gd name="connsiteY47" fmla="*/ 4177135 h 5143500"/>
              <a:gd name="connsiteX48" fmla="*/ 2571750 w 5143500"/>
              <a:gd name="connsiteY48" fmla="*/ 4842123 h 5143500"/>
              <a:gd name="connsiteX49" fmla="*/ 966368 w 5143500"/>
              <a:gd name="connsiteY49" fmla="*/ 4177135 h 5143500"/>
              <a:gd name="connsiteX50" fmla="*/ 301377 w 5143500"/>
              <a:gd name="connsiteY50" fmla="*/ 2571750 h 5143500"/>
              <a:gd name="connsiteX51" fmla="*/ 966368 w 5143500"/>
              <a:gd name="connsiteY51" fmla="*/ 966368 h 5143500"/>
              <a:gd name="connsiteX52" fmla="*/ 2571750 w 5143500"/>
              <a:gd name="connsiteY52" fmla="*/ 301377 h 5143500"/>
              <a:gd name="connsiteX53" fmla="*/ 3693596 w 5143500"/>
              <a:gd name="connsiteY53" fmla="*/ 597496 h 5143500"/>
              <a:gd name="connsiteX54" fmla="*/ 3523639 w 5143500"/>
              <a:gd name="connsiteY54" fmla="*/ 767451 h 5143500"/>
              <a:gd name="connsiteX55" fmla="*/ 3479528 w 5143500"/>
              <a:gd name="connsiteY55" fmla="*/ 870148 h 5143500"/>
              <a:gd name="connsiteX56" fmla="*/ 3480000 w 5143500"/>
              <a:gd name="connsiteY56" fmla="*/ 886668 h 5143500"/>
              <a:gd name="connsiteX57" fmla="*/ 3500292 w 5143500"/>
              <a:gd name="connsiteY57" fmla="*/ 1127100 h 5143500"/>
              <a:gd name="connsiteX58" fmla="*/ 2571750 w 5143500"/>
              <a:gd name="connsiteY58" fmla="*/ 853901 h 5143500"/>
              <a:gd name="connsiteX59" fmla="*/ 853901 w 5143500"/>
              <a:gd name="connsiteY59" fmla="*/ 2571750 h 5143500"/>
              <a:gd name="connsiteX60" fmla="*/ 2571750 w 5143500"/>
              <a:gd name="connsiteY60" fmla="*/ 4289599 h 5143500"/>
              <a:gd name="connsiteX61" fmla="*/ 4289599 w 5143500"/>
              <a:gd name="connsiteY61" fmla="*/ 2571750 h 5143500"/>
              <a:gd name="connsiteX62" fmla="*/ 4016400 w 5143500"/>
              <a:gd name="connsiteY62" fmla="*/ 1643208 h 5143500"/>
              <a:gd name="connsiteX63" fmla="*/ 4256829 w 5143500"/>
              <a:gd name="connsiteY63" fmla="*/ 1663500 h 5143500"/>
              <a:gd name="connsiteX64" fmla="*/ 4269507 w 5143500"/>
              <a:gd name="connsiteY64" fmla="*/ 1664013 h 5143500"/>
              <a:gd name="connsiteX65" fmla="*/ 4271667 w 5143500"/>
              <a:gd name="connsiteY65" fmla="*/ 1663892 h 5143500"/>
              <a:gd name="connsiteX66" fmla="*/ 4277634 w 5143500"/>
              <a:gd name="connsiteY66" fmla="*/ 1663621 h 5143500"/>
              <a:gd name="connsiteX67" fmla="*/ 4287399 w 5143500"/>
              <a:gd name="connsiteY67" fmla="*/ 1662827 h 5143500"/>
              <a:gd name="connsiteX68" fmla="*/ 4293406 w 5143500"/>
              <a:gd name="connsiteY68" fmla="*/ 1661933 h 5143500"/>
              <a:gd name="connsiteX69" fmla="*/ 4302860 w 5143500"/>
              <a:gd name="connsiteY69" fmla="*/ 1660125 h 5143500"/>
              <a:gd name="connsiteX70" fmla="*/ 4308787 w 5143500"/>
              <a:gd name="connsiteY70" fmla="*/ 1658628 h 5143500"/>
              <a:gd name="connsiteX71" fmla="*/ 4317888 w 5143500"/>
              <a:gd name="connsiteY71" fmla="*/ 1655845 h 5143500"/>
              <a:gd name="connsiteX72" fmla="*/ 4323705 w 5143500"/>
              <a:gd name="connsiteY72" fmla="*/ 1653766 h 5143500"/>
              <a:gd name="connsiteX73" fmla="*/ 4332455 w 5143500"/>
              <a:gd name="connsiteY73" fmla="*/ 1649999 h 5143500"/>
              <a:gd name="connsiteX74" fmla="*/ 4337980 w 5143500"/>
              <a:gd name="connsiteY74" fmla="*/ 1647407 h 5143500"/>
              <a:gd name="connsiteX75" fmla="*/ 4346499 w 5143500"/>
              <a:gd name="connsiteY75" fmla="*/ 1642625 h 5143500"/>
              <a:gd name="connsiteX76" fmla="*/ 4351522 w 5143500"/>
              <a:gd name="connsiteY76" fmla="*/ 1639641 h 5143500"/>
              <a:gd name="connsiteX77" fmla="*/ 4360232 w 5143500"/>
              <a:gd name="connsiteY77" fmla="*/ 1633403 h 5143500"/>
              <a:gd name="connsiteX78" fmla="*/ 4364240 w 5143500"/>
              <a:gd name="connsiteY78" fmla="*/ 1630419 h 5143500"/>
              <a:gd name="connsiteX79" fmla="*/ 4376044 w 5143500"/>
              <a:gd name="connsiteY79" fmla="*/ 1619861 h 5143500"/>
              <a:gd name="connsiteX80" fmla="*/ 4546000 w 5143500"/>
              <a:gd name="connsiteY80" fmla="*/ 1449905 h 5143500"/>
              <a:gd name="connsiteX81" fmla="*/ 4842123 w 5143500"/>
              <a:gd name="connsiteY81" fmla="*/ 2571750 h 5143500"/>
              <a:gd name="connsiteX82" fmla="*/ 4177135 w 5143500"/>
              <a:gd name="connsiteY82" fmla="*/ 4177135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Lst>
            <a:rect l="l" t="t" r="r" b="b"/>
            <a:pathLst>
              <a:path w="5143500" h="5143500">
                <a:moveTo>
                  <a:pt x="4765915" y="1230000"/>
                </a:moveTo>
                <a:lnTo>
                  <a:pt x="5015375" y="980574"/>
                </a:lnTo>
                <a:cubicBezTo>
                  <a:pt x="5056814" y="939096"/>
                  <a:pt x="5070467" y="877328"/>
                  <a:pt x="5050345" y="822273"/>
                </a:cubicBezTo>
                <a:cubicBezTo>
                  <a:pt x="5030213" y="767177"/>
                  <a:pt x="4979943" y="728799"/>
                  <a:pt x="4921466" y="723854"/>
                </a:cubicBezTo>
                <a:lnTo>
                  <a:pt x="4458691" y="684809"/>
                </a:lnTo>
                <a:lnTo>
                  <a:pt x="4419643" y="222030"/>
                </a:lnTo>
                <a:cubicBezTo>
                  <a:pt x="4414741" y="163599"/>
                  <a:pt x="4376325" y="113331"/>
                  <a:pt x="4321264" y="93199"/>
                </a:cubicBezTo>
                <a:cubicBezTo>
                  <a:pt x="4266212" y="73029"/>
                  <a:pt x="4204440" y="86685"/>
                  <a:pt x="4162970" y="128164"/>
                </a:cubicBezTo>
                <a:lnTo>
                  <a:pt x="3913510" y="377584"/>
                </a:lnTo>
                <a:cubicBezTo>
                  <a:pt x="3510097" y="130243"/>
                  <a:pt x="3048850" y="0"/>
                  <a:pt x="2571750" y="0"/>
                </a:cubicBezTo>
                <a:cubicBezTo>
                  <a:pt x="1884822" y="0"/>
                  <a:pt x="1238981" y="267511"/>
                  <a:pt x="753247" y="753247"/>
                </a:cubicBezTo>
                <a:cubicBezTo>
                  <a:pt x="267511" y="1238981"/>
                  <a:pt x="0" y="1884822"/>
                  <a:pt x="0" y="2571750"/>
                </a:cubicBezTo>
                <a:cubicBezTo>
                  <a:pt x="0" y="3258679"/>
                  <a:pt x="267511" y="3904519"/>
                  <a:pt x="753247" y="4390259"/>
                </a:cubicBezTo>
                <a:cubicBezTo>
                  <a:pt x="1238981" y="4875988"/>
                  <a:pt x="1884822" y="5143500"/>
                  <a:pt x="2571750" y="5143500"/>
                </a:cubicBezTo>
                <a:cubicBezTo>
                  <a:pt x="3258679" y="5143500"/>
                  <a:pt x="3904519" y="4875988"/>
                  <a:pt x="4390259" y="4390259"/>
                </a:cubicBezTo>
                <a:cubicBezTo>
                  <a:pt x="4875988" y="3904519"/>
                  <a:pt x="5143500" y="3258679"/>
                  <a:pt x="5143500" y="2571750"/>
                </a:cubicBezTo>
                <a:cubicBezTo>
                  <a:pt x="5143500" y="2094650"/>
                  <a:pt x="5013255" y="1633443"/>
                  <a:pt x="4765915" y="1230000"/>
                </a:cubicBezTo>
                <a:close/>
                <a:moveTo>
                  <a:pt x="4169048" y="836949"/>
                </a:moveTo>
                <a:cubicBezTo>
                  <a:pt x="4175246" y="910175"/>
                  <a:pt x="4233322" y="968252"/>
                  <a:pt x="4306556" y="974452"/>
                </a:cubicBezTo>
                <a:lnTo>
                  <a:pt x="4572803" y="996899"/>
                </a:lnTo>
                <a:lnTo>
                  <a:pt x="4212406" y="1357291"/>
                </a:lnTo>
                <a:lnTo>
                  <a:pt x="3819360" y="1324140"/>
                </a:lnTo>
                <a:lnTo>
                  <a:pt x="3786209" y="931090"/>
                </a:lnTo>
                <a:lnTo>
                  <a:pt x="4146605" y="570693"/>
                </a:lnTo>
                <a:close/>
                <a:moveTo>
                  <a:pt x="3084091" y="2571750"/>
                </a:moveTo>
                <a:cubicBezTo>
                  <a:pt x="3084091" y="2854251"/>
                  <a:pt x="2854251" y="3084091"/>
                  <a:pt x="2571750" y="3084091"/>
                </a:cubicBezTo>
                <a:cubicBezTo>
                  <a:pt x="2289249" y="3084091"/>
                  <a:pt x="2059409" y="2854251"/>
                  <a:pt x="2059409" y="2571750"/>
                </a:cubicBezTo>
                <a:cubicBezTo>
                  <a:pt x="2059409" y="2289249"/>
                  <a:pt x="2289249" y="2059409"/>
                  <a:pt x="2571750" y="2059409"/>
                </a:cubicBezTo>
                <a:cubicBezTo>
                  <a:pt x="2658276" y="2059409"/>
                  <a:pt x="2739788" y="2081028"/>
                  <a:pt x="2811325" y="2119062"/>
                </a:cubicBezTo>
                <a:lnTo>
                  <a:pt x="2465213" y="2465213"/>
                </a:lnTo>
                <a:cubicBezTo>
                  <a:pt x="2406344" y="2524032"/>
                  <a:pt x="2406344" y="2619428"/>
                  <a:pt x="2465213" y="2678287"/>
                </a:cubicBezTo>
                <a:cubicBezTo>
                  <a:pt x="2494598" y="2707721"/>
                  <a:pt x="2533174" y="2722439"/>
                  <a:pt x="2571750" y="2722439"/>
                </a:cubicBezTo>
                <a:cubicBezTo>
                  <a:pt x="2610326" y="2722439"/>
                  <a:pt x="2648903" y="2707721"/>
                  <a:pt x="2678287" y="2678287"/>
                </a:cubicBezTo>
                <a:lnTo>
                  <a:pt x="3024448" y="2332175"/>
                </a:lnTo>
                <a:cubicBezTo>
                  <a:pt x="3062472" y="2403712"/>
                  <a:pt x="3084091" y="2485225"/>
                  <a:pt x="3084091" y="2571750"/>
                </a:cubicBezTo>
                <a:close/>
                <a:moveTo>
                  <a:pt x="3030366" y="1900011"/>
                </a:moveTo>
                <a:cubicBezTo>
                  <a:pt x="2899698" y="1810542"/>
                  <a:pt x="2741747" y="1758032"/>
                  <a:pt x="2571750" y="1758032"/>
                </a:cubicBezTo>
                <a:cubicBezTo>
                  <a:pt x="2123060" y="1758032"/>
                  <a:pt x="1758032" y="2123060"/>
                  <a:pt x="1758032" y="2571750"/>
                </a:cubicBezTo>
                <a:cubicBezTo>
                  <a:pt x="1758032" y="3020440"/>
                  <a:pt x="2123060" y="3385468"/>
                  <a:pt x="2571750" y="3385468"/>
                </a:cubicBezTo>
                <a:cubicBezTo>
                  <a:pt x="3020440" y="3385468"/>
                  <a:pt x="3385468" y="3020440"/>
                  <a:pt x="3385468" y="2571750"/>
                </a:cubicBezTo>
                <a:cubicBezTo>
                  <a:pt x="3385468" y="2401753"/>
                  <a:pt x="3332958" y="2243802"/>
                  <a:pt x="3243489" y="2113135"/>
                </a:cubicBezTo>
                <a:lnTo>
                  <a:pt x="3673735" y="1682889"/>
                </a:lnTo>
                <a:cubicBezTo>
                  <a:pt x="3870303" y="1926100"/>
                  <a:pt x="3988222" y="2235413"/>
                  <a:pt x="3988222" y="2571750"/>
                </a:cubicBezTo>
                <a:cubicBezTo>
                  <a:pt x="3988222" y="3352779"/>
                  <a:pt x="3352779" y="3988222"/>
                  <a:pt x="2571750" y="3988222"/>
                </a:cubicBezTo>
                <a:cubicBezTo>
                  <a:pt x="1790722" y="3988222"/>
                  <a:pt x="1155278" y="3352779"/>
                  <a:pt x="1155278" y="2571750"/>
                </a:cubicBezTo>
                <a:cubicBezTo>
                  <a:pt x="1155278" y="1790722"/>
                  <a:pt x="1790722" y="1155278"/>
                  <a:pt x="2571750" y="1155278"/>
                </a:cubicBezTo>
                <a:cubicBezTo>
                  <a:pt x="2908087" y="1155278"/>
                  <a:pt x="3217400" y="1273197"/>
                  <a:pt x="3460611" y="1469765"/>
                </a:cubicBezTo>
                <a:close/>
                <a:moveTo>
                  <a:pt x="4177135" y="4177135"/>
                </a:moveTo>
                <a:cubicBezTo>
                  <a:pt x="3748336" y="4605964"/>
                  <a:pt x="3178191" y="4842123"/>
                  <a:pt x="2571750" y="4842123"/>
                </a:cubicBezTo>
                <a:cubicBezTo>
                  <a:pt x="1965309" y="4842123"/>
                  <a:pt x="1395164" y="4605964"/>
                  <a:pt x="966368" y="4177135"/>
                </a:cubicBezTo>
                <a:cubicBezTo>
                  <a:pt x="537534" y="3748336"/>
                  <a:pt x="301377" y="3178191"/>
                  <a:pt x="301377" y="2571750"/>
                </a:cubicBezTo>
                <a:cubicBezTo>
                  <a:pt x="301377" y="1965309"/>
                  <a:pt x="537534" y="1395164"/>
                  <a:pt x="966368" y="966368"/>
                </a:cubicBezTo>
                <a:cubicBezTo>
                  <a:pt x="1395164" y="537534"/>
                  <a:pt x="1965309" y="301377"/>
                  <a:pt x="2571750" y="301377"/>
                </a:cubicBezTo>
                <a:cubicBezTo>
                  <a:pt x="2968483" y="301377"/>
                  <a:pt x="3352779" y="403288"/>
                  <a:pt x="3693596" y="597496"/>
                </a:cubicBezTo>
                <a:lnTo>
                  <a:pt x="3523639" y="767451"/>
                </a:lnTo>
                <a:cubicBezTo>
                  <a:pt x="3496174" y="794921"/>
                  <a:pt x="3480512" y="831730"/>
                  <a:pt x="3479528" y="870148"/>
                </a:cubicBezTo>
                <a:cubicBezTo>
                  <a:pt x="3479417" y="875642"/>
                  <a:pt x="3479568" y="881135"/>
                  <a:pt x="3480000" y="886668"/>
                </a:cubicBezTo>
                <a:lnTo>
                  <a:pt x="3500292" y="1127100"/>
                </a:lnTo>
                <a:cubicBezTo>
                  <a:pt x="3232388" y="954282"/>
                  <a:pt x="2913582" y="853901"/>
                  <a:pt x="2571750" y="853901"/>
                </a:cubicBezTo>
                <a:cubicBezTo>
                  <a:pt x="1624532" y="853901"/>
                  <a:pt x="853901" y="1624532"/>
                  <a:pt x="853901" y="2571750"/>
                </a:cubicBezTo>
                <a:cubicBezTo>
                  <a:pt x="853901" y="3518968"/>
                  <a:pt x="1624532" y="4289599"/>
                  <a:pt x="2571750" y="4289599"/>
                </a:cubicBezTo>
                <a:cubicBezTo>
                  <a:pt x="3518968" y="4289599"/>
                  <a:pt x="4289599" y="3518968"/>
                  <a:pt x="4289599" y="2571750"/>
                </a:cubicBezTo>
                <a:cubicBezTo>
                  <a:pt x="4289599" y="2229918"/>
                  <a:pt x="4189220" y="1911112"/>
                  <a:pt x="4016400" y="1643208"/>
                </a:cubicBezTo>
                <a:lnTo>
                  <a:pt x="4256829" y="1663500"/>
                </a:lnTo>
                <a:cubicBezTo>
                  <a:pt x="4261069" y="1663812"/>
                  <a:pt x="4265308" y="1664013"/>
                  <a:pt x="4269507" y="1664013"/>
                </a:cubicBezTo>
                <a:cubicBezTo>
                  <a:pt x="4270210" y="1664013"/>
                  <a:pt x="4270964" y="1663932"/>
                  <a:pt x="4271667" y="1663892"/>
                </a:cubicBezTo>
                <a:cubicBezTo>
                  <a:pt x="4273666" y="1663892"/>
                  <a:pt x="4275625" y="1663732"/>
                  <a:pt x="4277634" y="1663621"/>
                </a:cubicBezTo>
                <a:cubicBezTo>
                  <a:pt x="4280889" y="1663420"/>
                  <a:pt x="4284184" y="1663229"/>
                  <a:pt x="4287399" y="1662827"/>
                </a:cubicBezTo>
                <a:cubicBezTo>
                  <a:pt x="4289398" y="1662556"/>
                  <a:pt x="4291407" y="1662245"/>
                  <a:pt x="4293406" y="1661933"/>
                </a:cubicBezTo>
                <a:cubicBezTo>
                  <a:pt x="4296581" y="1661421"/>
                  <a:pt x="4299725" y="1660828"/>
                  <a:pt x="4302860" y="1660125"/>
                </a:cubicBezTo>
                <a:cubicBezTo>
                  <a:pt x="4304869" y="1659653"/>
                  <a:pt x="4306828" y="1659141"/>
                  <a:pt x="4308787" y="1658628"/>
                </a:cubicBezTo>
                <a:cubicBezTo>
                  <a:pt x="4311851" y="1657804"/>
                  <a:pt x="4314874" y="1656870"/>
                  <a:pt x="4317888" y="1655845"/>
                </a:cubicBezTo>
                <a:cubicBezTo>
                  <a:pt x="4319857" y="1655182"/>
                  <a:pt x="4321776" y="1654509"/>
                  <a:pt x="4323705" y="1653766"/>
                </a:cubicBezTo>
                <a:cubicBezTo>
                  <a:pt x="4326648" y="1652631"/>
                  <a:pt x="4329551" y="1651375"/>
                  <a:pt x="4332455" y="1649999"/>
                </a:cubicBezTo>
                <a:cubicBezTo>
                  <a:pt x="4334293" y="1649175"/>
                  <a:pt x="4336141" y="1648351"/>
                  <a:pt x="4337980" y="1647407"/>
                </a:cubicBezTo>
                <a:cubicBezTo>
                  <a:pt x="4340883" y="1645920"/>
                  <a:pt x="4343716" y="1644272"/>
                  <a:pt x="4346499" y="1642625"/>
                </a:cubicBezTo>
                <a:cubicBezTo>
                  <a:pt x="4348187" y="1641600"/>
                  <a:pt x="4349874" y="1640656"/>
                  <a:pt x="4351522" y="1639641"/>
                </a:cubicBezTo>
                <a:cubicBezTo>
                  <a:pt x="4354505" y="1637682"/>
                  <a:pt x="4357369" y="1635563"/>
                  <a:pt x="4360232" y="1633403"/>
                </a:cubicBezTo>
                <a:cubicBezTo>
                  <a:pt x="4361568" y="1632378"/>
                  <a:pt x="4362944" y="1631474"/>
                  <a:pt x="4364240" y="1630419"/>
                </a:cubicBezTo>
                <a:cubicBezTo>
                  <a:pt x="4368319" y="1627124"/>
                  <a:pt x="4372277" y="1623628"/>
                  <a:pt x="4376044" y="1619861"/>
                </a:cubicBezTo>
                <a:lnTo>
                  <a:pt x="4546000" y="1449905"/>
                </a:lnTo>
                <a:cubicBezTo>
                  <a:pt x="4740208" y="1790722"/>
                  <a:pt x="4842123" y="2175017"/>
                  <a:pt x="4842123" y="2571750"/>
                </a:cubicBezTo>
                <a:cubicBezTo>
                  <a:pt x="4842123" y="3178191"/>
                  <a:pt x="4605964" y="3748336"/>
                  <a:pt x="4177135" y="4177135"/>
                </a:cubicBezTo>
                <a:close/>
              </a:path>
            </a:pathLst>
          </a:custGeom>
          <a:solidFill>
            <a:schemeClr val="bg1"/>
          </a:solidFill>
          <a:ln w="10046" cap="flat">
            <a:noFill/>
            <a:prstDash val="solid"/>
            <a:miter/>
          </a:ln>
        </p:spPr>
        <p:txBody>
          <a:bodyPr rtlCol="0" anchor="ctr"/>
          <a:lstStyle/>
          <a:p>
            <a:endParaRPr lang="en-US"/>
          </a:p>
        </p:txBody>
      </p:sp>
      <p:cxnSp>
        <p:nvCxnSpPr>
          <p:cNvPr id="56" name="Straight Connector 55">
            <a:extLst>
              <a:ext uri="{FF2B5EF4-FFF2-40B4-BE49-F238E27FC236}">
                <a16:creationId xmlns:a16="http://schemas.microsoft.com/office/drawing/2014/main" id="{869BC994-B1A8-CE5E-24BA-C826F2154C48}"/>
              </a:ext>
            </a:extLst>
          </p:cNvPr>
          <p:cNvCxnSpPr>
            <a:cxnSpLocks/>
          </p:cNvCxnSpPr>
          <p:nvPr/>
        </p:nvCxnSpPr>
        <p:spPr>
          <a:xfrm flipV="1">
            <a:off x="4041888" y="1746530"/>
            <a:ext cx="753491" cy="1"/>
          </a:xfrm>
          <a:prstGeom prst="line">
            <a:avLst/>
          </a:prstGeom>
          <a:ln w="19050" cap="rnd">
            <a:solidFill>
              <a:schemeClr val="bg1">
                <a:lumMod val="5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7" name="Inhaltsplatzhalter 4">
            <a:extLst>
              <a:ext uri="{FF2B5EF4-FFF2-40B4-BE49-F238E27FC236}">
                <a16:creationId xmlns:a16="http://schemas.microsoft.com/office/drawing/2014/main" id="{4248D0FD-A730-261D-B2A7-49AEF2B62330}"/>
              </a:ext>
            </a:extLst>
          </p:cNvPr>
          <p:cNvSpPr txBox="1">
            <a:spLocks/>
          </p:cNvSpPr>
          <p:nvPr/>
        </p:nvSpPr>
        <p:spPr>
          <a:xfrm>
            <a:off x="646243" y="1602741"/>
            <a:ext cx="3166531" cy="287579"/>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r">
              <a:lnSpc>
                <a:spcPct val="110000"/>
              </a:lnSpc>
              <a:spcAft>
                <a:spcPts val="0"/>
              </a:spcAft>
              <a:buNone/>
            </a:pPr>
            <a:r>
              <a:rPr lang="en-US" sz="1800" b="1" dirty="0">
                <a:solidFill>
                  <a:schemeClr val="accent1"/>
                </a:solidFill>
                <a:latin typeface="+mj-lt"/>
              </a:rPr>
              <a:t>Composite reports</a:t>
            </a:r>
            <a:endParaRPr lang="en-US" sz="1200" dirty="0">
              <a:solidFill>
                <a:schemeClr val="tx1">
                  <a:lumMod val="75000"/>
                  <a:lumOff val="25000"/>
                </a:schemeClr>
              </a:solidFill>
              <a:latin typeface="+mn-lt"/>
            </a:endParaRPr>
          </a:p>
        </p:txBody>
      </p:sp>
      <p:sp>
        <p:nvSpPr>
          <p:cNvPr id="58" name="Inhaltsplatzhalter 4">
            <a:extLst>
              <a:ext uri="{FF2B5EF4-FFF2-40B4-BE49-F238E27FC236}">
                <a16:creationId xmlns:a16="http://schemas.microsoft.com/office/drawing/2014/main" id="{3370388E-9501-BA14-D186-B1CCE9708B3B}"/>
              </a:ext>
            </a:extLst>
          </p:cNvPr>
          <p:cNvSpPr txBox="1">
            <a:spLocks/>
          </p:cNvSpPr>
          <p:nvPr/>
        </p:nvSpPr>
        <p:spPr>
          <a:xfrm>
            <a:off x="646244" y="3132841"/>
            <a:ext cx="2142016" cy="592278"/>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r">
              <a:lnSpc>
                <a:spcPct val="110000"/>
              </a:lnSpc>
              <a:spcAft>
                <a:spcPts val="0"/>
              </a:spcAft>
              <a:buNone/>
            </a:pPr>
            <a:r>
              <a:rPr lang="en-US" sz="1800" b="1" dirty="0">
                <a:solidFill>
                  <a:schemeClr val="accent5"/>
                </a:solidFill>
                <a:latin typeface="+mj-lt"/>
              </a:rPr>
              <a:t>Single source of truth</a:t>
            </a:r>
            <a:endParaRPr lang="en-US" sz="1800" dirty="0">
              <a:solidFill>
                <a:schemeClr val="tx1">
                  <a:lumMod val="75000"/>
                  <a:lumOff val="25000"/>
                </a:schemeClr>
              </a:solidFill>
              <a:latin typeface="+mn-lt"/>
            </a:endParaRPr>
          </a:p>
        </p:txBody>
      </p:sp>
      <p:cxnSp>
        <p:nvCxnSpPr>
          <p:cNvPr id="59" name="Straight Connector 58">
            <a:extLst>
              <a:ext uri="{FF2B5EF4-FFF2-40B4-BE49-F238E27FC236}">
                <a16:creationId xmlns:a16="http://schemas.microsoft.com/office/drawing/2014/main" id="{04F622FC-78BB-A99A-4688-BF69B2BE3BA0}"/>
              </a:ext>
            </a:extLst>
          </p:cNvPr>
          <p:cNvCxnSpPr>
            <a:cxnSpLocks/>
          </p:cNvCxnSpPr>
          <p:nvPr/>
        </p:nvCxnSpPr>
        <p:spPr>
          <a:xfrm flipV="1">
            <a:off x="2983560" y="3428980"/>
            <a:ext cx="312371" cy="1"/>
          </a:xfrm>
          <a:prstGeom prst="line">
            <a:avLst/>
          </a:prstGeom>
          <a:ln w="19050" cap="rnd">
            <a:solidFill>
              <a:schemeClr val="bg1">
                <a:lumMod val="5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77F217DA-226D-324D-6F49-53E4D60383E6}"/>
              </a:ext>
            </a:extLst>
          </p:cNvPr>
          <p:cNvCxnSpPr>
            <a:cxnSpLocks/>
          </p:cNvCxnSpPr>
          <p:nvPr/>
        </p:nvCxnSpPr>
        <p:spPr>
          <a:xfrm flipV="1">
            <a:off x="8920121" y="3428980"/>
            <a:ext cx="312371" cy="1"/>
          </a:xfrm>
          <a:prstGeom prst="line">
            <a:avLst/>
          </a:prstGeom>
          <a:ln w="19050" cap="rnd">
            <a:solidFill>
              <a:schemeClr val="bg1">
                <a:lumMod val="5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1" name="Inhaltsplatzhalter 4">
            <a:extLst>
              <a:ext uri="{FF2B5EF4-FFF2-40B4-BE49-F238E27FC236}">
                <a16:creationId xmlns:a16="http://schemas.microsoft.com/office/drawing/2014/main" id="{ADDA7815-FCEE-C544-0E7F-B8D4B896285F}"/>
              </a:ext>
            </a:extLst>
          </p:cNvPr>
          <p:cNvSpPr txBox="1">
            <a:spLocks/>
          </p:cNvSpPr>
          <p:nvPr/>
        </p:nvSpPr>
        <p:spPr>
          <a:xfrm>
            <a:off x="9382114" y="2980493"/>
            <a:ext cx="2142016" cy="896977"/>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nSpc>
                <a:spcPct val="110000"/>
              </a:lnSpc>
              <a:spcAft>
                <a:spcPts val="0"/>
              </a:spcAft>
              <a:buNone/>
            </a:pPr>
            <a:r>
              <a:rPr lang="en-US" sz="1800" b="1" dirty="0">
                <a:solidFill>
                  <a:schemeClr val="accent2"/>
                </a:solidFill>
                <a:latin typeface="+mj-lt"/>
              </a:rPr>
              <a:t>Financial Management for consolidation</a:t>
            </a:r>
            <a:endParaRPr lang="en-US" sz="1200" dirty="0">
              <a:solidFill>
                <a:schemeClr val="tx1">
                  <a:lumMod val="75000"/>
                  <a:lumOff val="25000"/>
                </a:schemeClr>
              </a:solidFill>
              <a:latin typeface="+mn-lt"/>
            </a:endParaRPr>
          </a:p>
        </p:txBody>
      </p:sp>
      <p:sp>
        <p:nvSpPr>
          <p:cNvPr id="62" name="Inhaltsplatzhalter 4">
            <a:extLst>
              <a:ext uri="{FF2B5EF4-FFF2-40B4-BE49-F238E27FC236}">
                <a16:creationId xmlns:a16="http://schemas.microsoft.com/office/drawing/2014/main" id="{9D832793-A6FD-AA72-DF3C-3E06CFA26CAB}"/>
              </a:ext>
            </a:extLst>
          </p:cNvPr>
          <p:cNvSpPr txBox="1">
            <a:spLocks/>
          </p:cNvSpPr>
          <p:nvPr/>
        </p:nvSpPr>
        <p:spPr>
          <a:xfrm>
            <a:off x="646243" y="4922638"/>
            <a:ext cx="2657631" cy="592278"/>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r">
              <a:lnSpc>
                <a:spcPct val="110000"/>
              </a:lnSpc>
              <a:spcAft>
                <a:spcPts val="0"/>
              </a:spcAft>
              <a:buNone/>
            </a:pPr>
            <a:r>
              <a:rPr lang="en-US" sz="1800" b="1" dirty="0">
                <a:solidFill>
                  <a:schemeClr val="accent4"/>
                </a:solidFill>
                <a:latin typeface="+mj-lt"/>
              </a:rPr>
              <a:t>Multidimensional reporting</a:t>
            </a:r>
            <a:endParaRPr lang="en-US" sz="1800" dirty="0">
              <a:solidFill>
                <a:schemeClr val="tx1">
                  <a:lumMod val="75000"/>
                  <a:lumOff val="25000"/>
                </a:schemeClr>
              </a:solidFill>
              <a:latin typeface="+mn-lt"/>
            </a:endParaRPr>
          </a:p>
        </p:txBody>
      </p:sp>
      <p:cxnSp>
        <p:nvCxnSpPr>
          <p:cNvPr id="63" name="Straight Connector 62">
            <a:extLst>
              <a:ext uri="{FF2B5EF4-FFF2-40B4-BE49-F238E27FC236}">
                <a16:creationId xmlns:a16="http://schemas.microsoft.com/office/drawing/2014/main" id="{38675BA7-C70E-A633-4FDD-9C7AF8A660D7}"/>
              </a:ext>
            </a:extLst>
          </p:cNvPr>
          <p:cNvCxnSpPr>
            <a:cxnSpLocks/>
          </p:cNvCxnSpPr>
          <p:nvPr/>
        </p:nvCxnSpPr>
        <p:spPr>
          <a:xfrm flipV="1">
            <a:off x="3483366" y="5218777"/>
            <a:ext cx="312371" cy="1"/>
          </a:xfrm>
          <a:prstGeom prst="line">
            <a:avLst/>
          </a:prstGeom>
          <a:ln w="19050" cap="rnd">
            <a:solidFill>
              <a:schemeClr val="bg1">
                <a:lumMod val="5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2AD7B505-3178-85BB-2B06-6D9F9B81F3AF}"/>
              </a:ext>
            </a:extLst>
          </p:cNvPr>
          <p:cNvCxnSpPr>
            <a:cxnSpLocks/>
          </p:cNvCxnSpPr>
          <p:nvPr/>
        </p:nvCxnSpPr>
        <p:spPr>
          <a:xfrm flipV="1">
            <a:off x="8420316" y="5218777"/>
            <a:ext cx="312371" cy="1"/>
          </a:xfrm>
          <a:prstGeom prst="line">
            <a:avLst/>
          </a:prstGeom>
          <a:ln w="19050" cap="rnd">
            <a:solidFill>
              <a:schemeClr val="bg1">
                <a:lumMod val="5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5" name="Inhaltsplatzhalter 4">
            <a:extLst>
              <a:ext uri="{FF2B5EF4-FFF2-40B4-BE49-F238E27FC236}">
                <a16:creationId xmlns:a16="http://schemas.microsoft.com/office/drawing/2014/main" id="{CE3B01A3-73E5-3E3C-77E2-CCF537508100}"/>
              </a:ext>
            </a:extLst>
          </p:cNvPr>
          <p:cNvSpPr txBox="1">
            <a:spLocks/>
          </p:cNvSpPr>
          <p:nvPr/>
        </p:nvSpPr>
        <p:spPr>
          <a:xfrm>
            <a:off x="8888126" y="4922638"/>
            <a:ext cx="2657631" cy="592278"/>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nSpc>
                <a:spcPct val="110000"/>
              </a:lnSpc>
              <a:spcAft>
                <a:spcPts val="0"/>
              </a:spcAft>
              <a:buNone/>
            </a:pPr>
            <a:r>
              <a:rPr lang="en-US" sz="1800" b="1" dirty="0">
                <a:solidFill>
                  <a:schemeClr val="accent3"/>
                </a:solidFill>
                <a:latin typeface="+mj-lt"/>
              </a:rPr>
              <a:t>Automated consolidation tasks</a:t>
            </a:r>
            <a:endParaRPr lang="en-US" sz="1200" dirty="0">
              <a:solidFill>
                <a:schemeClr val="tx1">
                  <a:lumMod val="75000"/>
                  <a:lumOff val="25000"/>
                </a:schemeClr>
              </a:solidFill>
              <a:latin typeface="+mn-lt"/>
            </a:endParaRPr>
          </a:p>
        </p:txBody>
      </p:sp>
      <p:sp>
        <p:nvSpPr>
          <p:cNvPr id="66" name="Oval 9">
            <a:extLst>
              <a:ext uri="{FF2B5EF4-FFF2-40B4-BE49-F238E27FC236}">
                <a16:creationId xmlns:a16="http://schemas.microsoft.com/office/drawing/2014/main" id="{21302CE0-72C9-B025-8966-1F29830F89E4}"/>
              </a:ext>
            </a:extLst>
          </p:cNvPr>
          <p:cNvSpPr>
            <a:spLocks noChangeArrowheads="1"/>
          </p:cNvSpPr>
          <p:nvPr/>
        </p:nvSpPr>
        <p:spPr bwMode="auto">
          <a:xfrm>
            <a:off x="5449807" y="3233897"/>
            <a:ext cx="1432157" cy="1441377"/>
          </a:xfrm>
          <a:prstGeom prst="ellipse">
            <a:avLst/>
          </a:prstGeom>
          <a:solidFill>
            <a:schemeClr val="bg1"/>
          </a:solidFill>
          <a:ln w="3175" cmpd="sng">
            <a:noFill/>
            <a:prstDash val="solid"/>
          </a:ln>
          <a:effectLst>
            <a:outerShdw blurRad="317500" algn="ctr" rotWithShape="0">
              <a:prstClr val="black">
                <a:alpha val="7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a:solidFill>
                <a:schemeClr val="tx1">
                  <a:lumMod val="75000"/>
                  <a:lumOff val="25000"/>
                </a:schemeClr>
              </a:solidFill>
              <a:latin typeface="+mj-lt"/>
            </a:endParaRPr>
          </a:p>
        </p:txBody>
      </p:sp>
      <p:grpSp>
        <p:nvGrpSpPr>
          <p:cNvPr id="80" name="Group 79">
            <a:extLst>
              <a:ext uri="{FF2B5EF4-FFF2-40B4-BE49-F238E27FC236}">
                <a16:creationId xmlns:a16="http://schemas.microsoft.com/office/drawing/2014/main" id="{E770123A-5B22-D4F9-D066-B1295E89B399}"/>
              </a:ext>
            </a:extLst>
          </p:cNvPr>
          <p:cNvGrpSpPr/>
          <p:nvPr/>
        </p:nvGrpSpPr>
        <p:grpSpPr>
          <a:xfrm>
            <a:off x="4708124" y="4858825"/>
            <a:ext cx="980401" cy="670731"/>
            <a:chOff x="1233488" y="4413251"/>
            <a:chExt cx="1181101" cy="808038"/>
          </a:xfrm>
          <a:solidFill>
            <a:schemeClr val="bg1"/>
          </a:solidFill>
        </p:grpSpPr>
        <p:sp>
          <p:nvSpPr>
            <p:cNvPr id="81" name="Freeform 17">
              <a:extLst>
                <a:ext uri="{FF2B5EF4-FFF2-40B4-BE49-F238E27FC236}">
                  <a16:creationId xmlns:a16="http://schemas.microsoft.com/office/drawing/2014/main" id="{29EEF1FF-108E-385A-74D4-CA1DE6DCC125}"/>
                </a:ext>
              </a:extLst>
            </p:cNvPr>
            <p:cNvSpPr>
              <a:spLocks noEditPoints="1"/>
            </p:cNvSpPr>
            <p:nvPr/>
          </p:nvSpPr>
          <p:spPr bwMode="auto">
            <a:xfrm>
              <a:off x="1995488" y="4705351"/>
              <a:ext cx="152400" cy="163513"/>
            </a:xfrm>
            <a:custGeom>
              <a:avLst/>
              <a:gdLst>
                <a:gd name="T0" fmla="*/ 208 w 478"/>
                <a:gd name="T1" fmla="*/ 245 h 518"/>
                <a:gd name="T2" fmla="*/ 166 w 478"/>
                <a:gd name="T3" fmla="*/ 266 h 518"/>
                <a:gd name="T4" fmla="*/ 136 w 478"/>
                <a:gd name="T5" fmla="*/ 303 h 518"/>
                <a:gd name="T6" fmla="*/ 125 w 478"/>
                <a:gd name="T7" fmla="*/ 350 h 518"/>
                <a:gd name="T8" fmla="*/ 136 w 478"/>
                <a:gd name="T9" fmla="*/ 398 h 518"/>
                <a:gd name="T10" fmla="*/ 166 w 478"/>
                <a:gd name="T11" fmla="*/ 435 h 518"/>
                <a:gd name="T12" fmla="*/ 208 w 478"/>
                <a:gd name="T13" fmla="*/ 455 h 518"/>
                <a:gd name="T14" fmla="*/ 257 w 478"/>
                <a:gd name="T15" fmla="*/ 455 h 518"/>
                <a:gd name="T16" fmla="*/ 300 w 478"/>
                <a:gd name="T17" fmla="*/ 435 h 518"/>
                <a:gd name="T18" fmla="*/ 330 w 478"/>
                <a:gd name="T19" fmla="*/ 398 h 518"/>
                <a:gd name="T20" fmla="*/ 340 w 478"/>
                <a:gd name="T21" fmla="*/ 350 h 518"/>
                <a:gd name="T22" fmla="*/ 330 w 478"/>
                <a:gd name="T23" fmla="*/ 303 h 518"/>
                <a:gd name="T24" fmla="*/ 300 w 478"/>
                <a:gd name="T25" fmla="*/ 266 h 518"/>
                <a:gd name="T26" fmla="*/ 257 w 478"/>
                <a:gd name="T27" fmla="*/ 245 h 518"/>
                <a:gd name="T28" fmla="*/ 81 w 478"/>
                <a:gd name="T29" fmla="*/ 0 h 518"/>
                <a:gd name="T30" fmla="*/ 209 w 478"/>
                <a:gd name="T31" fmla="*/ 184 h 518"/>
                <a:gd name="T32" fmla="*/ 256 w 478"/>
                <a:gd name="T33" fmla="*/ 184 h 518"/>
                <a:gd name="T34" fmla="*/ 299 w 478"/>
                <a:gd name="T35" fmla="*/ 196 h 518"/>
                <a:gd name="T36" fmla="*/ 443 w 478"/>
                <a:gd name="T37" fmla="*/ 49 h 518"/>
                <a:gd name="T38" fmla="*/ 369 w 478"/>
                <a:gd name="T39" fmla="*/ 254 h 518"/>
                <a:gd name="T40" fmla="*/ 392 w 478"/>
                <a:gd name="T41" fmla="*/ 298 h 518"/>
                <a:gd name="T42" fmla="*/ 400 w 478"/>
                <a:gd name="T43" fmla="*/ 350 h 518"/>
                <a:gd name="T44" fmla="*/ 386 w 478"/>
                <a:gd name="T45" fmla="*/ 415 h 518"/>
                <a:gd name="T46" fmla="*/ 351 w 478"/>
                <a:gd name="T47" fmla="*/ 469 h 518"/>
                <a:gd name="T48" fmla="*/ 298 w 478"/>
                <a:gd name="T49" fmla="*/ 506 h 518"/>
                <a:gd name="T50" fmla="*/ 233 w 478"/>
                <a:gd name="T51" fmla="*/ 518 h 518"/>
                <a:gd name="T52" fmla="*/ 168 w 478"/>
                <a:gd name="T53" fmla="*/ 506 h 518"/>
                <a:gd name="T54" fmla="*/ 115 w 478"/>
                <a:gd name="T55" fmla="*/ 469 h 518"/>
                <a:gd name="T56" fmla="*/ 78 w 478"/>
                <a:gd name="T57" fmla="*/ 415 h 518"/>
                <a:gd name="T58" fmla="*/ 66 w 478"/>
                <a:gd name="T59" fmla="*/ 350 h 518"/>
                <a:gd name="T60" fmla="*/ 77 w 478"/>
                <a:gd name="T61" fmla="*/ 289 h 518"/>
                <a:gd name="T62" fmla="*/ 108 w 478"/>
                <a:gd name="T63" fmla="*/ 238 h 518"/>
                <a:gd name="T64" fmla="*/ 40 w 478"/>
                <a:gd name="T65" fmla="*/ 18 h 5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478" h="518">
                  <a:moveTo>
                    <a:pt x="233" y="242"/>
                  </a:moveTo>
                  <a:lnTo>
                    <a:pt x="208" y="245"/>
                  </a:lnTo>
                  <a:lnTo>
                    <a:pt x="185" y="253"/>
                  </a:lnTo>
                  <a:lnTo>
                    <a:pt x="166" y="266"/>
                  </a:lnTo>
                  <a:lnTo>
                    <a:pt x="149" y="282"/>
                  </a:lnTo>
                  <a:lnTo>
                    <a:pt x="136" y="303"/>
                  </a:lnTo>
                  <a:lnTo>
                    <a:pt x="128" y="326"/>
                  </a:lnTo>
                  <a:lnTo>
                    <a:pt x="125" y="350"/>
                  </a:lnTo>
                  <a:lnTo>
                    <a:pt x="128" y="375"/>
                  </a:lnTo>
                  <a:lnTo>
                    <a:pt x="136" y="398"/>
                  </a:lnTo>
                  <a:lnTo>
                    <a:pt x="149" y="417"/>
                  </a:lnTo>
                  <a:lnTo>
                    <a:pt x="166" y="435"/>
                  </a:lnTo>
                  <a:lnTo>
                    <a:pt x="185" y="447"/>
                  </a:lnTo>
                  <a:lnTo>
                    <a:pt x="208" y="455"/>
                  </a:lnTo>
                  <a:lnTo>
                    <a:pt x="233" y="459"/>
                  </a:lnTo>
                  <a:lnTo>
                    <a:pt x="257" y="455"/>
                  </a:lnTo>
                  <a:lnTo>
                    <a:pt x="280" y="447"/>
                  </a:lnTo>
                  <a:lnTo>
                    <a:pt x="300" y="435"/>
                  </a:lnTo>
                  <a:lnTo>
                    <a:pt x="316" y="417"/>
                  </a:lnTo>
                  <a:lnTo>
                    <a:pt x="330" y="398"/>
                  </a:lnTo>
                  <a:lnTo>
                    <a:pt x="338" y="375"/>
                  </a:lnTo>
                  <a:lnTo>
                    <a:pt x="340" y="350"/>
                  </a:lnTo>
                  <a:lnTo>
                    <a:pt x="338" y="326"/>
                  </a:lnTo>
                  <a:lnTo>
                    <a:pt x="330" y="303"/>
                  </a:lnTo>
                  <a:lnTo>
                    <a:pt x="316" y="282"/>
                  </a:lnTo>
                  <a:lnTo>
                    <a:pt x="300" y="266"/>
                  </a:lnTo>
                  <a:lnTo>
                    <a:pt x="280" y="253"/>
                  </a:lnTo>
                  <a:lnTo>
                    <a:pt x="257" y="245"/>
                  </a:lnTo>
                  <a:lnTo>
                    <a:pt x="233" y="242"/>
                  </a:lnTo>
                  <a:close/>
                  <a:moveTo>
                    <a:pt x="81" y="0"/>
                  </a:moveTo>
                  <a:lnTo>
                    <a:pt x="185" y="189"/>
                  </a:lnTo>
                  <a:lnTo>
                    <a:pt x="209" y="184"/>
                  </a:lnTo>
                  <a:lnTo>
                    <a:pt x="233" y="182"/>
                  </a:lnTo>
                  <a:lnTo>
                    <a:pt x="256" y="184"/>
                  </a:lnTo>
                  <a:lnTo>
                    <a:pt x="278" y="189"/>
                  </a:lnTo>
                  <a:lnTo>
                    <a:pt x="299" y="196"/>
                  </a:lnTo>
                  <a:lnTo>
                    <a:pt x="406" y="23"/>
                  </a:lnTo>
                  <a:lnTo>
                    <a:pt x="443" y="49"/>
                  </a:lnTo>
                  <a:lnTo>
                    <a:pt x="478" y="79"/>
                  </a:lnTo>
                  <a:lnTo>
                    <a:pt x="369" y="254"/>
                  </a:lnTo>
                  <a:lnTo>
                    <a:pt x="383" y="276"/>
                  </a:lnTo>
                  <a:lnTo>
                    <a:pt x="392" y="298"/>
                  </a:lnTo>
                  <a:lnTo>
                    <a:pt x="398" y="324"/>
                  </a:lnTo>
                  <a:lnTo>
                    <a:pt x="400" y="350"/>
                  </a:lnTo>
                  <a:lnTo>
                    <a:pt x="397" y="384"/>
                  </a:lnTo>
                  <a:lnTo>
                    <a:pt x="386" y="415"/>
                  </a:lnTo>
                  <a:lnTo>
                    <a:pt x="372" y="444"/>
                  </a:lnTo>
                  <a:lnTo>
                    <a:pt x="351" y="469"/>
                  </a:lnTo>
                  <a:lnTo>
                    <a:pt x="326" y="490"/>
                  </a:lnTo>
                  <a:lnTo>
                    <a:pt x="298" y="506"/>
                  </a:lnTo>
                  <a:lnTo>
                    <a:pt x="266" y="515"/>
                  </a:lnTo>
                  <a:lnTo>
                    <a:pt x="233" y="518"/>
                  </a:lnTo>
                  <a:lnTo>
                    <a:pt x="199" y="515"/>
                  </a:lnTo>
                  <a:lnTo>
                    <a:pt x="168" y="506"/>
                  </a:lnTo>
                  <a:lnTo>
                    <a:pt x="140" y="490"/>
                  </a:lnTo>
                  <a:lnTo>
                    <a:pt x="115" y="469"/>
                  </a:lnTo>
                  <a:lnTo>
                    <a:pt x="94" y="444"/>
                  </a:lnTo>
                  <a:lnTo>
                    <a:pt x="78" y="415"/>
                  </a:lnTo>
                  <a:lnTo>
                    <a:pt x="69" y="384"/>
                  </a:lnTo>
                  <a:lnTo>
                    <a:pt x="66" y="350"/>
                  </a:lnTo>
                  <a:lnTo>
                    <a:pt x="68" y="319"/>
                  </a:lnTo>
                  <a:lnTo>
                    <a:pt x="77" y="289"/>
                  </a:lnTo>
                  <a:lnTo>
                    <a:pt x="91" y="262"/>
                  </a:lnTo>
                  <a:lnTo>
                    <a:pt x="108" y="238"/>
                  </a:lnTo>
                  <a:lnTo>
                    <a:pt x="0" y="43"/>
                  </a:lnTo>
                  <a:lnTo>
                    <a:pt x="40" y="18"/>
                  </a:lnTo>
                  <a:lnTo>
                    <a:pt x="81" y="0"/>
                  </a:lnTo>
                  <a:close/>
                </a:path>
              </a:pathLst>
            </a:custGeom>
            <a:grp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a:p>
          </p:txBody>
        </p:sp>
        <p:sp>
          <p:nvSpPr>
            <p:cNvPr id="82" name="Freeform 18">
              <a:extLst>
                <a:ext uri="{FF2B5EF4-FFF2-40B4-BE49-F238E27FC236}">
                  <a16:creationId xmlns:a16="http://schemas.microsoft.com/office/drawing/2014/main" id="{194FC2D5-2E48-7CF4-FF2E-D04AA169FC28}"/>
                </a:ext>
              </a:extLst>
            </p:cNvPr>
            <p:cNvSpPr>
              <a:spLocks noEditPoints="1"/>
            </p:cNvSpPr>
            <p:nvPr/>
          </p:nvSpPr>
          <p:spPr bwMode="auto">
            <a:xfrm>
              <a:off x="2165351" y="4413251"/>
              <a:ext cx="180975" cy="249238"/>
            </a:xfrm>
            <a:custGeom>
              <a:avLst/>
              <a:gdLst>
                <a:gd name="T0" fmla="*/ 379 w 569"/>
                <a:gd name="T1" fmla="*/ 63 h 787"/>
                <a:gd name="T2" fmla="*/ 335 w 569"/>
                <a:gd name="T3" fmla="*/ 85 h 787"/>
                <a:gd name="T4" fmla="*/ 306 w 569"/>
                <a:gd name="T5" fmla="*/ 121 h 787"/>
                <a:gd name="T6" fmla="*/ 296 w 569"/>
                <a:gd name="T7" fmla="*/ 168 h 787"/>
                <a:gd name="T8" fmla="*/ 306 w 569"/>
                <a:gd name="T9" fmla="*/ 216 h 787"/>
                <a:gd name="T10" fmla="*/ 335 w 569"/>
                <a:gd name="T11" fmla="*/ 253 h 787"/>
                <a:gd name="T12" fmla="*/ 379 w 569"/>
                <a:gd name="T13" fmla="*/ 274 h 787"/>
                <a:gd name="T14" fmla="*/ 427 w 569"/>
                <a:gd name="T15" fmla="*/ 274 h 787"/>
                <a:gd name="T16" fmla="*/ 469 w 569"/>
                <a:gd name="T17" fmla="*/ 253 h 787"/>
                <a:gd name="T18" fmla="*/ 499 w 569"/>
                <a:gd name="T19" fmla="*/ 216 h 787"/>
                <a:gd name="T20" fmla="*/ 510 w 569"/>
                <a:gd name="T21" fmla="*/ 168 h 787"/>
                <a:gd name="T22" fmla="*/ 499 w 569"/>
                <a:gd name="T23" fmla="*/ 121 h 787"/>
                <a:gd name="T24" fmla="*/ 469 w 569"/>
                <a:gd name="T25" fmla="*/ 85 h 787"/>
                <a:gd name="T26" fmla="*/ 427 w 569"/>
                <a:gd name="T27" fmla="*/ 63 h 787"/>
                <a:gd name="T28" fmla="*/ 402 w 569"/>
                <a:gd name="T29" fmla="*/ 0 h 787"/>
                <a:gd name="T30" fmla="*/ 467 w 569"/>
                <a:gd name="T31" fmla="*/ 14 h 787"/>
                <a:gd name="T32" fmla="*/ 521 w 569"/>
                <a:gd name="T33" fmla="*/ 49 h 787"/>
                <a:gd name="T34" fmla="*/ 557 w 569"/>
                <a:gd name="T35" fmla="*/ 103 h 787"/>
                <a:gd name="T36" fmla="*/ 569 w 569"/>
                <a:gd name="T37" fmla="*/ 168 h 787"/>
                <a:gd name="T38" fmla="*/ 557 w 569"/>
                <a:gd name="T39" fmla="*/ 233 h 787"/>
                <a:gd name="T40" fmla="*/ 521 w 569"/>
                <a:gd name="T41" fmla="*/ 287 h 787"/>
                <a:gd name="T42" fmla="*/ 467 w 569"/>
                <a:gd name="T43" fmla="*/ 324 h 787"/>
                <a:gd name="T44" fmla="*/ 402 w 569"/>
                <a:gd name="T45" fmla="*/ 336 h 787"/>
                <a:gd name="T46" fmla="*/ 356 w 569"/>
                <a:gd name="T47" fmla="*/ 331 h 787"/>
                <a:gd name="T48" fmla="*/ 38 w 569"/>
                <a:gd name="T49" fmla="*/ 760 h 787"/>
                <a:gd name="T50" fmla="*/ 280 w 569"/>
                <a:gd name="T51" fmla="*/ 282 h 787"/>
                <a:gd name="T52" fmla="*/ 247 w 569"/>
                <a:gd name="T53" fmla="*/ 230 h 787"/>
                <a:gd name="T54" fmla="*/ 235 w 569"/>
                <a:gd name="T55" fmla="*/ 168 h 787"/>
                <a:gd name="T56" fmla="*/ 249 w 569"/>
                <a:gd name="T57" fmla="*/ 103 h 787"/>
                <a:gd name="T58" fmla="*/ 284 w 569"/>
                <a:gd name="T59" fmla="*/ 49 h 787"/>
                <a:gd name="T60" fmla="*/ 338 w 569"/>
                <a:gd name="T61" fmla="*/ 14 h 787"/>
                <a:gd name="T62" fmla="*/ 402 w 569"/>
                <a:gd name="T63" fmla="*/ 0 h 7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69" h="787">
                  <a:moveTo>
                    <a:pt x="402" y="61"/>
                  </a:moveTo>
                  <a:lnTo>
                    <a:pt x="379" y="63"/>
                  </a:lnTo>
                  <a:lnTo>
                    <a:pt x="356" y="72"/>
                  </a:lnTo>
                  <a:lnTo>
                    <a:pt x="335" y="85"/>
                  </a:lnTo>
                  <a:lnTo>
                    <a:pt x="318" y="101"/>
                  </a:lnTo>
                  <a:lnTo>
                    <a:pt x="306" y="121"/>
                  </a:lnTo>
                  <a:lnTo>
                    <a:pt x="298" y="144"/>
                  </a:lnTo>
                  <a:lnTo>
                    <a:pt x="296" y="168"/>
                  </a:lnTo>
                  <a:lnTo>
                    <a:pt x="298" y="193"/>
                  </a:lnTo>
                  <a:lnTo>
                    <a:pt x="306" y="216"/>
                  </a:lnTo>
                  <a:lnTo>
                    <a:pt x="318" y="236"/>
                  </a:lnTo>
                  <a:lnTo>
                    <a:pt x="335" y="253"/>
                  </a:lnTo>
                  <a:lnTo>
                    <a:pt x="356" y="265"/>
                  </a:lnTo>
                  <a:lnTo>
                    <a:pt x="379" y="274"/>
                  </a:lnTo>
                  <a:lnTo>
                    <a:pt x="402" y="277"/>
                  </a:lnTo>
                  <a:lnTo>
                    <a:pt x="427" y="274"/>
                  </a:lnTo>
                  <a:lnTo>
                    <a:pt x="450" y="265"/>
                  </a:lnTo>
                  <a:lnTo>
                    <a:pt x="469" y="253"/>
                  </a:lnTo>
                  <a:lnTo>
                    <a:pt x="486" y="236"/>
                  </a:lnTo>
                  <a:lnTo>
                    <a:pt x="499" y="216"/>
                  </a:lnTo>
                  <a:lnTo>
                    <a:pt x="507" y="193"/>
                  </a:lnTo>
                  <a:lnTo>
                    <a:pt x="510" y="168"/>
                  </a:lnTo>
                  <a:lnTo>
                    <a:pt x="507" y="144"/>
                  </a:lnTo>
                  <a:lnTo>
                    <a:pt x="499" y="121"/>
                  </a:lnTo>
                  <a:lnTo>
                    <a:pt x="486" y="101"/>
                  </a:lnTo>
                  <a:lnTo>
                    <a:pt x="469" y="85"/>
                  </a:lnTo>
                  <a:lnTo>
                    <a:pt x="450" y="72"/>
                  </a:lnTo>
                  <a:lnTo>
                    <a:pt x="427" y="63"/>
                  </a:lnTo>
                  <a:lnTo>
                    <a:pt x="402" y="61"/>
                  </a:lnTo>
                  <a:close/>
                  <a:moveTo>
                    <a:pt x="402" y="0"/>
                  </a:moveTo>
                  <a:lnTo>
                    <a:pt x="436" y="3"/>
                  </a:lnTo>
                  <a:lnTo>
                    <a:pt x="467" y="14"/>
                  </a:lnTo>
                  <a:lnTo>
                    <a:pt x="496" y="29"/>
                  </a:lnTo>
                  <a:lnTo>
                    <a:pt x="521" y="49"/>
                  </a:lnTo>
                  <a:lnTo>
                    <a:pt x="541" y="74"/>
                  </a:lnTo>
                  <a:lnTo>
                    <a:pt x="557" y="103"/>
                  </a:lnTo>
                  <a:lnTo>
                    <a:pt x="566" y="135"/>
                  </a:lnTo>
                  <a:lnTo>
                    <a:pt x="569" y="168"/>
                  </a:lnTo>
                  <a:lnTo>
                    <a:pt x="566" y="203"/>
                  </a:lnTo>
                  <a:lnTo>
                    <a:pt x="557" y="233"/>
                  </a:lnTo>
                  <a:lnTo>
                    <a:pt x="541" y="262"/>
                  </a:lnTo>
                  <a:lnTo>
                    <a:pt x="521" y="287"/>
                  </a:lnTo>
                  <a:lnTo>
                    <a:pt x="496" y="308"/>
                  </a:lnTo>
                  <a:lnTo>
                    <a:pt x="467" y="324"/>
                  </a:lnTo>
                  <a:lnTo>
                    <a:pt x="436" y="333"/>
                  </a:lnTo>
                  <a:lnTo>
                    <a:pt x="402" y="336"/>
                  </a:lnTo>
                  <a:lnTo>
                    <a:pt x="379" y="335"/>
                  </a:lnTo>
                  <a:lnTo>
                    <a:pt x="356" y="331"/>
                  </a:lnTo>
                  <a:lnTo>
                    <a:pt x="74" y="787"/>
                  </a:lnTo>
                  <a:lnTo>
                    <a:pt x="38" y="760"/>
                  </a:lnTo>
                  <a:lnTo>
                    <a:pt x="0" y="735"/>
                  </a:lnTo>
                  <a:lnTo>
                    <a:pt x="280" y="282"/>
                  </a:lnTo>
                  <a:lnTo>
                    <a:pt x="260" y="257"/>
                  </a:lnTo>
                  <a:lnTo>
                    <a:pt x="247" y="230"/>
                  </a:lnTo>
                  <a:lnTo>
                    <a:pt x="239" y="200"/>
                  </a:lnTo>
                  <a:lnTo>
                    <a:pt x="235" y="168"/>
                  </a:lnTo>
                  <a:lnTo>
                    <a:pt x="239" y="135"/>
                  </a:lnTo>
                  <a:lnTo>
                    <a:pt x="249" y="103"/>
                  </a:lnTo>
                  <a:lnTo>
                    <a:pt x="264" y="74"/>
                  </a:lnTo>
                  <a:lnTo>
                    <a:pt x="284" y="49"/>
                  </a:lnTo>
                  <a:lnTo>
                    <a:pt x="309" y="29"/>
                  </a:lnTo>
                  <a:lnTo>
                    <a:pt x="338" y="14"/>
                  </a:lnTo>
                  <a:lnTo>
                    <a:pt x="369" y="3"/>
                  </a:lnTo>
                  <a:lnTo>
                    <a:pt x="402" y="0"/>
                  </a:lnTo>
                  <a:close/>
                </a:path>
              </a:pathLst>
            </a:custGeom>
            <a:grp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a:p>
          </p:txBody>
        </p:sp>
        <p:sp>
          <p:nvSpPr>
            <p:cNvPr id="83" name="Freeform 19">
              <a:extLst>
                <a:ext uri="{FF2B5EF4-FFF2-40B4-BE49-F238E27FC236}">
                  <a16:creationId xmlns:a16="http://schemas.microsoft.com/office/drawing/2014/main" id="{3A9E5517-69B1-191C-CC01-8C9817BD6BBF}"/>
                </a:ext>
              </a:extLst>
            </p:cNvPr>
            <p:cNvSpPr>
              <a:spLocks noEditPoints="1"/>
            </p:cNvSpPr>
            <p:nvPr/>
          </p:nvSpPr>
          <p:spPr bwMode="auto">
            <a:xfrm>
              <a:off x="1233488" y="4479926"/>
              <a:ext cx="749300" cy="447675"/>
            </a:xfrm>
            <a:custGeom>
              <a:avLst/>
              <a:gdLst>
                <a:gd name="T0" fmla="*/ 1519 w 2361"/>
                <a:gd name="T1" fmla="*/ 1158 h 1410"/>
                <a:gd name="T2" fmla="*/ 1480 w 2361"/>
                <a:gd name="T3" fmla="*/ 1242 h 1410"/>
                <a:gd name="T4" fmla="*/ 1519 w 2361"/>
                <a:gd name="T5" fmla="*/ 1327 h 1410"/>
                <a:gd name="T6" fmla="*/ 1611 w 2361"/>
                <a:gd name="T7" fmla="*/ 1347 h 1410"/>
                <a:gd name="T8" fmla="*/ 1683 w 2361"/>
                <a:gd name="T9" fmla="*/ 1290 h 1410"/>
                <a:gd name="T10" fmla="*/ 1683 w 2361"/>
                <a:gd name="T11" fmla="*/ 1195 h 1410"/>
                <a:gd name="T12" fmla="*/ 1611 w 2361"/>
                <a:gd name="T13" fmla="*/ 1137 h 1410"/>
                <a:gd name="T14" fmla="*/ 120 w 2361"/>
                <a:gd name="T15" fmla="*/ 824 h 1410"/>
                <a:gd name="T16" fmla="*/ 63 w 2361"/>
                <a:gd name="T17" fmla="*/ 896 h 1410"/>
                <a:gd name="T18" fmla="*/ 83 w 2361"/>
                <a:gd name="T19" fmla="*/ 989 h 1410"/>
                <a:gd name="T20" fmla="*/ 167 w 2361"/>
                <a:gd name="T21" fmla="*/ 1029 h 1410"/>
                <a:gd name="T22" fmla="*/ 251 w 2361"/>
                <a:gd name="T23" fmla="*/ 989 h 1410"/>
                <a:gd name="T24" fmla="*/ 272 w 2361"/>
                <a:gd name="T25" fmla="*/ 896 h 1410"/>
                <a:gd name="T26" fmla="*/ 215 w 2361"/>
                <a:gd name="T27" fmla="*/ 824 h 1410"/>
                <a:gd name="T28" fmla="*/ 1049 w 2361"/>
                <a:gd name="T29" fmla="*/ 243 h 1410"/>
                <a:gd name="T30" fmla="*/ 977 w 2361"/>
                <a:gd name="T31" fmla="*/ 301 h 1410"/>
                <a:gd name="T32" fmla="*/ 977 w 2361"/>
                <a:gd name="T33" fmla="*/ 396 h 1410"/>
                <a:gd name="T34" fmla="*/ 1049 w 2361"/>
                <a:gd name="T35" fmla="*/ 454 h 1410"/>
                <a:gd name="T36" fmla="*/ 1141 w 2361"/>
                <a:gd name="T37" fmla="*/ 433 h 1410"/>
                <a:gd name="T38" fmla="*/ 1181 w 2361"/>
                <a:gd name="T39" fmla="*/ 348 h 1410"/>
                <a:gd name="T40" fmla="*/ 1141 w 2361"/>
                <a:gd name="T41" fmla="*/ 265 h 1410"/>
                <a:gd name="T42" fmla="*/ 2122 w 2361"/>
                <a:gd name="T43" fmla="*/ 60 h 1410"/>
                <a:gd name="T44" fmla="*/ 2039 w 2361"/>
                <a:gd name="T45" fmla="*/ 101 h 1410"/>
                <a:gd name="T46" fmla="*/ 2018 w 2361"/>
                <a:gd name="T47" fmla="*/ 193 h 1410"/>
                <a:gd name="T48" fmla="*/ 2075 w 2361"/>
                <a:gd name="T49" fmla="*/ 265 h 1410"/>
                <a:gd name="T50" fmla="*/ 2169 w 2361"/>
                <a:gd name="T51" fmla="*/ 265 h 1410"/>
                <a:gd name="T52" fmla="*/ 2226 w 2361"/>
                <a:gd name="T53" fmla="*/ 193 h 1410"/>
                <a:gd name="T54" fmla="*/ 2206 w 2361"/>
                <a:gd name="T55" fmla="*/ 101 h 1410"/>
                <a:gd name="T56" fmla="*/ 2122 w 2361"/>
                <a:gd name="T57" fmla="*/ 60 h 1410"/>
                <a:gd name="T58" fmla="*/ 2216 w 2361"/>
                <a:gd name="T59" fmla="*/ 29 h 1410"/>
                <a:gd name="T60" fmla="*/ 2286 w 2361"/>
                <a:gd name="T61" fmla="*/ 134 h 1410"/>
                <a:gd name="T62" fmla="*/ 2264 w 2361"/>
                <a:gd name="T63" fmla="*/ 258 h 1410"/>
                <a:gd name="T64" fmla="*/ 2282 w 2361"/>
                <a:gd name="T65" fmla="*/ 539 h 1410"/>
                <a:gd name="T66" fmla="*/ 2106 w 2361"/>
                <a:gd name="T67" fmla="*/ 336 h 1410"/>
                <a:gd name="T68" fmla="*/ 1742 w 2361"/>
                <a:gd name="T69" fmla="*/ 1181 h 1410"/>
                <a:gd name="T70" fmla="*/ 1740 w 2361"/>
                <a:gd name="T71" fmla="*/ 1308 h 1410"/>
                <a:gd name="T72" fmla="*/ 1651 w 2361"/>
                <a:gd name="T73" fmla="*/ 1398 h 1410"/>
                <a:gd name="T74" fmla="*/ 1522 w 2361"/>
                <a:gd name="T75" fmla="*/ 1398 h 1410"/>
                <a:gd name="T76" fmla="*/ 1433 w 2361"/>
                <a:gd name="T77" fmla="*/ 1308 h 1410"/>
                <a:gd name="T78" fmla="*/ 1431 w 2361"/>
                <a:gd name="T79" fmla="*/ 1180 h 1410"/>
                <a:gd name="T80" fmla="*/ 1102 w 2361"/>
                <a:gd name="T81" fmla="*/ 514 h 1410"/>
                <a:gd name="T82" fmla="*/ 988 w 2361"/>
                <a:gd name="T83" fmla="*/ 492 h 1410"/>
                <a:gd name="T84" fmla="*/ 334 w 2361"/>
                <a:gd name="T85" fmla="*/ 922 h 1410"/>
                <a:gd name="T86" fmla="*/ 285 w 2361"/>
                <a:gd name="T87" fmla="*/ 1041 h 1410"/>
                <a:gd name="T88" fmla="*/ 167 w 2361"/>
                <a:gd name="T89" fmla="*/ 1090 h 1410"/>
                <a:gd name="T90" fmla="*/ 49 w 2361"/>
                <a:gd name="T91" fmla="*/ 1041 h 1410"/>
                <a:gd name="T92" fmla="*/ 0 w 2361"/>
                <a:gd name="T93" fmla="*/ 922 h 1410"/>
                <a:gd name="T94" fmla="*/ 49 w 2361"/>
                <a:gd name="T95" fmla="*/ 803 h 1410"/>
                <a:gd name="T96" fmla="*/ 167 w 2361"/>
                <a:gd name="T97" fmla="*/ 753 h 1410"/>
                <a:gd name="T98" fmla="*/ 280 w 2361"/>
                <a:gd name="T99" fmla="*/ 797 h 1410"/>
                <a:gd name="T100" fmla="*/ 910 w 2361"/>
                <a:gd name="T101" fmla="*/ 315 h 1410"/>
                <a:gd name="T102" fmla="*/ 981 w 2361"/>
                <a:gd name="T103" fmla="*/ 209 h 1410"/>
                <a:gd name="T104" fmla="*/ 1107 w 2361"/>
                <a:gd name="T105" fmla="*/ 184 h 1410"/>
                <a:gd name="T106" fmla="*/ 1213 w 2361"/>
                <a:gd name="T107" fmla="*/ 254 h 1410"/>
                <a:gd name="T108" fmla="*/ 1239 w 2361"/>
                <a:gd name="T109" fmla="*/ 378 h 1410"/>
                <a:gd name="T110" fmla="*/ 1541 w 2361"/>
                <a:gd name="T111" fmla="*/ 1081 h 1410"/>
                <a:gd name="T112" fmla="*/ 1633 w 2361"/>
                <a:gd name="T113" fmla="*/ 1081 h 1410"/>
                <a:gd name="T114" fmla="*/ 1965 w 2361"/>
                <a:gd name="T115" fmla="*/ 224 h 1410"/>
                <a:gd name="T116" fmla="*/ 1968 w 2361"/>
                <a:gd name="T117" fmla="*/ 103 h 1410"/>
                <a:gd name="T118" fmla="*/ 2057 w 2361"/>
                <a:gd name="T119" fmla="*/ 13 h 14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361" h="1410">
                  <a:moveTo>
                    <a:pt x="1586" y="1134"/>
                  </a:moveTo>
                  <a:lnTo>
                    <a:pt x="1561" y="1137"/>
                  </a:lnTo>
                  <a:lnTo>
                    <a:pt x="1540" y="1146"/>
                  </a:lnTo>
                  <a:lnTo>
                    <a:pt x="1519" y="1158"/>
                  </a:lnTo>
                  <a:lnTo>
                    <a:pt x="1502" y="1174"/>
                  </a:lnTo>
                  <a:lnTo>
                    <a:pt x="1490" y="1195"/>
                  </a:lnTo>
                  <a:lnTo>
                    <a:pt x="1482" y="1218"/>
                  </a:lnTo>
                  <a:lnTo>
                    <a:pt x="1480" y="1242"/>
                  </a:lnTo>
                  <a:lnTo>
                    <a:pt x="1482" y="1267"/>
                  </a:lnTo>
                  <a:lnTo>
                    <a:pt x="1490" y="1290"/>
                  </a:lnTo>
                  <a:lnTo>
                    <a:pt x="1502" y="1309"/>
                  </a:lnTo>
                  <a:lnTo>
                    <a:pt x="1519" y="1327"/>
                  </a:lnTo>
                  <a:lnTo>
                    <a:pt x="1540" y="1339"/>
                  </a:lnTo>
                  <a:lnTo>
                    <a:pt x="1561" y="1347"/>
                  </a:lnTo>
                  <a:lnTo>
                    <a:pt x="1586" y="1351"/>
                  </a:lnTo>
                  <a:lnTo>
                    <a:pt x="1611" y="1347"/>
                  </a:lnTo>
                  <a:lnTo>
                    <a:pt x="1633" y="1339"/>
                  </a:lnTo>
                  <a:lnTo>
                    <a:pt x="1653" y="1327"/>
                  </a:lnTo>
                  <a:lnTo>
                    <a:pt x="1670" y="1309"/>
                  </a:lnTo>
                  <a:lnTo>
                    <a:pt x="1683" y="1290"/>
                  </a:lnTo>
                  <a:lnTo>
                    <a:pt x="1691" y="1267"/>
                  </a:lnTo>
                  <a:lnTo>
                    <a:pt x="1693" y="1242"/>
                  </a:lnTo>
                  <a:lnTo>
                    <a:pt x="1691" y="1218"/>
                  </a:lnTo>
                  <a:lnTo>
                    <a:pt x="1683" y="1195"/>
                  </a:lnTo>
                  <a:lnTo>
                    <a:pt x="1670" y="1174"/>
                  </a:lnTo>
                  <a:lnTo>
                    <a:pt x="1653" y="1158"/>
                  </a:lnTo>
                  <a:lnTo>
                    <a:pt x="1633" y="1146"/>
                  </a:lnTo>
                  <a:lnTo>
                    <a:pt x="1611" y="1137"/>
                  </a:lnTo>
                  <a:lnTo>
                    <a:pt x="1586" y="1134"/>
                  </a:lnTo>
                  <a:close/>
                  <a:moveTo>
                    <a:pt x="167" y="814"/>
                  </a:moveTo>
                  <a:lnTo>
                    <a:pt x="142" y="816"/>
                  </a:lnTo>
                  <a:lnTo>
                    <a:pt x="120" y="824"/>
                  </a:lnTo>
                  <a:lnTo>
                    <a:pt x="100" y="837"/>
                  </a:lnTo>
                  <a:lnTo>
                    <a:pt x="83" y="854"/>
                  </a:lnTo>
                  <a:lnTo>
                    <a:pt x="70" y="875"/>
                  </a:lnTo>
                  <a:lnTo>
                    <a:pt x="63" y="896"/>
                  </a:lnTo>
                  <a:lnTo>
                    <a:pt x="60" y="922"/>
                  </a:lnTo>
                  <a:lnTo>
                    <a:pt x="63" y="947"/>
                  </a:lnTo>
                  <a:lnTo>
                    <a:pt x="70" y="970"/>
                  </a:lnTo>
                  <a:lnTo>
                    <a:pt x="83" y="989"/>
                  </a:lnTo>
                  <a:lnTo>
                    <a:pt x="100" y="1006"/>
                  </a:lnTo>
                  <a:lnTo>
                    <a:pt x="120" y="1019"/>
                  </a:lnTo>
                  <a:lnTo>
                    <a:pt x="142" y="1027"/>
                  </a:lnTo>
                  <a:lnTo>
                    <a:pt x="167" y="1029"/>
                  </a:lnTo>
                  <a:lnTo>
                    <a:pt x="192" y="1027"/>
                  </a:lnTo>
                  <a:lnTo>
                    <a:pt x="215" y="1019"/>
                  </a:lnTo>
                  <a:lnTo>
                    <a:pt x="234" y="1006"/>
                  </a:lnTo>
                  <a:lnTo>
                    <a:pt x="251" y="989"/>
                  </a:lnTo>
                  <a:lnTo>
                    <a:pt x="264" y="970"/>
                  </a:lnTo>
                  <a:lnTo>
                    <a:pt x="272" y="947"/>
                  </a:lnTo>
                  <a:lnTo>
                    <a:pt x="274" y="922"/>
                  </a:lnTo>
                  <a:lnTo>
                    <a:pt x="272" y="896"/>
                  </a:lnTo>
                  <a:lnTo>
                    <a:pt x="264" y="875"/>
                  </a:lnTo>
                  <a:lnTo>
                    <a:pt x="251" y="854"/>
                  </a:lnTo>
                  <a:lnTo>
                    <a:pt x="234" y="837"/>
                  </a:lnTo>
                  <a:lnTo>
                    <a:pt x="215" y="824"/>
                  </a:lnTo>
                  <a:lnTo>
                    <a:pt x="192" y="816"/>
                  </a:lnTo>
                  <a:lnTo>
                    <a:pt x="167" y="814"/>
                  </a:lnTo>
                  <a:close/>
                  <a:moveTo>
                    <a:pt x="1074" y="241"/>
                  </a:moveTo>
                  <a:lnTo>
                    <a:pt x="1049" y="243"/>
                  </a:lnTo>
                  <a:lnTo>
                    <a:pt x="1026" y="252"/>
                  </a:lnTo>
                  <a:lnTo>
                    <a:pt x="1007" y="265"/>
                  </a:lnTo>
                  <a:lnTo>
                    <a:pt x="990" y="281"/>
                  </a:lnTo>
                  <a:lnTo>
                    <a:pt x="977" y="301"/>
                  </a:lnTo>
                  <a:lnTo>
                    <a:pt x="969" y="324"/>
                  </a:lnTo>
                  <a:lnTo>
                    <a:pt x="966" y="348"/>
                  </a:lnTo>
                  <a:lnTo>
                    <a:pt x="969" y="373"/>
                  </a:lnTo>
                  <a:lnTo>
                    <a:pt x="977" y="396"/>
                  </a:lnTo>
                  <a:lnTo>
                    <a:pt x="990" y="416"/>
                  </a:lnTo>
                  <a:lnTo>
                    <a:pt x="1007" y="433"/>
                  </a:lnTo>
                  <a:lnTo>
                    <a:pt x="1026" y="446"/>
                  </a:lnTo>
                  <a:lnTo>
                    <a:pt x="1049" y="454"/>
                  </a:lnTo>
                  <a:lnTo>
                    <a:pt x="1074" y="457"/>
                  </a:lnTo>
                  <a:lnTo>
                    <a:pt x="1098" y="454"/>
                  </a:lnTo>
                  <a:lnTo>
                    <a:pt x="1120" y="446"/>
                  </a:lnTo>
                  <a:lnTo>
                    <a:pt x="1141" y="433"/>
                  </a:lnTo>
                  <a:lnTo>
                    <a:pt x="1157" y="416"/>
                  </a:lnTo>
                  <a:lnTo>
                    <a:pt x="1169" y="396"/>
                  </a:lnTo>
                  <a:lnTo>
                    <a:pt x="1178" y="373"/>
                  </a:lnTo>
                  <a:lnTo>
                    <a:pt x="1181" y="348"/>
                  </a:lnTo>
                  <a:lnTo>
                    <a:pt x="1178" y="324"/>
                  </a:lnTo>
                  <a:lnTo>
                    <a:pt x="1169" y="301"/>
                  </a:lnTo>
                  <a:lnTo>
                    <a:pt x="1157" y="281"/>
                  </a:lnTo>
                  <a:lnTo>
                    <a:pt x="1141" y="265"/>
                  </a:lnTo>
                  <a:lnTo>
                    <a:pt x="1120" y="252"/>
                  </a:lnTo>
                  <a:lnTo>
                    <a:pt x="1098" y="243"/>
                  </a:lnTo>
                  <a:lnTo>
                    <a:pt x="1074" y="241"/>
                  </a:lnTo>
                  <a:close/>
                  <a:moveTo>
                    <a:pt x="2122" y="60"/>
                  </a:moveTo>
                  <a:lnTo>
                    <a:pt x="2098" y="63"/>
                  </a:lnTo>
                  <a:lnTo>
                    <a:pt x="2075" y="71"/>
                  </a:lnTo>
                  <a:lnTo>
                    <a:pt x="2056" y="84"/>
                  </a:lnTo>
                  <a:lnTo>
                    <a:pt x="2039" y="101"/>
                  </a:lnTo>
                  <a:lnTo>
                    <a:pt x="2026" y="121"/>
                  </a:lnTo>
                  <a:lnTo>
                    <a:pt x="2018" y="143"/>
                  </a:lnTo>
                  <a:lnTo>
                    <a:pt x="2015" y="169"/>
                  </a:lnTo>
                  <a:lnTo>
                    <a:pt x="2018" y="193"/>
                  </a:lnTo>
                  <a:lnTo>
                    <a:pt x="2026" y="216"/>
                  </a:lnTo>
                  <a:lnTo>
                    <a:pt x="2039" y="236"/>
                  </a:lnTo>
                  <a:lnTo>
                    <a:pt x="2056" y="252"/>
                  </a:lnTo>
                  <a:lnTo>
                    <a:pt x="2075" y="265"/>
                  </a:lnTo>
                  <a:lnTo>
                    <a:pt x="2098" y="274"/>
                  </a:lnTo>
                  <a:lnTo>
                    <a:pt x="2122" y="276"/>
                  </a:lnTo>
                  <a:lnTo>
                    <a:pt x="2147" y="274"/>
                  </a:lnTo>
                  <a:lnTo>
                    <a:pt x="2169" y="265"/>
                  </a:lnTo>
                  <a:lnTo>
                    <a:pt x="2190" y="252"/>
                  </a:lnTo>
                  <a:lnTo>
                    <a:pt x="2206" y="236"/>
                  </a:lnTo>
                  <a:lnTo>
                    <a:pt x="2218" y="216"/>
                  </a:lnTo>
                  <a:lnTo>
                    <a:pt x="2226" y="193"/>
                  </a:lnTo>
                  <a:lnTo>
                    <a:pt x="2230" y="169"/>
                  </a:lnTo>
                  <a:lnTo>
                    <a:pt x="2226" y="143"/>
                  </a:lnTo>
                  <a:lnTo>
                    <a:pt x="2218" y="121"/>
                  </a:lnTo>
                  <a:lnTo>
                    <a:pt x="2206" y="101"/>
                  </a:lnTo>
                  <a:lnTo>
                    <a:pt x="2190" y="84"/>
                  </a:lnTo>
                  <a:lnTo>
                    <a:pt x="2169" y="71"/>
                  </a:lnTo>
                  <a:lnTo>
                    <a:pt x="2147" y="63"/>
                  </a:lnTo>
                  <a:lnTo>
                    <a:pt x="2122" y="60"/>
                  </a:lnTo>
                  <a:close/>
                  <a:moveTo>
                    <a:pt x="2122" y="0"/>
                  </a:moveTo>
                  <a:lnTo>
                    <a:pt x="2156" y="4"/>
                  </a:lnTo>
                  <a:lnTo>
                    <a:pt x="2188" y="13"/>
                  </a:lnTo>
                  <a:lnTo>
                    <a:pt x="2216" y="29"/>
                  </a:lnTo>
                  <a:lnTo>
                    <a:pt x="2240" y="50"/>
                  </a:lnTo>
                  <a:lnTo>
                    <a:pt x="2260" y="75"/>
                  </a:lnTo>
                  <a:lnTo>
                    <a:pt x="2276" y="103"/>
                  </a:lnTo>
                  <a:lnTo>
                    <a:pt x="2286" y="134"/>
                  </a:lnTo>
                  <a:lnTo>
                    <a:pt x="2290" y="169"/>
                  </a:lnTo>
                  <a:lnTo>
                    <a:pt x="2286" y="201"/>
                  </a:lnTo>
                  <a:lnTo>
                    <a:pt x="2277" y="230"/>
                  </a:lnTo>
                  <a:lnTo>
                    <a:pt x="2264" y="258"/>
                  </a:lnTo>
                  <a:lnTo>
                    <a:pt x="2244" y="283"/>
                  </a:lnTo>
                  <a:lnTo>
                    <a:pt x="2361" y="495"/>
                  </a:lnTo>
                  <a:lnTo>
                    <a:pt x="2322" y="515"/>
                  </a:lnTo>
                  <a:lnTo>
                    <a:pt x="2282" y="539"/>
                  </a:lnTo>
                  <a:lnTo>
                    <a:pt x="2167" y="330"/>
                  </a:lnTo>
                  <a:lnTo>
                    <a:pt x="2144" y="335"/>
                  </a:lnTo>
                  <a:lnTo>
                    <a:pt x="2122" y="337"/>
                  </a:lnTo>
                  <a:lnTo>
                    <a:pt x="2106" y="336"/>
                  </a:lnTo>
                  <a:lnTo>
                    <a:pt x="2091" y="333"/>
                  </a:lnTo>
                  <a:lnTo>
                    <a:pt x="1711" y="1130"/>
                  </a:lnTo>
                  <a:lnTo>
                    <a:pt x="1728" y="1154"/>
                  </a:lnTo>
                  <a:lnTo>
                    <a:pt x="1742" y="1181"/>
                  </a:lnTo>
                  <a:lnTo>
                    <a:pt x="1750" y="1211"/>
                  </a:lnTo>
                  <a:lnTo>
                    <a:pt x="1753" y="1242"/>
                  </a:lnTo>
                  <a:lnTo>
                    <a:pt x="1750" y="1276"/>
                  </a:lnTo>
                  <a:lnTo>
                    <a:pt x="1740" y="1308"/>
                  </a:lnTo>
                  <a:lnTo>
                    <a:pt x="1725" y="1337"/>
                  </a:lnTo>
                  <a:lnTo>
                    <a:pt x="1705" y="1361"/>
                  </a:lnTo>
                  <a:lnTo>
                    <a:pt x="1680" y="1382"/>
                  </a:lnTo>
                  <a:lnTo>
                    <a:pt x="1651" y="1398"/>
                  </a:lnTo>
                  <a:lnTo>
                    <a:pt x="1620" y="1407"/>
                  </a:lnTo>
                  <a:lnTo>
                    <a:pt x="1586" y="1410"/>
                  </a:lnTo>
                  <a:lnTo>
                    <a:pt x="1552" y="1407"/>
                  </a:lnTo>
                  <a:lnTo>
                    <a:pt x="1522" y="1398"/>
                  </a:lnTo>
                  <a:lnTo>
                    <a:pt x="1493" y="1382"/>
                  </a:lnTo>
                  <a:lnTo>
                    <a:pt x="1468" y="1361"/>
                  </a:lnTo>
                  <a:lnTo>
                    <a:pt x="1448" y="1337"/>
                  </a:lnTo>
                  <a:lnTo>
                    <a:pt x="1433" y="1308"/>
                  </a:lnTo>
                  <a:lnTo>
                    <a:pt x="1423" y="1276"/>
                  </a:lnTo>
                  <a:lnTo>
                    <a:pt x="1419" y="1242"/>
                  </a:lnTo>
                  <a:lnTo>
                    <a:pt x="1423" y="1210"/>
                  </a:lnTo>
                  <a:lnTo>
                    <a:pt x="1431" y="1180"/>
                  </a:lnTo>
                  <a:lnTo>
                    <a:pt x="1445" y="1153"/>
                  </a:lnTo>
                  <a:lnTo>
                    <a:pt x="1464" y="1129"/>
                  </a:lnTo>
                  <a:lnTo>
                    <a:pt x="1130" y="507"/>
                  </a:lnTo>
                  <a:lnTo>
                    <a:pt x="1102" y="514"/>
                  </a:lnTo>
                  <a:lnTo>
                    <a:pt x="1074" y="516"/>
                  </a:lnTo>
                  <a:lnTo>
                    <a:pt x="1043" y="514"/>
                  </a:lnTo>
                  <a:lnTo>
                    <a:pt x="1015" y="506"/>
                  </a:lnTo>
                  <a:lnTo>
                    <a:pt x="988" y="492"/>
                  </a:lnTo>
                  <a:lnTo>
                    <a:pt x="965" y="475"/>
                  </a:lnTo>
                  <a:lnTo>
                    <a:pt x="327" y="875"/>
                  </a:lnTo>
                  <a:lnTo>
                    <a:pt x="333" y="898"/>
                  </a:lnTo>
                  <a:lnTo>
                    <a:pt x="334" y="922"/>
                  </a:lnTo>
                  <a:lnTo>
                    <a:pt x="331" y="956"/>
                  </a:lnTo>
                  <a:lnTo>
                    <a:pt x="320" y="987"/>
                  </a:lnTo>
                  <a:lnTo>
                    <a:pt x="306" y="1015"/>
                  </a:lnTo>
                  <a:lnTo>
                    <a:pt x="285" y="1041"/>
                  </a:lnTo>
                  <a:lnTo>
                    <a:pt x="260" y="1061"/>
                  </a:lnTo>
                  <a:lnTo>
                    <a:pt x="232" y="1077"/>
                  </a:lnTo>
                  <a:lnTo>
                    <a:pt x="201" y="1086"/>
                  </a:lnTo>
                  <a:lnTo>
                    <a:pt x="167" y="1090"/>
                  </a:lnTo>
                  <a:lnTo>
                    <a:pt x="133" y="1086"/>
                  </a:lnTo>
                  <a:lnTo>
                    <a:pt x="102" y="1077"/>
                  </a:lnTo>
                  <a:lnTo>
                    <a:pt x="74" y="1061"/>
                  </a:lnTo>
                  <a:lnTo>
                    <a:pt x="49" y="1041"/>
                  </a:lnTo>
                  <a:lnTo>
                    <a:pt x="28" y="1015"/>
                  </a:lnTo>
                  <a:lnTo>
                    <a:pt x="14" y="987"/>
                  </a:lnTo>
                  <a:lnTo>
                    <a:pt x="3" y="956"/>
                  </a:lnTo>
                  <a:lnTo>
                    <a:pt x="0" y="922"/>
                  </a:lnTo>
                  <a:lnTo>
                    <a:pt x="3" y="887"/>
                  </a:lnTo>
                  <a:lnTo>
                    <a:pt x="14" y="856"/>
                  </a:lnTo>
                  <a:lnTo>
                    <a:pt x="28" y="828"/>
                  </a:lnTo>
                  <a:lnTo>
                    <a:pt x="49" y="803"/>
                  </a:lnTo>
                  <a:lnTo>
                    <a:pt x="74" y="782"/>
                  </a:lnTo>
                  <a:lnTo>
                    <a:pt x="102" y="767"/>
                  </a:lnTo>
                  <a:lnTo>
                    <a:pt x="133" y="757"/>
                  </a:lnTo>
                  <a:lnTo>
                    <a:pt x="167" y="753"/>
                  </a:lnTo>
                  <a:lnTo>
                    <a:pt x="199" y="757"/>
                  </a:lnTo>
                  <a:lnTo>
                    <a:pt x="228" y="765"/>
                  </a:lnTo>
                  <a:lnTo>
                    <a:pt x="256" y="779"/>
                  </a:lnTo>
                  <a:lnTo>
                    <a:pt x="280" y="797"/>
                  </a:lnTo>
                  <a:lnTo>
                    <a:pt x="914" y="399"/>
                  </a:lnTo>
                  <a:lnTo>
                    <a:pt x="908" y="375"/>
                  </a:lnTo>
                  <a:lnTo>
                    <a:pt x="907" y="348"/>
                  </a:lnTo>
                  <a:lnTo>
                    <a:pt x="910" y="315"/>
                  </a:lnTo>
                  <a:lnTo>
                    <a:pt x="919" y="283"/>
                  </a:lnTo>
                  <a:lnTo>
                    <a:pt x="935" y="254"/>
                  </a:lnTo>
                  <a:lnTo>
                    <a:pt x="956" y="229"/>
                  </a:lnTo>
                  <a:lnTo>
                    <a:pt x="981" y="209"/>
                  </a:lnTo>
                  <a:lnTo>
                    <a:pt x="1009" y="194"/>
                  </a:lnTo>
                  <a:lnTo>
                    <a:pt x="1040" y="184"/>
                  </a:lnTo>
                  <a:lnTo>
                    <a:pt x="1074" y="180"/>
                  </a:lnTo>
                  <a:lnTo>
                    <a:pt x="1107" y="184"/>
                  </a:lnTo>
                  <a:lnTo>
                    <a:pt x="1139" y="194"/>
                  </a:lnTo>
                  <a:lnTo>
                    <a:pt x="1167" y="209"/>
                  </a:lnTo>
                  <a:lnTo>
                    <a:pt x="1192" y="229"/>
                  </a:lnTo>
                  <a:lnTo>
                    <a:pt x="1213" y="254"/>
                  </a:lnTo>
                  <a:lnTo>
                    <a:pt x="1227" y="283"/>
                  </a:lnTo>
                  <a:lnTo>
                    <a:pt x="1238" y="315"/>
                  </a:lnTo>
                  <a:lnTo>
                    <a:pt x="1241" y="348"/>
                  </a:lnTo>
                  <a:lnTo>
                    <a:pt x="1239" y="378"/>
                  </a:lnTo>
                  <a:lnTo>
                    <a:pt x="1231" y="405"/>
                  </a:lnTo>
                  <a:lnTo>
                    <a:pt x="1219" y="431"/>
                  </a:lnTo>
                  <a:lnTo>
                    <a:pt x="1205" y="454"/>
                  </a:lnTo>
                  <a:lnTo>
                    <a:pt x="1541" y="1081"/>
                  </a:lnTo>
                  <a:lnTo>
                    <a:pt x="1564" y="1076"/>
                  </a:lnTo>
                  <a:lnTo>
                    <a:pt x="1586" y="1074"/>
                  </a:lnTo>
                  <a:lnTo>
                    <a:pt x="1610" y="1076"/>
                  </a:lnTo>
                  <a:lnTo>
                    <a:pt x="1633" y="1081"/>
                  </a:lnTo>
                  <a:lnTo>
                    <a:pt x="2009" y="292"/>
                  </a:lnTo>
                  <a:lnTo>
                    <a:pt x="1991" y="272"/>
                  </a:lnTo>
                  <a:lnTo>
                    <a:pt x="1976" y="249"/>
                  </a:lnTo>
                  <a:lnTo>
                    <a:pt x="1965" y="224"/>
                  </a:lnTo>
                  <a:lnTo>
                    <a:pt x="1958" y="197"/>
                  </a:lnTo>
                  <a:lnTo>
                    <a:pt x="1955" y="169"/>
                  </a:lnTo>
                  <a:lnTo>
                    <a:pt x="1958" y="134"/>
                  </a:lnTo>
                  <a:lnTo>
                    <a:pt x="1968" y="103"/>
                  </a:lnTo>
                  <a:lnTo>
                    <a:pt x="1984" y="75"/>
                  </a:lnTo>
                  <a:lnTo>
                    <a:pt x="2005" y="50"/>
                  </a:lnTo>
                  <a:lnTo>
                    <a:pt x="2028" y="29"/>
                  </a:lnTo>
                  <a:lnTo>
                    <a:pt x="2057" y="13"/>
                  </a:lnTo>
                  <a:lnTo>
                    <a:pt x="2089" y="4"/>
                  </a:lnTo>
                  <a:lnTo>
                    <a:pt x="2122" y="0"/>
                  </a:lnTo>
                  <a:close/>
                </a:path>
              </a:pathLst>
            </a:custGeom>
            <a:grp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a:p>
          </p:txBody>
        </p:sp>
        <p:sp>
          <p:nvSpPr>
            <p:cNvPr id="84" name="Freeform 20">
              <a:extLst>
                <a:ext uri="{FF2B5EF4-FFF2-40B4-BE49-F238E27FC236}">
                  <a16:creationId xmlns:a16="http://schemas.microsoft.com/office/drawing/2014/main" id="{1FF2C2E3-E7CE-9B26-254A-96139886E70E}"/>
                </a:ext>
              </a:extLst>
            </p:cNvPr>
            <p:cNvSpPr>
              <a:spLocks noEditPoints="1"/>
            </p:cNvSpPr>
            <p:nvPr/>
          </p:nvSpPr>
          <p:spPr bwMode="auto">
            <a:xfrm>
              <a:off x="1879601" y="4632326"/>
              <a:ext cx="534988" cy="588963"/>
            </a:xfrm>
            <a:custGeom>
              <a:avLst/>
              <a:gdLst>
                <a:gd name="T0" fmla="*/ 463 w 1685"/>
                <a:gd name="T1" fmla="*/ 167 h 1853"/>
                <a:gd name="T2" fmla="*/ 334 w 1685"/>
                <a:gd name="T3" fmla="*/ 227 h 1853"/>
                <a:gd name="T4" fmla="*/ 231 w 1685"/>
                <a:gd name="T5" fmla="*/ 329 h 1853"/>
                <a:gd name="T6" fmla="*/ 170 w 1685"/>
                <a:gd name="T7" fmla="*/ 455 h 1853"/>
                <a:gd name="T8" fmla="*/ 153 w 1685"/>
                <a:gd name="T9" fmla="*/ 592 h 1853"/>
                <a:gd name="T10" fmla="*/ 181 w 1685"/>
                <a:gd name="T11" fmla="*/ 729 h 1853"/>
                <a:gd name="T12" fmla="*/ 255 w 1685"/>
                <a:gd name="T13" fmla="*/ 853 h 1853"/>
                <a:gd name="T14" fmla="*/ 366 w 1685"/>
                <a:gd name="T15" fmla="*/ 943 h 1853"/>
                <a:gd name="T16" fmla="*/ 497 w 1685"/>
                <a:gd name="T17" fmla="*/ 990 h 1853"/>
                <a:gd name="T18" fmla="*/ 634 w 1685"/>
                <a:gd name="T19" fmla="*/ 992 h 1853"/>
                <a:gd name="T20" fmla="*/ 767 w 1685"/>
                <a:gd name="T21" fmla="*/ 949 h 1853"/>
                <a:gd name="T22" fmla="*/ 882 w 1685"/>
                <a:gd name="T23" fmla="*/ 860 h 1853"/>
                <a:gd name="T24" fmla="*/ 957 w 1685"/>
                <a:gd name="T25" fmla="*/ 740 h 1853"/>
                <a:gd name="T26" fmla="*/ 990 w 1685"/>
                <a:gd name="T27" fmla="*/ 605 h 1853"/>
                <a:gd name="T28" fmla="*/ 976 w 1685"/>
                <a:gd name="T29" fmla="*/ 466 h 1853"/>
                <a:gd name="T30" fmla="*/ 917 w 1685"/>
                <a:gd name="T31" fmla="*/ 337 h 1853"/>
                <a:gd name="T32" fmla="*/ 816 w 1685"/>
                <a:gd name="T33" fmla="*/ 232 h 1853"/>
                <a:gd name="T34" fmla="*/ 691 w 1685"/>
                <a:gd name="T35" fmla="*/ 170 h 1853"/>
                <a:gd name="T36" fmla="*/ 554 w 1685"/>
                <a:gd name="T37" fmla="*/ 154 h 1853"/>
                <a:gd name="T38" fmla="*/ 665 w 1685"/>
                <a:gd name="T39" fmla="*/ 8 h 1853"/>
                <a:gd name="T40" fmla="*/ 822 w 1685"/>
                <a:gd name="T41" fmla="*/ 59 h 1853"/>
                <a:gd name="T42" fmla="*/ 962 w 1685"/>
                <a:gd name="T43" fmla="*/ 155 h 1853"/>
                <a:gd name="T44" fmla="*/ 1067 w 1685"/>
                <a:gd name="T45" fmla="*/ 290 h 1853"/>
                <a:gd name="T46" fmla="*/ 1128 w 1685"/>
                <a:gd name="T47" fmla="*/ 444 h 1853"/>
                <a:gd name="T48" fmla="*/ 1141 w 1685"/>
                <a:gd name="T49" fmla="*/ 606 h 1853"/>
                <a:gd name="T50" fmla="*/ 1109 w 1685"/>
                <a:gd name="T51" fmla="*/ 765 h 1853"/>
                <a:gd name="T52" fmla="*/ 1034 w 1685"/>
                <a:gd name="T53" fmla="*/ 910 h 1853"/>
                <a:gd name="T54" fmla="*/ 1679 w 1685"/>
                <a:gd name="T55" fmla="*/ 1743 h 1853"/>
                <a:gd name="T56" fmla="*/ 1682 w 1685"/>
                <a:gd name="T57" fmla="*/ 1800 h 1853"/>
                <a:gd name="T58" fmla="*/ 1643 w 1685"/>
                <a:gd name="T59" fmla="*/ 1845 h 1853"/>
                <a:gd name="T60" fmla="*/ 1587 w 1685"/>
                <a:gd name="T61" fmla="*/ 1848 h 1853"/>
                <a:gd name="T62" fmla="*/ 885 w 1685"/>
                <a:gd name="T63" fmla="*/ 1054 h 1853"/>
                <a:gd name="T64" fmla="*/ 735 w 1685"/>
                <a:gd name="T65" fmla="*/ 1125 h 1853"/>
                <a:gd name="T66" fmla="*/ 576 w 1685"/>
                <a:gd name="T67" fmla="*/ 1149 h 1853"/>
                <a:gd name="T68" fmla="*/ 417 w 1685"/>
                <a:gd name="T69" fmla="*/ 1129 h 1853"/>
                <a:gd name="T70" fmla="*/ 268 w 1685"/>
                <a:gd name="T71" fmla="*/ 1062 h 1853"/>
                <a:gd name="T72" fmla="*/ 140 w 1685"/>
                <a:gd name="T73" fmla="*/ 952 h 1853"/>
                <a:gd name="T74" fmla="*/ 48 w 1685"/>
                <a:gd name="T75" fmla="*/ 807 h 1853"/>
                <a:gd name="T76" fmla="*/ 5 w 1685"/>
                <a:gd name="T77" fmla="*/ 646 h 1853"/>
                <a:gd name="T78" fmla="*/ 8 w 1685"/>
                <a:gd name="T79" fmla="*/ 481 h 1853"/>
                <a:gd name="T80" fmla="*/ 58 w 1685"/>
                <a:gd name="T81" fmla="*/ 322 h 1853"/>
                <a:gd name="T82" fmla="*/ 154 w 1685"/>
                <a:gd name="T83" fmla="*/ 182 h 1853"/>
                <a:gd name="T84" fmla="*/ 290 w 1685"/>
                <a:gd name="T85" fmla="*/ 74 h 1853"/>
                <a:gd name="T86" fmla="*/ 447 w 1685"/>
                <a:gd name="T87" fmla="*/ 14 h 18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685" h="1853">
                  <a:moveTo>
                    <a:pt x="554" y="154"/>
                  </a:moveTo>
                  <a:lnTo>
                    <a:pt x="508" y="157"/>
                  </a:lnTo>
                  <a:lnTo>
                    <a:pt x="463" y="167"/>
                  </a:lnTo>
                  <a:lnTo>
                    <a:pt x="418" y="181"/>
                  </a:lnTo>
                  <a:lnTo>
                    <a:pt x="375" y="202"/>
                  </a:lnTo>
                  <a:lnTo>
                    <a:pt x="334" y="227"/>
                  </a:lnTo>
                  <a:lnTo>
                    <a:pt x="296" y="257"/>
                  </a:lnTo>
                  <a:lnTo>
                    <a:pt x="260" y="291"/>
                  </a:lnTo>
                  <a:lnTo>
                    <a:pt x="231" y="329"/>
                  </a:lnTo>
                  <a:lnTo>
                    <a:pt x="205" y="369"/>
                  </a:lnTo>
                  <a:lnTo>
                    <a:pt x="184" y="411"/>
                  </a:lnTo>
                  <a:lnTo>
                    <a:pt x="170" y="455"/>
                  </a:lnTo>
                  <a:lnTo>
                    <a:pt x="158" y="500"/>
                  </a:lnTo>
                  <a:lnTo>
                    <a:pt x="153" y="546"/>
                  </a:lnTo>
                  <a:lnTo>
                    <a:pt x="153" y="592"/>
                  </a:lnTo>
                  <a:lnTo>
                    <a:pt x="157" y="639"/>
                  </a:lnTo>
                  <a:lnTo>
                    <a:pt x="166" y="685"/>
                  </a:lnTo>
                  <a:lnTo>
                    <a:pt x="181" y="729"/>
                  </a:lnTo>
                  <a:lnTo>
                    <a:pt x="200" y="773"/>
                  </a:lnTo>
                  <a:lnTo>
                    <a:pt x="225" y="814"/>
                  </a:lnTo>
                  <a:lnTo>
                    <a:pt x="255" y="853"/>
                  </a:lnTo>
                  <a:lnTo>
                    <a:pt x="289" y="888"/>
                  </a:lnTo>
                  <a:lnTo>
                    <a:pt x="326" y="918"/>
                  </a:lnTo>
                  <a:lnTo>
                    <a:pt x="366" y="943"/>
                  </a:lnTo>
                  <a:lnTo>
                    <a:pt x="408" y="964"/>
                  </a:lnTo>
                  <a:lnTo>
                    <a:pt x="451" y="980"/>
                  </a:lnTo>
                  <a:lnTo>
                    <a:pt x="497" y="990"/>
                  </a:lnTo>
                  <a:lnTo>
                    <a:pt x="542" y="996"/>
                  </a:lnTo>
                  <a:lnTo>
                    <a:pt x="589" y="997"/>
                  </a:lnTo>
                  <a:lnTo>
                    <a:pt x="634" y="992"/>
                  </a:lnTo>
                  <a:lnTo>
                    <a:pt x="680" y="983"/>
                  </a:lnTo>
                  <a:lnTo>
                    <a:pt x="724" y="968"/>
                  </a:lnTo>
                  <a:lnTo>
                    <a:pt x="767" y="949"/>
                  </a:lnTo>
                  <a:lnTo>
                    <a:pt x="808" y="924"/>
                  </a:lnTo>
                  <a:lnTo>
                    <a:pt x="847" y="894"/>
                  </a:lnTo>
                  <a:lnTo>
                    <a:pt x="882" y="860"/>
                  </a:lnTo>
                  <a:lnTo>
                    <a:pt x="912" y="822"/>
                  </a:lnTo>
                  <a:lnTo>
                    <a:pt x="937" y="782"/>
                  </a:lnTo>
                  <a:lnTo>
                    <a:pt x="957" y="740"/>
                  </a:lnTo>
                  <a:lnTo>
                    <a:pt x="973" y="695"/>
                  </a:lnTo>
                  <a:lnTo>
                    <a:pt x="984" y="650"/>
                  </a:lnTo>
                  <a:lnTo>
                    <a:pt x="990" y="605"/>
                  </a:lnTo>
                  <a:lnTo>
                    <a:pt x="990" y="558"/>
                  </a:lnTo>
                  <a:lnTo>
                    <a:pt x="985" y="512"/>
                  </a:lnTo>
                  <a:lnTo>
                    <a:pt x="976" y="466"/>
                  </a:lnTo>
                  <a:lnTo>
                    <a:pt x="962" y="422"/>
                  </a:lnTo>
                  <a:lnTo>
                    <a:pt x="942" y="378"/>
                  </a:lnTo>
                  <a:lnTo>
                    <a:pt x="917" y="337"/>
                  </a:lnTo>
                  <a:lnTo>
                    <a:pt x="888" y="298"/>
                  </a:lnTo>
                  <a:lnTo>
                    <a:pt x="854" y="262"/>
                  </a:lnTo>
                  <a:lnTo>
                    <a:pt x="816" y="232"/>
                  </a:lnTo>
                  <a:lnTo>
                    <a:pt x="776" y="206"/>
                  </a:lnTo>
                  <a:lnTo>
                    <a:pt x="734" y="186"/>
                  </a:lnTo>
                  <a:lnTo>
                    <a:pt x="691" y="170"/>
                  </a:lnTo>
                  <a:lnTo>
                    <a:pt x="646" y="159"/>
                  </a:lnTo>
                  <a:lnTo>
                    <a:pt x="600" y="154"/>
                  </a:lnTo>
                  <a:lnTo>
                    <a:pt x="554" y="154"/>
                  </a:lnTo>
                  <a:close/>
                  <a:moveTo>
                    <a:pt x="556" y="0"/>
                  </a:moveTo>
                  <a:lnTo>
                    <a:pt x="610" y="2"/>
                  </a:lnTo>
                  <a:lnTo>
                    <a:pt x="665" y="8"/>
                  </a:lnTo>
                  <a:lnTo>
                    <a:pt x="718" y="20"/>
                  </a:lnTo>
                  <a:lnTo>
                    <a:pt x="771" y="37"/>
                  </a:lnTo>
                  <a:lnTo>
                    <a:pt x="822" y="59"/>
                  </a:lnTo>
                  <a:lnTo>
                    <a:pt x="871" y="85"/>
                  </a:lnTo>
                  <a:lnTo>
                    <a:pt x="917" y="118"/>
                  </a:lnTo>
                  <a:lnTo>
                    <a:pt x="962" y="155"/>
                  </a:lnTo>
                  <a:lnTo>
                    <a:pt x="1001" y="197"/>
                  </a:lnTo>
                  <a:lnTo>
                    <a:pt x="1038" y="243"/>
                  </a:lnTo>
                  <a:lnTo>
                    <a:pt x="1067" y="290"/>
                  </a:lnTo>
                  <a:lnTo>
                    <a:pt x="1092" y="340"/>
                  </a:lnTo>
                  <a:lnTo>
                    <a:pt x="1113" y="392"/>
                  </a:lnTo>
                  <a:lnTo>
                    <a:pt x="1128" y="444"/>
                  </a:lnTo>
                  <a:lnTo>
                    <a:pt x="1137" y="497"/>
                  </a:lnTo>
                  <a:lnTo>
                    <a:pt x="1141" y="551"/>
                  </a:lnTo>
                  <a:lnTo>
                    <a:pt x="1141" y="606"/>
                  </a:lnTo>
                  <a:lnTo>
                    <a:pt x="1135" y="660"/>
                  </a:lnTo>
                  <a:lnTo>
                    <a:pt x="1125" y="712"/>
                  </a:lnTo>
                  <a:lnTo>
                    <a:pt x="1109" y="765"/>
                  </a:lnTo>
                  <a:lnTo>
                    <a:pt x="1090" y="815"/>
                  </a:lnTo>
                  <a:lnTo>
                    <a:pt x="1065" y="864"/>
                  </a:lnTo>
                  <a:lnTo>
                    <a:pt x="1034" y="910"/>
                  </a:lnTo>
                  <a:lnTo>
                    <a:pt x="1000" y="955"/>
                  </a:lnTo>
                  <a:lnTo>
                    <a:pt x="1667" y="1726"/>
                  </a:lnTo>
                  <a:lnTo>
                    <a:pt x="1679" y="1743"/>
                  </a:lnTo>
                  <a:lnTo>
                    <a:pt x="1684" y="1763"/>
                  </a:lnTo>
                  <a:lnTo>
                    <a:pt x="1685" y="1782"/>
                  </a:lnTo>
                  <a:lnTo>
                    <a:pt x="1682" y="1800"/>
                  </a:lnTo>
                  <a:lnTo>
                    <a:pt x="1674" y="1819"/>
                  </a:lnTo>
                  <a:lnTo>
                    <a:pt x="1660" y="1833"/>
                  </a:lnTo>
                  <a:lnTo>
                    <a:pt x="1643" y="1845"/>
                  </a:lnTo>
                  <a:lnTo>
                    <a:pt x="1624" y="1852"/>
                  </a:lnTo>
                  <a:lnTo>
                    <a:pt x="1605" y="1853"/>
                  </a:lnTo>
                  <a:lnTo>
                    <a:pt x="1587" y="1848"/>
                  </a:lnTo>
                  <a:lnTo>
                    <a:pt x="1568" y="1840"/>
                  </a:lnTo>
                  <a:lnTo>
                    <a:pt x="1554" y="1827"/>
                  </a:lnTo>
                  <a:lnTo>
                    <a:pt x="885" y="1054"/>
                  </a:lnTo>
                  <a:lnTo>
                    <a:pt x="838" y="1083"/>
                  </a:lnTo>
                  <a:lnTo>
                    <a:pt x="788" y="1107"/>
                  </a:lnTo>
                  <a:lnTo>
                    <a:pt x="735" y="1125"/>
                  </a:lnTo>
                  <a:lnTo>
                    <a:pt x="683" y="1139"/>
                  </a:lnTo>
                  <a:lnTo>
                    <a:pt x="630" y="1147"/>
                  </a:lnTo>
                  <a:lnTo>
                    <a:pt x="576" y="1149"/>
                  </a:lnTo>
                  <a:lnTo>
                    <a:pt x="523" y="1148"/>
                  </a:lnTo>
                  <a:lnTo>
                    <a:pt x="470" y="1140"/>
                  </a:lnTo>
                  <a:lnTo>
                    <a:pt x="417" y="1129"/>
                  </a:lnTo>
                  <a:lnTo>
                    <a:pt x="366" y="1111"/>
                  </a:lnTo>
                  <a:lnTo>
                    <a:pt x="316" y="1090"/>
                  </a:lnTo>
                  <a:lnTo>
                    <a:pt x="268" y="1062"/>
                  </a:lnTo>
                  <a:lnTo>
                    <a:pt x="223" y="1031"/>
                  </a:lnTo>
                  <a:lnTo>
                    <a:pt x="180" y="995"/>
                  </a:lnTo>
                  <a:lnTo>
                    <a:pt x="140" y="952"/>
                  </a:lnTo>
                  <a:lnTo>
                    <a:pt x="105" y="907"/>
                  </a:lnTo>
                  <a:lnTo>
                    <a:pt x="74" y="857"/>
                  </a:lnTo>
                  <a:lnTo>
                    <a:pt x="48" y="807"/>
                  </a:lnTo>
                  <a:lnTo>
                    <a:pt x="29" y="754"/>
                  </a:lnTo>
                  <a:lnTo>
                    <a:pt x="14" y="701"/>
                  </a:lnTo>
                  <a:lnTo>
                    <a:pt x="5" y="646"/>
                  </a:lnTo>
                  <a:lnTo>
                    <a:pt x="0" y="591"/>
                  </a:lnTo>
                  <a:lnTo>
                    <a:pt x="1" y="536"/>
                  </a:lnTo>
                  <a:lnTo>
                    <a:pt x="8" y="481"/>
                  </a:lnTo>
                  <a:lnTo>
                    <a:pt x="20" y="427"/>
                  </a:lnTo>
                  <a:lnTo>
                    <a:pt x="37" y="373"/>
                  </a:lnTo>
                  <a:lnTo>
                    <a:pt x="58" y="322"/>
                  </a:lnTo>
                  <a:lnTo>
                    <a:pt x="85" y="273"/>
                  </a:lnTo>
                  <a:lnTo>
                    <a:pt x="117" y="226"/>
                  </a:lnTo>
                  <a:lnTo>
                    <a:pt x="154" y="182"/>
                  </a:lnTo>
                  <a:lnTo>
                    <a:pt x="196" y="141"/>
                  </a:lnTo>
                  <a:lnTo>
                    <a:pt x="242" y="105"/>
                  </a:lnTo>
                  <a:lnTo>
                    <a:pt x="290" y="74"/>
                  </a:lnTo>
                  <a:lnTo>
                    <a:pt x="341" y="48"/>
                  </a:lnTo>
                  <a:lnTo>
                    <a:pt x="393" y="29"/>
                  </a:lnTo>
                  <a:lnTo>
                    <a:pt x="447" y="14"/>
                  </a:lnTo>
                  <a:lnTo>
                    <a:pt x="500" y="5"/>
                  </a:lnTo>
                  <a:lnTo>
                    <a:pt x="556" y="0"/>
                  </a:lnTo>
                  <a:close/>
                </a:path>
              </a:pathLst>
            </a:custGeom>
            <a:grp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a:p>
          </p:txBody>
        </p:sp>
      </p:grpSp>
      <p:grpSp>
        <p:nvGrpSpPr>
          <p:cNvPr id="85" name="Group 84">
            <a:extLst>
              <a:ext uri="{FF2B5EF4-FFF2-40B4-BE49-F238E27FC236}">
                <a16:creationId xmlns:a16="http://schemas.microsoft.com/office/drawing/2014/main" id="{E6E74659-35DD-411A-2939-2F9ECD7CF0EF}"/>
              </a:ext>
            </a:extLst>
          </p:cNvPr>
          <p:cNvGrpSpPr/>
          <p:nvPr/>
        </p:nvGrpSpPr>
        <p:grpSpPr>
          <a:xfrm>
            <a:off x="7141784" y="2791513"/>
            <a:ext cx="821598" cy="809750"/>
            <a:chOff x="2057400" y="4373563"/>
            <a:chExt cx="990600" cy="976313"/>
          </a:xfrm>
          <a:solidFill>
            <a:schemeClr val="bg1"/>
          </a:solidFill>
        </p:grpSpPr>
        <p:sp>
          <p:nvSpPr>
            <p:cNvPr id="86" name="Freeform 21">
              <a:extLst>
                <a:ext uri="{FF2B5EF4-FFF2-40B4-BE49-F238E27FC236}">
                  <a16:creationId xmlns:a16="http://schemas.microsoft.com/office/drawing/2014/main" id="{99180BC1-9292-B028-2556-75B93702E437}"/>
                </a:ext>
              </a:extLst>
            </p:cNvPr>
            <p:cNvSpPr>
              <a:spLocks/>
            </p:cNvSpPr>
            <p:nvPr/>
          </p:nvSpPr>
          <p:spPr bwMode="auto">
            <a:xfrm>
              <a:off x="2176463" y="4664076"/>
              <a:ext cx="130175" cy="193675"/>
            </a:xfrm>
            <a:custGeom>
              <a:avLst/>
              <a:gdLst>
                <a:gd name="T0" fmla="*/ 96 w 256"/>
                <a:gd name="T1" fmla="*/ 96 h 384"/>
                <a:gd name="T2" fmla="*/ 160 w 256"/>
                <a:gd name="T3" fmla="*/ 96 h 384"/>
                <a:gd name="T4" fmla="*/ 192 w 256"/>
                <a:gd name="T5" fmla="*/ 128 h 384"/>
                <a:gd name="T6" fmla="*/ 256 w 256"/>
                <a:gd name="T7" fmla="*/ 128 h 384"/>
                <a:gd name="T8" fmla="*/ 160 w 256"/>
                <a:gd name="T9" fmla="*/ 32 h 384"/>
                <a:gd name="T10" fmla="*/ 160 w 256"/>
                <a:gd name="T11" fmla="*/ 0 h 384"/>
                <a:gd name="T12" fmla="*/ 96 w 256"/>
                <a:gd name="T13" fmla="*/ 0 h 384"/>
                <a:gd name="T14" fmla="*/ 96 w 256"/>
                <a:gd name="T15" fmla="*/ 32 h 384"/>
                <a:gd name="T16" fmla="*/ 0 w 256"/>
                <a:gd name="T17" fmla="*/ 128 h 384"/>
                <a:gd name="T18" fmla="*/ 96 w 256"/>
                <a:gd name="T19" fmla="*/ 224 h 384"/>
                <a:gd name="T20" fmla="*/ 160 w 256"/>
                <a:gd name="T21" fmla="*/ 224 h 384"/>
                <a:gd name="T22" fmla="*/ 192 w 256"/>
                <a:gd name="T23" fmla="*/ 256 h 384"/>
                <a:gd name="T24" fmla="*/ 160 w 256"/>
                <a:gd name="T25" fmla="*/ 288 h 384"/>
                <a:gd name="T26" fmla="*/ 96 w 256"/>
                <a:gd name="T27" fmla="*/ 288 h 384"/>
                <a:gd name="T28" fmla="*/ 64 w 256"/>
                <a:gd name="T29" fmla="*/ 256 h 384"/>
                <a:gd name="T30" fmla="*/ 0 w 256"/>
                <a:gd name="T31" fmla="*/ 256 h 384"/>
                <a:gd name="T32" fmla="*/ 96 w 256"/>
                <a:gd name="T33" fmla="*/ 352 h 384"/>
                <a:gd name="T34" fmla="*/ 96 w 256"/>
                <a:gd name="T35" fmla="*/ 384 h 384"/>
                <a:gd name="T36" fmla="*/ 160 w 256"/>
                <a:gd name="T37" fmla="*/ 384 h 384"/>
                <a:gd name="T38" fmla="*/ 160 w 256"/>
                <a:gd name="T39" fmla="*/ 352 h 384"/>
                <a:gd name="T40" fmla="*/ 256 w 256"/>
                <a:gd name="T41" fmla="*/ 256 h 384"/>
                <a:gd name="T42" fmla="*/ 160 w 256"/>
                <a:gd name="T43" fmla="*/ 160 h 384"/>
                <a:gd name="T44" fmla="*/ 96 w 256"/>
                <a:gd name="T45" fmla="*/ 160 h 384"/>
                <a:gd name="T46" fmla="*/ 64 w 256"/>
                <a:gd name="T47" fmla="*/ 128 h 384"/>
                <a:gd name="T48" fmla="*/ 96 w 256"/>
                <a:gd name="T49" fmla="*/ 9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84">
                  <a:moveTo>
                    <a:pt x="96" y="96"/>
                  </a:moveTo>
                  <a:cubicBezTo>
                    <a:pt x="160" y="96"/>
                    <a:pt x="160" y="96"/>
                    <a:pt x="160" y="96"/>
                  </a:cubicBezTo>
                  <a:cubicBezTo>
                    <a:pt x="178" y="96"/>
                    <a:pt x="192" y="110"/>
                    <a:pt x="192" y="128"/>
                  </a:cubicBezTo>
                  <a:cubicBezTo>
                    <a:pt x="256" y="128"/>
                    <a:pt x="256" y="128"/>
                    <a:pt x="256" y="128"/>
                  </a:cubicBezTo>
                  <a:cubicBezTo>
                    <a:pt x="256" y="75"/>
                    <a:pt x="213" y="32"/>
                    <a:pt x="160" y="32"/>
                  </a:cubicBezTo>
                  <a:cubicBezTo>
                    <a:pt x="160" y="0"/>
                    <a:pt x="160" y="0"/>
                    <a:pt x="160" y="0"/>
                  </a:cubicBezTo>
                  <a:cubicBezTo>
                    <a:pt x="96" y="0"/>
                    <a:pt x="96" y="0"/>
                    <a:pt x="96" y="0"/>
                  </a:cubicBezTo>
                  <a:cubicBezTo>
                    <a:pt x="96" y="32"/>
                    <a:pt x="96" y="32"/>
                    <a:pt x="96" y="32"/>
                  </a:cubicBezTo>
                  <a:cubicBezTo>
                    <a:pt x="43" y="32"/>
                    <a:pt x="0" y="75"/>
                    <a:pt x="0" y="128"/>
                  </a:cubicBezTo>
                  <a:cubicBezTo>
                    <a:pt x="0" y="181"/>
                    <a:pt x="43" y="224"/>
                    <a:pt x="96" y="224"/>
                  </a:cubicBezTo>
                  <a:cubicBezTo>
                    <a:pt x="160" y="224"/>
                    <a:pt x="160" y="224"/>
                    <a:pt x="160" y="224"/>
                  </a:cubicBezTo>
                  <a:cubicBezTo>
                    <a:pt x="178" y="224"/>
                    <a:pt x="192" y="238"/>
                    <a:pt x="192" y="256"/>
                  </a:cubicBezTo>
                  <a:cubicBezTo>
                    <a:pt x="192" y="274"/>
                    <a:pt x="178" y="288"/>
                    <a:pt x="160" y="288"/>
                  </a:cubicBezTo>
                  <a:cubicBezTo>
                    <a:pt x="96" y="288"/>
                    <a:pt x="96" y="288"/>
                    <a:pt x="96" y="288"/>
                  </a:cubicBezTo>
                  <a:cubicBezTo>
                    <a:pt x="78" y="288"/>
                    <a:pt x="64" y="274"/>
                    <a:pt x="64" y="256"/>
                  </a:cubicBezTo>
                  <a:cubicBezTo>
                    <a:pt x="0" y="256"/>
                    <a:pt x="0" y="256"/>
                    <a:pt x="0" y="256"/>
                  </a:cubicBezTo>
                  <a:cubicBezTo>
                    <a:pt x="0" y="309"/>
                    <a:pt x="43" y="352"/>
                    <a:pt x="96" y="352"/>
                  </a:cubicBezTo>
                  <a:cubicBezTo>
                    <a:pt x="96" y="384"/>
                    <a:pt x="96" y="384"/>
                    <a:pt x="96" y="384"/>
                  </a:cubicBezTo>
                  <a:cubicBezTo>
                    <a:pt x="160" y="384"/>
                    <a:pt x="160" y="384"/>
                    <a:pt x="160" y="384"/>
                  </a:cubicBezTo>
                  <a:cubicBezTo>
                    <a:pt x="160" y="352"/>
                    <a:pt x="160" y="352"/>
                    <a:pt x="160" y="352"/>
                  </a:cubicBezTo>
                  <a:cubicBezTo>
                    <a:pt x="213" y="352"/>
                    <a:pt x="256" y="309"/>
                    <a:pt x="256" y="256"/>
                  </a:cubicBezTo>
                  <a:cubicBezTo>
                    <a:pt x="256" y="203"/>
                    <a:pt x="213" y="160"/>
                    <a:pt x="160" y="160"/>
                  </a:cubicBezTo>
                  <a:cubicBezTo>
                    <a:pt x="96" y="160"/>
                    <a:pt x="96" y="160"/>
                    <a:pt x="96" y="160"/>
                  </a:cubicBezTo>
                  <a:cubicBezTo>
                    <a:pt x="78" y="160"/>
                    <a:pt x="64" y="146"/>
                    <a:pt x="64" y="128"/>
                  </a:cubicBezTo>
                  <a:cubicBezTo>
                    <a:pt x="64" y="110"/>
                    <a:pt x="78" y="96"/>
                    <a:pt x="96" y="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Rectangle 22">
              <a:extLst>
                <a:ext uri="{FF2B5EF4-FFF2-40B4-BE49-F238E27FC236}">
                  <a16:creationId xmlns:a16="http://schemas.microsoft.com/office/drawing/2014/main" id="{3162EA78-0C1D-E6BF-2466-80B423C80EC5}"/>
                </a:ext>
              </a:extLst>
            </p:cNvPr>
            <p:cNvSpPr>
              <a:spLocks noChangeArrowheads="1"/>
            </p:cNvSpPr>
            <p:nvPr/>
          </p:nvSpPr>
          <p:spPr bwMode="auto">
            <a:xfrm>
              <a:off x="2273300" y="4470401"/>
              <a:ext cx="33338" cy="3333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Rectangle 23">
              <a:extLst>
                <a:ext uri="{FF2B5EF4-FFF2-40B4-BE49-F238E27FC236}">
                  <a16:creationId xmlns:a16="http://schemas.microsoft.com/office/drawing/2014/main" id="{84A580EC-F555-304B-E76A-FAEB1B0CC687}"/>
                </a:ext>
              </a:extLst>
            </p:cNvPr>
            <p:cNvSpPr>
              <a:spLocks noChangeArrowheads="1"/>
            </p:cNvSpPr>
            <p:nvPr/>
          </p:nvSpPr>
          <p:spPr bwMode="auto">
            <a:xfrm>
              <a:off x="2338388" y="4470401"/>
              <a:ext cx="96838" cy="3333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Rectangle 24">
              <a:extLst>
                <a:ext uri="{FF2B5EF4-FFF2-40B4-BE49-F238E27FC236}">
                  <a16:creationId xmlns:a16="http://schemas.microsoft.com/office/drawing/2014/main" id="{709BBD24-8109-1DB5-5265-BD1607FAF7B1}"/>
                </a:ext>
              </a:extLst>
            </p:cNvPr>
            <p:cNvSpPr>
              <a:spLocks noChangeArrowheads="1"/>
            </p:cNvSpPr>
            <p:nvPr/>
          </p:nvSpPr>
          <p:spPr bwMode="auto">
            <a:xfrm>
              <a:off x="2273300" y="4535488"/>
              <a:ext cx="161925" cy="317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Rectangle 25">
              <a:extLst>
                <a:ext uri="{FF2B5EF4-FFF2-40B4-BE49-F238E27FC236}">
                  <a16:creationId xmlns:a16="http://schemas.microsoft.com/office/drawing/2014/main" id="{92CF1472-4D92-E6BC-E7BE-34C4C0C87273}"/>
                </a:ext>
              </a:extLst>
            </p:cNvPr>
            <p:cNvSpPr>
              <a:spLocks noChangeArrowheads="1"/>
            </p:cNvSpPr>
            <p:nvPr/>
          </p:nvSpPr>
          <p:spPr bwMode="auto">
            <a:xfrm>
              <a:off x="2435225" y="4632326"/>
              <a:ext cx="161925" cy="317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Rectangle 26">
              <a:extLst>
                <a:ext uri="{FF2B5EF4-FFF2-40B4-BE49-F238E27FC236}">
                  <a16:creationId xmlns:a16="http://schemas.microsoft.com/office/drawing/2014/main" id="{25298E85-3AF0-25BA-7597-B5ED92FF7A33}"/>
                </a:ext>
              </a:extLst>
            </p:cNvPr>
            <p:cNvSpPr>
              <a:spLocks noChangeArrowheads="1"/>
            </p:cNvSpPr>
            <p:nvPr/>
          </p:nvSpPr>
          <p:spPr bwMode="auto">
            <a:xfrm>
              <a:off x="2435225" y="4697413"/>
              <a:ext cx="128588" cy="317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Rectangle 27">
              <a:extLst>
                <a:ext uri="{FF2B5EF4-FFF2-40B4-BE49-F238E27FC236}">
                  <a16:creationId xmlns:a16="http://schemas.microsoft.com/office/drawing/2014/main" id="{A26D3744-39AC-F1CB-2E49-A1423C42EB62}"/>
                </a:ext>
              </a:extLst>
            </p:cNvPr>
            <p:cNvSpPr>
              <a:spLocks noChangeArrowheads="1"/>
            </p:cNvSpPr>
            <p:nvPr/>
          </p:nvSpPr>
          <p:spPr bwMode="auto">
            <a:xfrm>
              <a:off x="2435225" y="4760913"/>
              <a:ext cx="128588" cy="3333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3" name="Rectangle 28">
              <a:extLst>
                <a:ext uri="{FF2B5EF4-FFF2-40B4-BE49-F238E27FC236}">
                  <a16:creationId xmlns:a16="http://schemas.microsoft.com/office/drawing/2014/main" id="{5700D3DA-C80B-D6FC-4552-C36FFDD2BADF}"/>
                </a:ext>
              </a:extLst>
            </p:cNvPr>
            <p:cNvSpPr>
              <a:spLocks noChangeArrowheads="1"/>
            </p:cNvSpPr>
            <p:nvPr/>
          </p:nvSpPr>
          <p:spPr bwMode="auto">
            <a:xfrm>
              <a:off x="2435225" y="4826001"/>
              <a:ext cx="128588" cy="317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Rectangle 29">
              <a:extLst>
                <a:ext uri="{FF2B5EF4-FFF2-40B4-BE49-F238E27FC236}">
                  <a16:creationId xmlns:a16="http://schemas.microsoft.com/office/drawing/2014/main" id="{7950D0CC-F7C4-701C-3B68-5674501853C6}"/>
                </a:ext>
              </a:extLst>
            </p:cNvPr>
            <p:cNvSpPr>
              <a:spLocks noChangeArrowheads="1"/>
            </p:cNvSpPr>
            <p:nvPr/>
          </p:nvSpPr>
          <p:spPr bwMode="auto">
            <a:xfrm>
              <a:off x="2435225" y="4891088"/>
              <a:ext cx="161925" cy="317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5" name="Freeform 30">
              <a:extLst>
                <a:ext uri="{FF2B5EF4-FFF2-40B4-BE49-F238E27FC236}">
                  <a16:creationId xmlns:a16="http://schemas.microsoft.com/office/drawing/2014/main" id="{536C838A-C12C-1048-7CDE-09834B02D689}"/>
                </a:ext>
              </a:extLst>
            </p:cNvPr>
            <p:cNvSpPr>
              <a:spLocks noEditPoints="1"/>
            </p:cNvSpPr>
            <p:nvPr/>
          </p:nvSpPr>
          <p:spPr bwMode="auto">
            <a:xfrm>
              <a:off x="2660650" y="4600576"/>
              <a:ext cx="323850" cy="322263"/>
            </a:xfrm>
            <a:custGeom>
              <a:avLst/>
              <a:gdLst>
                <a:gd name="T0" fmla="*/ 320 w 640"/>
                <a:gd name="T1" fmla="*/ 0 h 640"/>
                <a:gd name="T2" fmla="*/ 0 w 640"/>
                <a:gd name="T3" fmla="*/ 320 h 640"/>
                <a:gd name="T4" fmla="*/ 320 w 640"/>
                <a:gd name="T5" fmla="*/ 640 h 640"/>
                <a:gd name="T6" fmla="*/ 640 w 640"/>
                <a:gd name="T7" fmla="*/ 320 h 640"/>
                <a:gd name="T8" fmla="*/ 320 w 640"/>
                <a:gd name="T9" fmla="*/ 0 h 640"/>
                <a:gd name="T10" fmla="*/ 320 w 640"/>
                <a:gd name="T11" fmla="*/ 576 h 640"/>
                <a:gd name="T12" fmla="*/ 64 w 640"/>
                <a:gd name="T13" fmla="*/ 320 h 640"/>
                <a:gd name="T14" fmla="*/ 320 w 640"/>
                <a:gd name="T15" fmla="*/ 64 h 640"/>
                <a:gd name="T16" fmla="*/ 576 w 640"/>
                <a:gd name="T17" fmla="*/ 320 h 640"/>
                <a:gd name="T18" fmla="*/ 320 w 640"/>
                <a:gd name="T19" fmla="*/ 576 h 6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0" h="640">
                  <a:moveTo>
                    <a:pt x="320" y="0"/>
                  </a:moveTo>
                  <a:cubicBezTo>
                    <a:pt x="143" y="0"/>
                    <a:pt x="0" y="143"/>
                    <a:pt x="0" y="320"/>
                  </a:cubicBezTo>
                  <a:cubicBezTo>
                    <a:pt x="0" y="497"/>
                    <a:pt x="143" y="640"/>
                    <a:pt x="320" y="640"/>
                  </a:cubicBezTo>
                  <a:cubicBezTo>
                    <a:pt x="497" y="640"/>
                    <a:pt x="640" y="497"/>
                    <a:pt x="640" y="320"/>
                  </a:cubicBezTo>
                  <a:cubicBezTo>
                    <a:pt x="640" y="143"/>
                    <a:pt x="497" y="0"/>
                    <a:pt x="320" y="0"/>
                  </a:cubicBezTo>
                  <a:close/>
                  <a:moveTo>
                    <a:pt x="320" y="576"/>
                  </a:moveTo>
                  <a:cubicBezTo>
                    <a:pt x="179" y="576"/>
                    <a:pt x="64" y="461"/>
                    <a:pt x="64" y="320"/>
                  </a:cubicBezTo>
                  <a:cubicBezTo>
                    <a:pt x="64" y="179"/>
                    <a:pt x="179" y="64"/>
                    <a:pt x="320" y="64"/>
                  </a:cubicBezTo>
                  <a:cubicBezTo>
                    <a:pt x="461" y="64"/>
                    <a:pt x="576" y="179"/>
                    <a:pt x="576" y="320"/>
                  </a:cubicBezTo>
                  <a:cubicBezTo>
                    <a:pt x="576" y="461"/>
                    <a:pt x="461" y="576"/>
                    <a:pt x="320" y="57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6" name="Freeform 31">
              <a:extLst>
                <a:ext uri="{FF2B5EF4-FFF2-40B4-BE49-F238E27FC236}">
                  <a16:creationId xmlns:a16="http://schemas.microsoft.com/office/drawing/2014/main" id="{C4C9E90B-29A6-0A32-1F18-236A2F266BA6}"/>
                </a:ext>
              </a:extLst>
            </p:cNvPr>
            <p:cNvSpPr>
              <a:spLocks noEditPoints="1"/>
            </p:cNvSpPr>
            <p:nvPr/>
          </p:nvSpPr>
          <p:spPr bwMode="auto">
            <a:xfrm>
              <a:off x="2057400" y="4373563"/>
              <a:ext cx="990600" cy="976313"/>
            </a:xfrm>
            <a:custGeom>
              <a:avLst/>
              <a:gdLst>
                <a:gd name="T0" fmla="*/ 1516 w 1964"/>
                <a:gd name="T1" fmla="*/ 96 h 1935"/>
                <a:gd name="T2" fmla="*/ 236 w 1964"/>
                <a:gd name="T3" fmla="*/ 96 h 1935"/>
                <a:gd name="T4" fmla="*/ 173 w 1964"/>
                <a:gd name="T5" fmla="*/ 1024 h 1935"/>
                <a:gd name="T6" fmla="*/ 44 w 1964"/>
                <a:gd name="T7" fmla="*/ 1216 h 1935"/>
                <a:gd name="T8" fmla="*/ 44 w 1964"/>
                <a:gd name="T9" fmla="*/ 1408 h 1935"/>
                <a:gd name="T10" fmla="*/ 44 w 1964"/>
                <a:gd name="T11" fmla="*/ 1600 h 1935"/>
                <a:gd name="T12" fmla="*/ 236 w 1964"/>
                <a:gd name="T13" fmla="*/ 1664 h 1935"/>
                <a:gd name="T14" fmla="*/ 332 w 1964"/>
                <a:gd name="T15" fmla="*/ 1792 h 1935"/>
                <a:gd name="T16" fmla="*/ 1676 w 1964"/>
                <a:gd name="T17" fmla="*/ 1760 h 1935"/>
                <a:gd name="T18" fmla="*/ 1260 w 1964"/>
                <a:gd name="T19" fmla="*/ 64 h 1935"/>
                <a:gd name="T20" fmla="*/ 1319 w 1964"/>
                <a:gd name="T21" fmla="*/ 174 h 1935"/>
                <a:gd name="T22" fmla="*/ 1260 w 1964"/>
                <a:gd name="T23" fmla="*/ 182 h 1935"/>
                <a:gd name="T24" fmla="*/ 364 w 1964"/>
                <a:gd name="T25" fmla="*/ 512 h 1935"/>
                <a:gd name="T26" fmla="*/ 108 w 1964"/>
                <a:gd name="T27" fmla="*/ 768 h 1935"/>
                <a:gd name="T28" fmla="*/ 172 w 1964"/>
                <a:gd name="T29" fmla="*/ 1152 h 1935"/>
                <a:gd name="T30" fmla="*/ 300 w 1964"/>
                <a:gd name="T31" fmla="*/ 1088 h 1935"/>
                <a:gd name="T32" fmla="*/ 364 w 1964"/>
                <a:gd name="T33" fmla="*/ 1088 h 1935"/>
                <a:gd name="T34" fmla="*/ 492 w 1964"/>
                <a:gd name="T35" fmla="*/ 1152 h 1935"/>
                <a:gd name="T36" fmla="*/ 556 w 1964"/>
                <a:gd name="T37" fmla="*/ 1216 h 1935"/>
                <a:gd name="T38" fmla="*/ 748 w 1964"/>
                <a:gd name="T39" fmla="*/ 1344 h 1935"/>
                <a:gd name="T40" fmla="*/ 812 w 1964"/>
                <a:gd name="T41" fmla="*/ 1344 h 1935"/>
                <a:gd name="T42" fmla="*/ 940 w 1964"/>
                <a:gd name="T43" fmla="*/ 1280 h 1935"/>
                <a:gd name="T44" fmla="*/ 1004 w 1964"/>
                <a:gd name="T45" fmla="*/ 1280 h 1935"/>
                <a:gd name="T46" fmla="*/ 620 w 1964"/>
                <a:gd name="T47" fmla="*/ 1408 h 1935"/>
                <a:gd name="T48" fmla="*/ 684 w 1964"/>
                <a:gd name="T49" fmla="*/ 1344 h 1935"/>
                <a:gd name="T50" fmla="*/ 108 w 1964"/>
                <a:gd name="T51" fmla="*/ 1280 h 1935"/>
                <a:gd name="T52" fmla="*/ 236 w 1964"/>
                <a:gd name="T53" fmla="*/ 1344 h 1935"/>
                <a:gd name="T54" fmla="*/ 300 w 1964"/>
                <a:gd name="T55" fmla="*/ 1344 h 1935"/>
                <a:gd name="T56" fmla="*/ 428 w 1964"/>
                <a:gd name="T57" fmla="*/ 1280 h 1935"/>
                <a:gd name="T58" fmla="*/ 492 w 1964"/>
                <a:gd name="T59" fmla="*/ 1280 h 1935"/>
                <a:gd name="T60" fmla="*/ 108 w 1964"/>
                <a:gd name="T61" fmla="*/ 1408 h 1935"/>
                <a:gd name="T62" fmla="*/ 684 w 1964"/>
                <a:gd name="T63" fmla="*/ 1536 h 1935"/>
                <a:gd name="T64" fmla="*/ 812 w 1964"/>
                <a:gd name="T65" fmla="*/ 1472 h 1935"/>
                <a:gd name="T66" fmla="*/ 876 w 1964"/>
                <a:gd name="T67" fmla="*/ 1472 h 1935"/>
                <a:gd name="T68" fmla="*/ 1004 w 1964"/>
                <a:gd name="T69" fmla="*/ 1536 h 1935"/>
                <a:gd name="T70" fmla="*/ 1068 w 1964"/>
                <a:gd name="T71" fmla="*/ 1600 h 1935"/>
                <a:gd name="T72" fmla="*/ 108 w 1964"/>
                <a:gd name="T73" fmla="*/ 1472 h 1935"/>
                <a:gd name="T74" fmla="*/ 236 w 1964"/>
                <a:gd name="T75" fmla="*/ 1536 h 1935"/>
                <a:gd name="T76" fmla="*/ 300 w 1964"/>
                <a:gd name="T77" fmla="*/ 1536 h 1935"/>
                <a:gd name="T78" fmla="*/ 428 w 1964"/>
                <a:gd name="T79" fmla="*/ 1472 h 1935"/>
                <a:gd name="T80" fmla="*/ 492 w 1964"/>
                <a:gd name="T81" fmla="*/ 1472 h 1935"/>
                <a:gd name="T82" fmla="*/ 108 w 1964"/>
                <a:gd name="T83" fmla="*/ 1600 h 1935"/>
                <a:gd name="T84" fmla="*/ 300 w 1964"/>
                <a:gd name="T85" fmla="*/ 1664 h 1935"/>
                <a:gd name="T86" fmla="*/ 620 w 1964"/>
                <a:gd name="T87" fmla="*/ 1664 h 1935"/>
                <a:gd name="T88" fmla="*/ 1132 w 1964"/>
                <a:gd name="T89" fmla="*/ 1472 h 1935"/>
                <a:gd name="T90" fmla="*/ 1132 w 1964"/>
                <a:gd name="T91" fmla="*/ 1280 h 1935"/>
                <a:gd name="T92" fmla="*/ 620 w 1964"/>
                <a:gd name="T93" fmla="*/ 1088 h 1935"/>
                <a:gd name="T94" fmla="*/ 620 w 1964"/>
                <a:gd name="T95" fmla="*/ 577 h 1935"/>
                <a:gd name="T96" fmla="*/ 332 w 1964"/>
                <a:gd name="T97" fmla="*/ 64 h 1935"/>
                <a:gd name="T98" fmla="*/ 1228 w 1964"/>
                <a:gd name="T99" fmla="*/ 320 h 1935"/>
                <a:gd name="T100" fmla="*/ 1329 w 1964"/>
                <a:gd name="T101" fmla="*/ 306 h 1935"/>
                <a:gd name="T102" fmla="*/ 1388 w 1964"/>
                <a:gd name="T103" fmla="*/ 64 h 1935"/>
                <a:gd name="T104" fmla="*/ 1452 w 1964"/>
                <a:gd name="T105" fmla="*/ 325 h 1935"/>
                <a:gd name="T106" fmla="*/ 1356 w 1964"/>
                <a:gd name="T107" fmla="*/ 1728 h 1935"/>
                <a:gd name="T108" fmla="*/ 1420 w 1964"/>
                <a:gd name="T109" fmla="*/ 1344 h 1935"/>
                <a:gd name="T110" fmla="*/ 1420 w 1964"/>
                <a:gd name="T111" fmla="*/ 1408 h 1935"/>
                <a:gd name="T112" fmla="*/ 1420 w 1964"/>
                <a:gd name="T113" fmla="*/ 1760 h 1935"/>
                <a:gd name="T114" fmla="*/ 1612 w 1964"/>
                <a:gd name="T115" fmla="*/ 1760 h 1935"/>
                <a:gd name="T116" fmla="*/ 1420 w 1964"/>
                <a:gd name="T117" fmla="*/ 1280 h 1935"/>
                <a:gd name="T118" fmla="*/ 1612 w 1964"/>
                <a:gd name="T119" fmla="*/ 1280 h 1935"/>
                <a:gd name="T120" fmla="*/ 1516 w 1964"/>
                <a:gd name="T121" fmla="*/ 384 h 19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964" h="1935">
                  <a:moveTo>
                    <a:pt x="1964" y="768"/>
                  </a:moveTo>
                  <a:cubicBezTo>
                    <a:pt x="1964" y="521"/>
                    <a:pt x="1763" y="320"/>
                    <a:pt x="1516" y="320"/>
                  </a:cubicBezTo>
                  <a:cubicBezTo>
                    <a:pt x="1516" y="96"/>
                    <a:pt x="1516" y="96"/>
                    <a:pt x="1516" y="96"/>
                  </a:cubicBezTo>
                  <a:cubicBezTo>
                    <a:pt x="1516" y="43"/>
                    <a:pt x="1473" y="0"/>
                    <a:pt x="1420" y="0"/>
                  </a:cubicBezTo>
                  <a:cubicBezTo>
                    <a:pt x="332" y="0"/>
                    <a:pt x="332" y="0"/>
                    <a:pt x="332" y="0"/>
                  </a:cubicBezTo>
                  <a:cubicBezTo>
                    <a:pt x="279" y="0"/>
                    <a:pt x="236" y="43"/>
                    <a:pt x="236" y="96"/>
                  </a:cubicBezTo>
                  <a:cubicBezTo>
                    <a:pt x="236" y="475"/>
                    <a:pt x="236" y="475"/>
                    <a:pt x="236" y="475"/>
                  </a:cubicBezTo>
                  <a:cubicBezTo>
                    <a:pt x="74" y="545"/>
                    <a:pt x="0" y="733"/>
                    <a:pt x="70" y="895"/>
                  </a:cubicBezTo>
                  <a:cubicBezTo>
                    <a:pt x="93" y="946"/>
                    <a:pt x="128" y="991"/>
                    <a:pt x="173" y="1024"/>
                  </a:cubicBezTo>
                  <a:cubicBezTo>
                    <a:pt x="108" y="1024"/>
                    <a:pt x="108" y="1024"/>
                    <a:pt x="108" y="1024"/>
                  </a:cubicBezTo>
                  <a:cubicBezTo>
                    <a:pt x="73" y="1024"/>
                    <a:pt x="44" y="1053"/>
                    <a:pt x="44" y="1088"/>
                  </a:cubicBezTo>
                  <a:cubicBezTo>
                    <a:pt x="44" y="1216"/>
                    <a:pt x="44" y="1216"/>
                    <a:pt x="44" y="1216"/>
                  </a:cubicBezTo>
                  <a:cubicBezTo>
                    <a:pt x="44" y="1227"/>
                    <a:pt x="47" y="1238"/>
                    <a:pt x="53" y="1248"/>
                  </a:cubicBezTo>
                  <a:cubicBezTo>
                    <a:pt x="47" y="1258"/>
                    <a:pt x="44" y="1269"/>
                    <a:pt x="44" y="1280"/>
                  </a:cubicBezTo>
                  <a:cubicBezTo>
                    <a:pt x="44" y="1408"/>
                    <a:pt x="44" y="1408"/>
                    <a:pt x="44" y="1408"/>
                  </a:cubicBezTo>
                  <a:cubicBezTo>
                    <a:pt x="44" y="1419"/>
                    <a:pt x="47" y="1430"/>
                    <a:pt x="53" y="1440"/>
                  </a:cubicBezTo>
                  <a:cubicBezTo>
                    <a:pt x="47" y="1450"/>
                    <a:pt x="44" y="1461"/>
                    <a:pt x="44" y="1472"/>
                  </a:cubicBezTo>
                  <a:cubicBezTo>
                    <a:pt x="44" y="1600"/>
                    <a:pt x="44" y="1600"/>
                    <a:pt x="44" y="1600"/>
                  </a:cubicBezTo>
                  <a:cubicBezTo>
                    <a:pt x="44" y="1635"/>
                    <a:pt x="73" y="1664"/>
                    <a:pt x="108" y="1664"/>
                  </a:cubicBezTo>
                  <a:cubicBezTo>
                    <a:pt x="108" y="1664"/>
                    <a:pt x="108" y="1664"/>
                    <a:pt x="108" y="1664"/>
                  </a:cubicBezTo>
                  <a:cubicBezTo>
                    <a:pt x="236" y="1664"/>
                    <a:pt x="236" y="1664"/>
                    <a:pt x="236" y="1664"/>
                  </a:cubicBezTo>
                  <a:cubicBezTo>
                    <a:pt x="236" y="1696"/>
                    <a:pt x="236" y="1696"/>
                    <a:pt x="236" y="1696"/>
                  </a:cubicBezTo>
                  <a:cubicBezTo>
                    <a:pt x="236" y="1749"/>
                    <a:pt x="279" y="1792"/>
                    <a:pt x="332" y="1792"/>
                  </a:cubicBezTo>
                  <a:cubicBezTo>
                    <a:pt x="332" y="1792"/>
                    <a:pt x="332" y="1792"/>
                    <a:pt x="332" y="1792"/>
                  </a:cubicBezTo>
                  <a:cubicBezTo>
                    <a:pt x="1359" y="1792"/>
                    <a:pt x="1359" y="1792"/>
                    <a:pt x="1359" y="1792"/>
                  </a:cubicBezTo>
                  <a:cubicBezTo>
                    <a:pt x="1377" y="1879"/>
                    <a:pt x="1461" y="1935"/>
                    <a:pt x="1548" y="1917"/>
                  </a:cubicBezTo>
                  <a:cubicBezTo>
                    <a:pt x="1622" y="1902"/>
                    <a:pt x="1676" y="1836"/>
                    <a:pt x="1676" y="1760"/>
                  </a:cubicBezTo>
                  <a:cubicBezTo>
                    <a:pt x="1676" y="1186"/>
                    <a:pt x="1676" y="1186"/>
                    <a:pt x="1676" y="1186"/>
                  </a:cubicBezTo>
                  <a:cubicBezTo>
                    <a:pt x="1849" y="1120"/>
                    <a:pt x="1964" y="953"/>
                    <a:pt x="1964" y="768"/>
                  </a:cubicBezTo>
                  <a:close/>
                  <a:moveTo>
                    <a:pt x="1260" y="64"/>
                  </a:moveTo>
                  <a:cubicBezTo>
                    <a:pt x="1324" y="64"/>
                    <a:pt x="1324" y="64"/>
                    <a:pt x="1324" y="64"/>
                  </a:cubicBezTo>
                  <a:cubicBezTo>
                    <a:pt x="1324" y="182"/>
                    <a:pt x="1324" y="182"/>
                    <a:pt x="1324" y="182"/>
                  </a:cubicBezTo>
                  <a:cubicBezTo>
                    <a:pt x="1319" y="174"/>
                    <a:pt x="1319" y="174"/>
                    <a:pt x="1319" y="174"/>
                  </a:cubicBezTo>
                  <a:cubicBezTo>
                    <a:pt x="1308" y="160"/>
                    <a:pt x="1287" y="157"/>
                    <a:pt x="1272" y="168"/>
                  </a:cubicBezTo>
                  <a:cubicBezTo>
                    <a:pt x="1270" y="170"/>
                    <a:pt x="1267" y="172"/>
                    <a:pt x="1265" y="174"/>
                  </a:cubicBezTo>
                  <a:cubicBezTo>
                    <a:pt x="1260" y="182"/>
                    <a:pt x="1260" y="182"/>
                    <a:pt x="1260" y="182"/>
                  </a:cubicBezTo>
                  <a:lnTo>
                    <a:pt x="1260" y="64"/>
                  </a:lnTo>
                  <a:close/>
                  <a:moveTo>
                    <a:pt x="108" y="768"/>
                  </a:moveTo>
                  <a:cubicBezTo>
                    <a:pt x="108" y="627"/>
                    <a:pt x="223" y="512"/>
                    <a:pt x="364" y="512"/>
                  </a:cubicBezTo>
                  <a:cubicBezTo>
                    <a:pt x="505" y="512"/>
                    <a:pt x="620" y="627"/>
                    <a:pt x="620" y="768"/>
                  </a:cubicBezTo>
                  <a:cubicBezTo>
                    <a:pt x="620" y="909"/>
                    <a:pt x="505" y="1024"/>
                    <a:pt x="364" y="1024"/>
                  </a:cubicBezTo>
                  <a:cubicBezTo>
                    <a:pt x="223" y="1024"/>
                    <a:pt x="108" y="909"/>
                    <a:pt x="108" y="768"/>
                  </a:cubicBezTo>
                  <a:close/>
                  <a:moveTo>
                    <a:pt x="108" y="1088"/>
                  </a:moveTo>
                  <a:cubicBezTo>
                    <a:pt x="172" y="1088"/>
                    <a:pt x="172" y="1088"/>
                    <a:pt x="172" y="1088"/>
                  </a:cubicBezTo>
                  <a:cubicBezTo>
                    <a:pt x="172" y="1152"/>
                    <a:pt x="172" y="1152"/>
                    <a:pt x="172" y="1152"/>
                  </a:cubicBezTo>
                  <a:cubicBezTo>
                    <a:pt x="236" y="1152"/>
                    <a:pt x="236" y="1152"/>
                    <a:pt x="236" y="1152"/>
                  </a:cubicBezTo>
                  <a:cubicBezTo>
                    <a:pt x="236" y="1088"/>
                    <a:pt x="236" y="1088"/>
                    <a:pt x="236" y="1088"/>
                  </a:cubicBezTo>
                  <a:cubicBezTo>
                    <a:pt x="300" y="1088"/>
                    <a:pt x="300" y="1088"/>
                    <a:pt x="300" y="1088"/>
                  </a:cubicBezTo>
                  <a:cubicBezTo>
                    <a:pt x="300" y="1152"/>
                    <a:pt x="300" y="1152"/>
                    <a:pt x="300" y="1152"/>
                  </a:cubicBezTo>
                  <a:cubicBezTo>
                    <a:pt x="364" y="1152"/>
                    <a:pt x="364" y="1152"/>
                    <a:pt x="364" y="1152"/>
                  </a:cubicBezTo>
                  <a:cubicBezTo>
                    <a:pt x="364" y="1088"/>
                    <a:pt x="364" y="1088"/>
                    <a:pt x="364" y="1088"/>
                  </a:cubicBezTo>
                  <a:cubicBezTo>
                    <a:pt x="428" y="1088"/>
                    <a:pt x="428" y="1088"/>
                    <a:pt x="428" y="1088"/>
                  </a:cubicBezTo>
                  <a:cubicBezTo>
                    <a:pt x="428" y="1152"/>
                    <a:pt x="428" y="1152"/>
                    <a:pt x="428" y="1152"/>
                  </a:cubicBezTo>
                  <a:cubicBezTo>
                    <a:pt x="492" y="1152"/>
                    <a:pt x="492" y="1152"/>
                    <a:pt x="492" y="1152"/>
                  </a:cubicBezTo>
                  <a:cubicBezTo>
                    <a:pt x="492" y="1088"/>
                    <a:pt x="492" y="1088"/>
                    <a:pt x="492" y="1088"/>
                  </a:cubicBezTo>
                  <a:cubicBezTo>
                    <a:pt x="556" y="1088"/>
                    <a:pt x="556" y="1088"/>
                    <a:pt x="556" y="1088"/>
                  </a:cubicBezTo>
                  <a:cubicBezTo>
                    <a:pt x="556" y="1216"/>
                    <a:pt x="556" y="1216"/>
                    <a:pt x="556" y="1216"/>
                  </a:cubicBezTo>
                  <a:cubicBezTo>
                    <a:pt x="108" y="1216"/>
                    <a:pt x="108" y="1216"/>
                    <a:pt x="108" y="1216"/>
                  </a:cubicBezTo>
                  <a:lnTo>
                    <a:pt x="108" y="1088"/>
                  </a:lnTo>
                  <a:close/>
                  <a:moveTo>
                    <a:pt x="748" y="1344"/>
                  </a:moveTo>
                  <a:cubicBezTo>
                    <a:pt x="748" y="1280"/>
                    <a:pt x="748" y="1280"/>
                    <a:pt x="748" y="1280"/>
                  </a:cubicBezTo>
                  <a:cubicBezTo>
                    <a:pt x="812" y="1280"/>
                    <a:pt x="812" y="1280"/>
                    <a:pt x="812" y="1280"/>
                  </a:cubicBezTo>
                  <a:cubicBezTo>
                    <a:pt x="812" y="1344"/>
                    <a:pt x="812" y="1344"/>
                    <a:pt x="812" y="1344"/>
                  </a:cubicBezTo>
                  <a:cubicBezTo>
                    <a:pt x="876" y="1344"/>
                    <a:pt x="876" y="1344"/>
                    <a:pt x="876" y="1344"/>
                  </a:cubicBezTo>
                  <a:cubicBezTo>
                    <a:pt x="876" y="1280"/>
                    <a:pt x="876" y="1280"/>
                    <a:pt x="876" y="1280"/>
                  </a:cubicBezTo>
                  <a:cubicBezTo>
                    <a:pt x="940" y="1280"/>
                    <a:pt x="940" y="1280"/>
                    <a:pt x="940" y="1280"/>
                  </a:cubicBezTo>
                  <a:cubicBezTo>
                    <a:pt x="940" y="1344"/>
                    <a:pt x="940" y="1344"/>
                    <a:pt x="940" y="1344"/>
                  </a:cubicBezTo>
                  <a:cubicBezTo>
                    <a:pt x="1004" y="1344"/>
                    <a:pt x="1004" y="1344"/>
                    <a:pt x="1004" y="1344"/>
                  </a:cubicBezTo>
                  <a:cubicBezTo>
                    <a:pt x="1004" y="1280"/>
                    <a:pt x="1004" y="1280"/>
                    <a:pt x="1004" y="1280"/>
                  </a:cubicBezTo>
                  <a:cubicBezTo>
                    <a:pt x="1068" y="1280"/>
                    <a:pt x="1068" y="1280"/>
                    <a:pt x="1068" y="1280"/>
                  </a:cubicBezTo>
                  <a:cubicBezTo>
                    <a:pt x="1068" y="1408"/>
                    <a:pt x="1068" y="1408"/>
                    <a:pt x="1068" y="1408"/>
                  </a:cubicBezTo>
                  <a:cubicBezTo>
                    <a:pt x="620" y="1408"/>
                    <a:pt x="620" y="1408"/>
                    <a:pt x="620" y="1408"/>
                  </a:cubicBezTo>
                  <a:cubicBezTo>
                    <a:pt x="620" y="1280"/>
                    <a:pt x="620" y="1280"/>
                    <a:pt x="620" y="1280"/>
                  </a:cubicBezTo>
                  <a:cubicBezTo>
                    <a:pt x="684" y="1280"/>
                    <a:pt x="684" y="1280"/>
                    <a:pt x="684" y="1280"/>
                  </a:cubicBezTo>
                  <a:cubicBezTo>
                    <a:pt x="684" y="1344"/>
                    <a:pt x="684" y="1344"/>
                    <a:pt x="684" y="1344"/>
                  </a:cubicBezTo>
                  <a:lnTo>
                    <a:pt x="748" y="1344"/>
                  </a:lnTo>
                  <a:close/>
                  <a:moveTo>
                    <a:pt x="108" y="1408"/>
                  </a:moveTo>
                  <a:cubicBezTo>
                    <a:pt x="108" y="1280"/>
                    <a:pt x="108" y="1280"/>
                    <a:pt x="108" y="1280"/>
                  </a:cubicBezTo>
                  <a:cubicBezTo>
                    <a:pt x="172" y="1280"/>
                    <a:pt x="172" y="1280"/>
                    <a:pt x="172" y="1280"/>
                  </a:cubicBezTo>
                  <a:cubicBezTo>
                    <a:pt x="172" y="1344"/>
                    <a:pt x="172" y="1344"/>
                    <a:pt x="172" y="1344"/>
                  </a:cubicBezTo>
                  <a:cubicBezTo>
                    <a:pt x="236" y="1344"/>
                    <a:pt x="236" y="1344"/>
                    <a:pt x="236" y="1344"/>
                  </a:cubicBezTo>
                  <a:cubicBezTo>
                    <a:pt x="236" y="1280"/>
                    <a:pt x="236" y="1280"/>
                    <a:pt x="236" y="1280"/>
                  </a:cubicBezTo>
                  <a:cubicBezTo>
                    <a:pt x="300" y="1280"/>
                    <a:pt x="300" y="1280"/>
                    <a:pt x="300" y="1280"/>
                  </a:cubicBezTo>
                  <a:cubicBezTo>
                    <a:pt x="300" y="1344"/>
                    <a:pt x="300" y="1344"/>
                    <a:pt x="300" y="1344"/>
                  </a:cubicBezTo>
                  <a:cubicBezTo>
                    <a:pt x="364" y="1344"/>
                    <a:pt x="364" y="1344"/>
                    <a:pt x="364" y="1344"/>
                  </a:cubicBezTo>
                  <a:cubicBezTo>
                    <a:pt x="364" y="1280"/>
                    <a:pt x="364" y="1280"/>
                    <a:pt x="364" y="1280"/>
                  </a:cubicBezTo>
                  <a:cubicBezTo>
                    <a:pt x="428" y="1280"/>
                    <a:pt x="428" y="1280"/>
                    <a:pt x="428" y="1280"/>
                  </a:cubicBezTo>
                  <a:cubicBezTo>
                    <a:pt x="428" y="1344"/>
                    <a:pt x="428" y="1344"/>
                    <a:pt x="428" y="1344"/>
                  </a:cubicBezTo>
                  <a:cubicBezTo>
                    <a:pt x="492" y="1344"/>
                    <a:pt x="492" y="1344"/>
                    <a:pt x="492" y="1344"/>
                  </a:cubicBezTo>
                  <a:cubicBezTo>
                    <a:pt x="492" y="1280"/>
                    <a:pt x="492" y="1280"/>
                    <a:pt x="492" y="1280"/>
                  </a:cubicBezTo>
                  <a:cubicBezTo>
                    <a:pt x="556" y="1280"/>
                    <a:pt x="556" y="1280"/>
                    <a:pt x="556" y="1280"/>
                  </a:cubicBezTo>
                  <a:cubicBezTo>
                    <a:pt x="556" y="1408"/>
                    <a:pt x="556" y="1408"/>
                    <a:pt x="556" y="1408"/>
                  </a:cubicBezTo>
                  <a:lnTo>
                    <a:pt x="108" y="1408"/>
                  </a:lnTo>
                  <a:close/>
                  <a:moveTo>
                    <a:pt x="620" y="1472"/>
                  </a:moveTo>
                  <a:cubicBezTo>
                    <a:pt x="684" y="1472"/>
                    <a:pt x="684" y="1472"/>
                    <a:pt x="684" y="1472"/>
                  </a:cubicBezTo>
                  <a:cubicBezTo>
                    <a:pt x="684" y="1536"/>
                    <a:pt x="684" y="1536"/>
                    <a:pt x="684" y="1536"/>
                  </a:cubicBezTo>
                  <a:cubicBezTo>
                    <a:pt x="748" y="1536"/>
                    <a:pt x="748" y="1536"/>
                    <a:pt x="748" y="1536"/>
                  </a:cubicBezTo>
                  <a:cubicBezTo>
                    <a:pt x="748" y="1472"/>
                    <a:pt x="748" y="1472"/>
                    <a:pt x="748" y="1472"/>
                  </a:cubicBezTo>
                  <a:cubicBezTo>
                    <a:pt x="812" y="1472"/>
                    <a:pt x="812" y="1472"/>
                    <a:pt x="812" y="1472"/>
                  </a:cubicBezTo>
                  <a:cubicBezTo>
                    <a:pt x="812" y="1536"/>
                    <a:pt x="812" y="1536"/>
                    <a:pt x="812" y="1536"/>
                  </a:cubicBezTo>
                  <a:cubicBezTo>
                    <a:pt x="876" y="1536"/>
                    <a:pt x="876" y="1536"/>
                    <a:pt x="876" y="1536"/>
                  </a:cubicBezTo>
                  <a:cubicBezTo>
                    <a:pt x="876" y="1472"/>
                    <a:pt x="876" y="1472"/>
                    <a:pt x="876" y="1472"/>
                  </a:cubicBezTo>
                  <a:cubicBezTo>
                    <a:pt x="940" y="1472"/>
                    <a:pt x="940" y="1472"/>
                    <a:pt x="940" y="1472"/>
                  </a:cubicBezTo>
                  <a:cubicBezTo>
                    <a:pt x="940" y="1536"/>
                    <a:pt x="940" y="1536"/>
                    <a:pt x="940" y="1536"/>
                  </a:cubicBezTo>
                  <a:cubicBezTo>
                    <a:pt x="1004" y="1536"/>
                    <a:pt x="1004" y="1536"/>
                    <a:pt x="1004" y="1536"/>
                  </a:cubicBezTo>
                  <a:cubicBezTo>
                    <a:pt x="1004" y="1472"/>
                    <a:pt x="1004" y="1472"/>
                    <a:pt x="1004" y="1472"/>
                  </a:cubicBezTo>
                  <a:cubicBezTo>
                    <a:pt x="1068" y="1472"/>
                    <a:pt x="1068" y="1472"/>
                    <a:pt x="1068" y="1472"/>
                  </a:cubicBezTo>
                  <a:cubicBezTo>
                    <a:pt x="1068" y="1600"/>
                    <a:pt x="1068" y="1600"/>
                    <a:pt x="1068" y="1600"/>
                  </a:cubicBezTo>
                  <a:cubicBezTo>
                    <a:pt x="620" y="1600"/>
                    <a:pt x="620" y="1600"/>
                    <a:pt x="620" y="1600"/>
                  </a:cubicBezTo>
                  <a:lnTo>
                    <a:pt x="620" y="1472"/>
                  </a:lnTo>
                  <a:close/>
                  <a:moveTo>
                    <a:pt x="108" y="1472"/>
                  </a:moveTo>
                  <a:cubicBezTo>
                    <a:pt x="172" y="1472"/>
                    <a:pt x="172" y="1472"/>
                    <a:pt x="172" y="1472"/>
                  </a:cubicBezTo>
                  <a:cubicBezTo>
                    <a:pt x="172" y="1536"/>
                    <a:pt x="172" y="1536"/>
                    <a:pt x="172" y="1536"/>
                  </a:cubicBezTo>
                  <a:cubicBezTo>
                    <a:pt x="236" y="1536"/>
                    <a:pt x="236" y="1536"/>
                    <a:pt x="236" y="1536"/>
                  </a:cubicBezTo>
                  <a:cubicBezTo>
                    <a:pt x="236" y="1472"/>
                    <a:pt x="236" y="1472"/>
                    <a:pt x="236" y="1472"/>
                  </a:cubicBezTo>
                  <a:cubicBezTo>
                    <a:pt x="300" y="1472"/>
                    <a:pt x="300" y="1472"/>
                    <a:pt x="300" y="1472"/>
                  </a:cubicBezTo>
                  <a:cubicBezTo>
                    <a:pt x="300" y="1536"/>
                    <a:pt x="300" y="1536"/>
                    <a:pt x="300" y="1536"/>
                  </a:cubicBezTo>
                  <a:cubicBezTo>
                    <a:pt x="364" y="1536"/>
                    <a:pt x="364" y="1536"/>
                    <a:pt x="364" y="1536"/>
                  </a:cubicBezTo>
                  <a:cubicBezTo>
                    <a:pt x="364" y="1472"/>
                    <a:pt x="364" y="1472"/>
                    <a:pt x="364" y="1472"/>
                  </a:cubicBezTo>
                  <a:cubicBezTo>
                    <a:pt x="428" y="1472"/>
                    <a:pt x="428" y="1472"/>
                    <a:pt x="428" y="1472"/>
                  </a:cubicBezTo>
                  <a:cubicBezTo>
                    <a:pt x="428" y="1536"/>
                    <a:pt x="428" y="1536"/>
                    <a:pt x="428" y="1536"/>
                  </a:cubicBezTo>
                  <a:cubicBezTo>
                    <a:pt x="492" y="1536"/>
                    <a:pt x="492" y="1536"/>
                    <a:pt x="492" y="1536"/>
                  </a:cubicBezTo>
                  <a:cubicBezTo>
                    <a:pt x="492" y="1472"/>
                    <a:pt x="492" y="1472"/>
                    <a:pt x="492" y="1472"/>
                  </a:cubicBezTo>
                  <a:cubicBezTo>
                    <a:pt x="556" y="1472"/>
                    <a:pt x="556" y="1472"/>
                    <a:pt x="556" y="1472"/>
                  </a:cubicBezTo>
                  <a:cubicBezTo>
                    <a:pt x="556" y="1600"/>
                    <a:pt x="556" y="1600"/>
                    <a:pt x="556" y="1600"/>
                  </a:cubicBezTo>
                  <a:cubicBezTo>
                    <a:pt x="108" y="1600"/>
                    <a:pt x="108" y="1600"/>
                    <a:pt x="108" y="1600"/>
                  </a:cubicBezTo>
                  <a:lnTo>
                    <a:pt x="108" y="1472"/>
                  </a:lnTo>
                  <a:close/>
                  <a:moveTo>
                    <a:pt x="300" y="1696"/>
                  </a:moveTo>
                  <a:cubicBezTo>
                    <a:pt x="300" y="1664"/>
                    <a:pt x="300" y="1664"/>
                    <a:pt x="300" y="1664"/>
                  </a:cubicBezTo>
                  <a:cubicBezTo>
                    <a:pt x="556" y="1664"/>
                    <a:pt x="556" y="1664"/>
                    <a:pt x="556" y="1664"/>
                  </a:cubicBezTo>
                  <a:cubicBezTo>
                    <a:pt x="567" y="1664"/>
                    <a:pt x="578" y="1661"/>
                    <a:pt x="588" y="1655"/>
                  </a:cubicBezTo>
                  <a:cubicBezTo>
                    <a:pt x="598" y="1661"/>
                    <a:pt x="609" y="1664"/>
                    <a:pt x="620" y="1664"/>
                  </a:cubicBezTo>
                  <a:cubicBezTo>
                    <a:pt x="1068" y="1664"/>
                    <a:pt x="1068" y="1664"/>
                    <a:pt x="1068" y="1664"/>
                  </a:cubicBezTo>
                  <a:cubicBezTo>
                    <a:pt x="1103" y="1664"/>
                    <a:pt x="1132" y="1635"/>
                    <a:pt x="1132" y="1600"/>
                  </a:cubicBezTo>
                  <a:cubicBezTo>
                    <a:pt x="1132" y="1472"/>
                    <a:pt x="1132" y="1472"/>
                    <a:pt x="1132" y="1472"/>
                  </a:cubicBezTo>
                  <a:cubicBezTo>
                    <a:pt x="1132" y="1461"/>
                    <a:pt x="1129" y="1450"/>
                    <a:pt x="1123" y="1440"/>
                  </a:cubicBezTo>
                  <a:cubicBezTo>
                    <a:pt x="1129" y="1430"/>
                    <a:pt x="1132" y="1419"/>
                    <a:pt x="1132" y="1408"/>
                  </a:cubicBezTo>
                  <a:cubicBezTo>
                    <a:pt x="1132" y="1280"/>
                    <a:pt x="1132" y="1280"/>
                    <a:pt x="1132" y="1280"/>
                  </a:cubicBezTo>
                  <a:cubicBezTo>
                    <a:pt x="1132" y="1245"/>
                    <a:pt x="1103" y="1216"/>
                    <a:pt x="1068" y="1216"/>
                  </a:cubicBezTo>
                  <a:cubicBezTo>
                    <a:pt x="620" y="1216"/>
                    <a:pt x="620" y="1216"/>
                    <a:pt x="620" y="1216"/>
                  </a:cubicBezTo>
                  <a:cubicBezTo>
                    <a:pt x="620" y="1088"/>
                    <a:pt x="620" y="1088"/>
                    <a:pt x="620" y="1088"/>
                  </a:cubicBezTo>
                  <a:cubicBezTo>
                    <a:pt x="620" y="1053"/>
                    <a:pt x="591" y="1024"/>
                    <a:pt x="556" y="1024"/>
                  </a:cubicBezTo>
                  <a:cubicBezTo>
                    <a:pt x="555" y="1024"/>
                    <a:pt x="555" y="1024"/>
                    <a:pt x="555" y="1024"/>
                  </a:cubicBezTo>
                  <a:cubicBezTo>
                    <a:pt x="697" y="918"/>
                    <a:pt x="726" y="718"/>
                    <a:pt x="620" y="577"/>
                  </a:cubicBezTo>
                  <a:cubicBezTo>
                    <a:pt x="546" y="477"/>
                    <a:pt x="421" y="430"/>
                    <a:pt x="300" y="454"/>
                  </a:cubicBezTo>
                  <a:cubicBezTo>
                    <a:pt x="300" y="96"/>
                    <a:pt x="300" y="96"/>
                    <a:pt x="300" y="96"/>
                  </a:cubicBezTo>
                  <a:cubicBezTo>
                    <a:pt x="300" y="78"/>
                    <a:pt x="314" y="64"/>
                    <a:pt x="332" y="64"/>
                  </a:cubicBezTo>
                  <a:cubicBezTo>
                    <a:pt x="1196" y="64"/>
                    <a:pt x="1196" y="64"/>
                    <a:pt x="1196" y="64"/>
                  </a:cubicBezTo>
                  <a:cubicBezTo>
                    <a:pt x="1196" y="288"/>
                    <a:pt x="1196" y="288"/>
                    <a:pt x="1196" y="288"/>
                  </a:cubicBezTo>
                  <a:cubicBezTo>
                    <a:pt x="1196" y="306"/>
                    <a:pt x="1210" y="320"/>
                    <a:pt x="1228" y="320"/>
                  </a:cubicBezTo>
                  <a:cubicBezTo>
                    <a:pt x="1239" y="320"/>
                    <a:pt x="1249" y="315"/>
                    <a:pt x="1255" y="306"/>
                  </a:cubicBezTo>
                  <a:cubicBezTo>
                    <a:pt x="1292" y="250"/>
                    <a:pt x="1292" y="250"/>
                    <a:pt x="1292" y="250"/>
                  </a:cubicBezTo>
                  <a:cubicBezTo>
                    <a:pt x="1329" y="306"/>
                    <a:pt x="1329" y="306"/>
                    <a:pt x="1329" y="306"/>
                  </a:cubicBezTo>
                  <a:cubicBezTo>
                    <a:pt x="1339" y="320"/>
                    <a:pt x="1359" y="324"/>
                    <a:pt x="1374" y="315"/>
                  </a:cubicBezTo>
                  <a:cubicBezTo>
                    <a:pt x="1383" y="309"/>
                    <a:pt x="1388" y="299"/>
                    <a:pt x="1388" y="288"/>
                  </a:cubicBezTo>
                  <a:cubicBezTo>
                    <a:pt x="1388" y="64"/>
                    <a:pt x="1388" y="64"/>
                    <a:pt x="1388" y="64"/>
                  </a:cubicBezTo>
                  <a:cubicBezTo>
                    <a:pt x="1420" y="64"/>
                    <a:pt x="1420" y="64"/>
                    <a:pt x="1420" y="64"/>
                  </a:cubicBezTo>
                  <a:cubicBezTo>
                    <a:pt x="1438" y="64"/>
                    <a:pt x="1452" y="78"/>
                    <a:pt x="1452" y="96"/>
                  </a:cubicBezTo>
                  <a:cubicBezTo>
                    <a:pt x="1452" y="325"/>
                    <a:pt x="1452" y="325"/>
                    <a:pt x="1452" y="325"/>
                  </a:cubicBezTo>
                  <a:cubicBezTo>
                    <a:pt x="1207" y="360"/>
                    <a:pt x="1038" y="587"/>
                    <a:pt x="1073" y="831"/>
                  </a:cubicBezTo>
                  <a:cubicBezTo>
                    <a:pt x="1096" y="992"/>
                    <a:pt x="1204" y="1128"/>
                    <a:pt x="1356" y="1186"/>
                  </a:cubicBezTo>
                  <a:cubicBezTo>
                    <a:pt x="1356" y="1728"/>
                    <a:pt x="1356" y="1728"/>
                    <a:pt x="1356" y="1728"/>
                  </a:cubicBezTo>
                  <a:cubicBezTo>
                    <a:pt x="332" y="1728"/>
                    <a:pt x="332" y="1728"/>
                    <a:pt x="332" y="1728"/>
                  </a:cubicBezTo>
                  <a:cubicBezTo>
                    <a:pt x="314" y="1728"/>
                    <a:pt x="300" y="1714"/>
                    <a:pt x="300" y="1696"/>
                  </a:cubicBezTo>
                  <a:close/>
                  <a:moveTo>
                    <a:pt x="1420" y="1344"/>
                  </a:moveTo>
                  <a:cubicBezTo>
                    <a:pt x="1612" y="1344"/>
                    <a:pt x="1612" y="1344"/>
                    <a:pt x="1612" y="1344"/>
                  </a:cubicBezTo>
                  <a:cubicBezTo>
                    <a:pt x="1612" y="1408"/>
                    <a:pt x="1612" y="1408"/>
                    <a:pt x="1612" y="1408"/>
                  </a:cubicBezTo>
                  <a:cubicBezTo>
                    <a:pt x="1420" y="1408"/>
                    <a:pt x="1420" y="1408"/>
                    <a:pt x="1420" y="1408"/>
                  </a:cubicBezTo>
                  <a:lnTo>
                    <a:pt x="1420" y="1344"/>
                  </a:lnTo>
                  <a:close/>
                  <a:moveTo>
                    <a:pt x="1516" y="1856"/>
                  </a:moveTo>
                  <a:cubicBezTo>
                    <a:pt x="1463" y="1856"/>
                    <a:pt x="1420" y="1813"/>
                    <a:pt x="1420" y="1760"/>
                  </a:cubicBezTo>
                  <a:cubicBezTo>
                    <a:pt x="1420" y="1472"/>
                    <a:pt x="1420" y="1472"/>
                    <a:pt x="1420" y="1472"/>
                  </a:cubicBezTo>
                  <a:cubicBezTo>
                    <a:pt x="1612" y="1472"/>
                    <a:pt x="1612" y="1472"/>
                    <a:pt x="1612" y="1472"/>
                  </a:cubicBezTo>
                  <a:cubicBezTo>
                    <a:pt x="1612" y="1760"/>
                    <a:pt x="1612" y="1760"/>
                    <a:pt x="1612" y="1760"/>
                  </a:cubicBezTo>
                  <a:cubicBezTo>
                    <a:pt x="1612" y="1813"/>
                    <a:pt x="1569" y="1856"/>
                    <a:pt x="1516" y="1856"/>
                  </a:cubicBezTo>
                  <a:close/>
                  <a:moveTo>
                    <a:pt x="1612" y="1280"/>
                  </a:moveTo>
                  <a:cubicBezTo>
                    <a:pt x="1420" y="1280"/>
                    <a:pt x="1420" y="1280"/>
                    <a:pt x="1420" y="1280"/>
                  </a:cubicBezTo>
                  <a:cubicBezTo>
                    <a:pt x="1420" y="1205"/>
                    <a:pt x="1420" y="1205"/>
                    <a:pt x="1420" y="1205"/>
                  </a:cubicBezTo>
                  <a:cubicBezTo>
                    <a:pt x="1483" y="1220"/>
                    <a:pt x="1549" y="1220"/>
                    <a:pt x="1612" y="1205"/>
                  </a:cubicBezTo>
                  <a:lnTo>
                    <a:pt x="1612" y="1280"/>
                  </a:lnTo>
                  <a:close/>
                  <a:moveTo>
                    <a:pt x="1516" y="1152"/>
                  </a:moveTo>
                  <a:cubicBezTo>
                    <a:pt x="1304" y="1152"/>
                    <a:pt x="1132" y="980"/>
                    <a:pt x="1132" y="768"/>
                  </a:cubicBezTo>
                  <a:cubicBezTo>
                    <a:pt x="1132" y="556"/>
                    <a:pt x="1304" y="384"/>
                    <a:pt x="1516" y="384"/>
                  </a:cubicBezTo>
                  <a:cubicBezTo>
                    <a:pt x="1728" y="384"/>
                    <a:pt x="1900" y="556"/>
                    <a:pt x="1900" y="768"/>
                  </a:cubicBezTo>
                  <a:cubicBezTo>
                    <a:pt x="1900" y="980"/>
                    <a:pt x="1728" y="1152"/>
                    <a:pt x="1516" y="11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Rectangle 32">
              <a:extLst>
                <a:ext uri="{FF2B5EF4-FFF2-40B4-BE49-F238E27FC236}">
                  <a16:creationId xmlns:a16="http://schemas.microsoft.com/office/drawing/2014/main" id="{746DD38C-A030-F738-A048-36A1DB6ADC46}"/>
                </a:ext>
              </a:extLst>
            </p:cNvPr>
            <p:cNvSpPr>
              <a:spLocks noChangeArrowheads="1"/>
            </p:cNvSpPr>
            <p:nvPr/>
          </p:nvSpPr>
          <p:spPr bwMode="auto">
            <a:xfrm>
              <a:off x="2806700" y="5245101"/>
              <a:ext cx="31750" cy="3333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29" name="Group 28">
            <a:extLst>
              <a:ext uri="{FF2B5EF4-FFF2-40B4-BE49-F238E27FC236}">
                <a16:creationId xmlns:a16="http://schemas.microsoft.com/office/drawing/2014/main" id="{27E3FCBA-162D-BB4A-FABD-4D755DF818C8}"/>
              </a:ext>
            </a:extLst>
          </p:cNvPr>
          <p:cNvGrpSpPr/>
          <p:nvPr/>
        </p:nvGrpSpPr>
        <p:grpSpPr>
          <a:xfrm>
            <a:off x="5860487" y="3673726"/>
            <a:ext cx="616161" cy="616156"/>
            <a:chOff x="-1090613" y="3879850"/>
            <a:chExt cx="915988" cy="915988"/>
          </a:xfrm>
          <a:solidFill>
            <a:schemeClr val="tx2">
              <a:lumMod val="75000"/>
              <a:lumOff val="25000"/>
            </a:schemeClr>
          </a:solidFill>
        </p:grpSpPr>
        <p:sp>
          <p:nvSpPr>
            <p:cNvPr id="30" name="Freeform 41">
              <a:extLst>
                <a:ext uri="{FF2B5EF4-FFF2-40B4-BE49-F238E27FC236}">
                  <a16:creationId xmlns:a16="http://schemas.microsoft.com/office/drawing/2014/main" id="{39FC3C2A-1422-4D8B-0DC6-58B4937BBF7A}"/>
                </a:ext>
              </a:extLst>
            </p:cNvPr>
            <p:cNvSpPr>
              <a:spLocks noEditPoints="1"/>
            </p:cNvSpPr>
            <p:nvPr/>
          </p:nvSpPr>
          <p:spPr bwMode="auto">
            <a:xfrm>
              <a:off x="-917575" y="3879850"/>
              <a:ext cx="569913" cy="915988"/>
            </a:xfrm>
            <a:custGeom>
              <a:avLst/>
              <a:gdLst>
                <a:gd name="T0" fmla="*/ 638 w 1276"/>
                <a:gd name="T1" fmla="*/ 0 h 2048"/>
                <a:gd name="T2" fmla="*/ 0 w 1276"/>
                <a:gd name="T3" fmla="*/ 638 h 2048"/>
                <a:gd name="T4" fmla="*/ 257 w 1276"/>
                <a:gd name="T5" fmla="*/ 1150 h 2048"/>
                <a:gd name="T6" fmla="*/ 257 w 1276"/>
                <a:gd name="T7" fmla="*/ 1204 h 2048"/>
                <a:gd name="T8" fmla="*/ 192 w 1276"/>
                <a:gd name="T9" fmla="*/ 1345 h 2048"/>
                <a:gd name="T10" fmla="*/ 243 w 1276"/>
                <a:gd name="T11" fmla="*/ 1474 h 2048"/>
                <a:gd name="T12" fmla="*/ 192 w 1276"/>
                <a:gd name="T13" fmla="*/ 1602 h 2048"/>
                <a:gd name="T14" fmla="*/ 325 w 1276"/>
                <a:gd name="T15" fmla="*/ 1783 h 2048"/>
                <a:gd name="T16" fmla="*/ 638 w 1276"/>
                <a:gd name="T17" fmla="*/ 2048 h 2048"/>
                <a:gd name="T18" fmla="*/ 951 w 1276"/>
                <a:gd name="T19" fmla="*/ 1783 h 2048"/>
                <a:gd name="T20" fmla="*/ 1084 w 1276"/>
                <a:gd name="T21" fmla="*/ 1602 h 2048"/>
                <a:gd name="T22" fmla="*/ 1033 w 1276"/>
                <a:gd name="T23" fmla="*/ 1474 h 2048"/>
                <a:gd name="T24" fmla="*/ 1084 w 1276"/>
                <a:gd name="T25" fmla="*/ 1345 h 2048"/>
                <a:gd name="T26" fmla="*/ 1019 w 1276"/>
                <a:gd name="T27" fmla="*/ 1204 h 2048"/>
                <a:gd name="T28" fmla="*/ 1019 w 1276"/>
                <a:gd name="T29" fmla="*/ 1150 h 2048"/>
                <a:gd name="T30" fmla="*/ 1276 w 1276"/>
                <a:gd name="T31" fmla="*/ 638 h 2048"/>
                <a:gd name="T32" fmla="*/ 638 w 1276"/>
                <a:gd name="T33" fmla="*/ 0 h 2048"/>
                <a:gd name="T34" fmla="*/ 895 w 1276"/>
                <a:gd name="T35" fmla="*/ 1277 h 2048"/>
                <a:gd name="T36" fmla="*/ 964 w 1276"/>
                <a:gd name="T37" fmla="*/ 1345 h 2048"/>
                <a:gd name="T38" fmla="*/ 895 w 1276"/>
                <a:gd name="T39" fmla="*/ 1414 h 2048"/>
                <a:gd name="T40" fmla="*/ 381 w 1276"/>
                <a:gd name="T41" fmla="*/ 1414 h 2048"/>
                <a:gd name="T42" fmla="*/ 312 w 1276"/>
                <a:gd name="T43" fmla="*/ 1345 h 2048"/>
                <a:gd name="T44" fmla="*/ 381 w 1276"/>
                <a:gd name="T45" fmla="*/ 1277 h 2048"/>
                <a:gd name="T46" fmla="*/ 895 w 1276"/>
                <a:gd name="T47" fmla="*/ 1277 h 2048"/>
                <a:gd name="T48" fmla="*/ 638 w 1276"/>
                <a:gd name="T49" fmla="*/ 1928 h 2048"/>
                <a:gd name="T50" fmla="*/ 450 w 1276"/>
                <a:gd name="T51" fmla="*/ 1791 h 2048"/>
                <a:gd name="T52" fmla="*/ 826 w 1276"/>
                <a:gd name="T53" fmla="*/ 1791 h 2048"/>
                <a:gd name="T54" fmla="*/ 638 w 1276"/>
                <a:gd name="T55" fmla="*/ 1928 h 2048"/>
                <a:gd name="T56" fmla="*/ 895 w 1276"/>
                <a:gd name="T57" fmla="*/ 1671 h 2048"/>
                <a:gd name="T58" fmla="*/ 381 w 1276"/>
                <a:gd name="T59" fmla="*/ 1671 h 2048"/>
                <a:gd name="T60" fmla="*/ 312 w 1276"/>
                <a:gd name="T61" fmla="*/ 1602 h 2048"/>
                <a:gd name="T62" fmla="*/ 381 w 1276"/>
                <a:gd name="T63" fmla="*/ 1534 h 2048"/>
                <a:gd name="T64" fmla="*/ 895 w 1276"/>
                <a:gd name="T65" fmla="*/ 1534 h 2048"/>
                <a:gd name="T66" fmla="*/ 964 w 1276"/>
                <a:gd name="T67" fmla="*/ 1602 h 2048"/>
                <a:gd name="T68" fmla="*/ 895 w 1276"/>
                <a:gd name="T69" fmla="*/ 1671 h 2048"/>
                <a:gd name="T70" fmla="*/ 926 w 1276"/>
                <a:gd name="T71" fmla="*/ 1070 h 2048"/>
                <a:gd name="T72" fmla="*/ 899 w 1276"/>
                <a:gd name="T73" fmla="*/ 1119 h 2048"/>
                <a:gd name="T74" fmla="*/ 899 w 1276"/>
                <a:gd name="T75" fmla="*/ 1157 h 2048"/>
                <a:gd name="T76" fmla="*/ 895 w 1276"/>
                <a:gd name="T77" fmla="*/ 1157 h 2048"/>
                <a:gd name="T78" fmla="*/ 827 w 1276"/>
                <a:gd name="T79" fmla="*/ 1157 h 2048"/>
                <a:gd name="T80" fmla="*/ 827 w 1276"/>
                <a:gd name="T81" fmla="*/ 920 h 2048"/>
                <a:gd name="T82" fmla="*/ 913 w 1276"/>
                <a:gd name="T83" fmla="*/ 834 h 2048"/>
                <a:gd name="T84" fmla="*/ 913 w 1276"/>
                <a:gd name="T85" fmla="*/ 749 h 2048"/>
                <a:gd name="T86" fmla="*/ 828 w 1276"/>
                <a:gd name="T87" fmla="*/ 749 h 2048"/>
                <a:gd name="T88" fmla="*/ 724 w 1276"/>
                <a:gd name="T89" fmla="*/ 853 h 2048"/>
                <a:gd name="T90" fmla="*/ 707 w 1276"/>
                <a:gd name="T91" fmla="*/ 895 h 2048"/>
                <a:gd name="T92" fmla="*/ 707 w 1276"/>
                <a:gd name="T93" fmla="*/ 1157 h 2048"/>
                <a:gd name="T94" fmla="*/ 569 w 1276"/>
                <a:gd name="T95" fmla="*/ 1157 h 2048"/>
                <a:gd name="T96" fmla="*/ 569 w 1276"/>
                <a:gd name="T97" fmla="*/ 895 h 2048"/>
                <a:gd name="T98" fmla="*/ 552 w 1276"/>
                <a:gd name="T99" fmla="*/ 853 h 2048"/>
                <a:gd name="T100" fmla="*/ 448 w 1276"/>
                <a:gd name="T101" fmla="*/ 749 h 2048"/>
                <a:gd name="T102" fmla="*/ 363 w 1276"/>
                <a:gd name="T103" fmla="*/ 749 h 2048"/>
                <a:gd name="T104" fmla="*/ 363 w 1276"/>
                <a:gd name="T105" fmla="*/ 834 h 2048"/>
                <a:gd name="T106" fmla="*/ 449 w 1276"/>
                <a:gd name="T107" fmla="*/ 920 h 2048"/>
                <a:gd name="T108" fmla="*/ 449 w 1276"/>
                <a:gd name="T109" fmla="*/ 1157 h 2048"/>
                <a:gd name="T110" fmla="*/ 381 w 1276"/>
                <a:gd name="T111" fmla="*/ 1157 h 2048"/>
                <a:gd name="T112" fmla="*/ 377 w 1276"/>
                <a:gd name="T113" fmla="*/ 1157 h 2048"/>
                <a:gd name="T114" fmla="*/ 377 w 1276"/>
                <a:gd name="T115" fmla="*/ 1119 h 2048"/>
                <a:gd name="T116" fmla="*/ 350 w 1276"/>
                <a:gd name="T117" fmla="*/ 1070 h 2048"/>
                <a:gd name="T118" fmla="*/ 120 w 1276"/>
                <a:gd name="T119" fmla="*/ 638 h 2048"/>
                <a:gd name="T120" fmla="*/ 638 w 1276"/>
                <a:gd name="T121" fmla="*/ 120 h 2048"/>
                <a:gd name="T122" fmla="*/ 1156 w 1276"/>
                <a:gd name="T123" fmla="*/ 638 h 2048"/>
                <a:gd name="T124" fmla="*/ 926 w 1276"/>
                <a:gd name="T125" fmla="*/ 1070 h 20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276" h="2048">
                  <a:moveTo>
                    <a:pt x="638" y="0"/>
                  </a:moveTo>
                  <a:cubicBezTo>
                    <a:pt x="286" y="0"/>
                    <a:pt x="0" y="286"/>
                    <a:pt x="0" y="638"/>
                  </a:cubicBezTo>
                  <a:cubicBezTo>
                    <a:pt x="0" y="841"/>
                    <a:pt x="95" y="1030"/>
                    <a:pt x="257" y="1150"/>
                  </a:cubicBezTo>
                  <a:cubicBezTo>
                    <a:pt x="257" y="1204"/>
                    <a:pt x="257" y="1204"/>
                    <a:pt x="257" y="1204"/>
                  </a:cubicBezTo>
                  <a:cubicBezTo>
                    <a:pt x="217" y="1238"/>
                    <a:pt x="192" y="1289"/>
                    <a:pt x="192" y="1345"/>
                  </a:cubicBezTo>
                  <a:cubicBezTo>
                    <a:pt x="192" y="1395"/>
                    <a:pt x="212" y="1440"/>
                    <a:pt x="243" y="1474"/>
                  </a:cubicBezTo>
                  <a:cubicBezTo>
                    <a:pt x="212" y="1508"/>
                    <a:pt x="192" y="1553"/>
                    <a:pt x="192" y="1602"/>
                  </a:cubicBezTo>
                  <a:cubicBezTo>
                    <a:pt x="192" y="1687"/>
                    <a:pt x="248" y="1759"/>
                    <a:pt x="325" y="1783"/>
                  </a:cubicBezTo>
                  <a:cubicBezTo>
                    <a:pt x="350" y="1933"/>
                    <a:pt x="481" y="2048"/>
                    <a:pt x="638" y="2048"/>
                  </a:cubicBezTo>
                  <a:cubicBezTo>
                    <a:pt x="795" y="2048"/>
                    <a:pt x="926" y="1933"/>
                    <a:pt x="951" y="1783"/>
                  </a:cubicBezTo>
                  <a:cubicBezTo>
                    <a:pt x="1028" y="1759"/>
                    <a:pt x="1084" y="1687"/>
                    <a:pt x="1084" y="1602"/>
                  </a:cubicBezTo>
                  <a:cubicBezTo>
                    <a:pt x="1084" y="1553"/>
                    <a:pt x="1064" y="1508"/>
                    <a:pt x="1033" y="1474"/>
                  </a:cubicBezTo>
                  <a:cubicBezTo>
                    <a:pt x="1064" y="1440"/>
                    <a:pt x="1084" y="1395"/>
                    <a:pt x="1084" y="1345"/>
                  </a:cubicBezTo>
                  <a:cubicBezTo>
                    <a:pt x="1084" y="1289"/>
                    <a:pt x="1059" y="1238"/>
                    <a:pt x="1019" y="1204"/>
                  </a:cubicBezTo>
                  <a:cubicBezTo>
                    <a:pt x="1019" y="1150"/>
                    <a:pt x="1019" y="1150"/>
                    <a:pt x="1019" y="1150"/>
                  </a:cubicBezTo>
                  <a:cubicBezTo>
                    <a:pt x="1181" y="1030"/>
                    <a:pt x="1276" y="841"/>
                    <a:pt x="1276" y="638"/>
                  </a:cubicBezTo>
                  <a:cubicBezTo>
                    <a:pt x="1276" y="286"/>
                    <a:pt x="990" y="0"/>
                    <a:pt x="638" y="0"/>
                  </a:cubicBezTo>
                  <a:close/>
                  <a:moveTo>
                    <a:pt x="895" y="1277"/>
                  </a:moveTo>
                  <a:cubicBezTo>
                    <a:pt x="933" y="1277"/>
                    <a:pt x="964" y="1308"/>
                    <a:pt x="964" y="1345"/>
                  </a:cubicBezTo>
                  <a:cubicBezTo>
                    <a:pt x="964" y="1383"/>
                    <a:pt x="933" y="1414"/>
                    <a:pt x="895" y="1414"/>
                  </a:cubicBezTo>
                  <a:cubicBezTo>
                    <a:pt x="381" y="1414"/>
                    <a:pt x="381" y="1414"/>
                    <a:pt x="381" y="1414"/>
                  </a:cubicBezTo>
                  <a:cubicBezTo>
                    <a:pt x="343" y="1414"/>
                    <a:pt x="312" y="1383"/>
                    <a:pt x="312" y="1345"/>
                  </a:cubicBezTo>
                  <a:cubicBezTo>
                    <a:pt x="312" y="1308"/>
                    <a:pt x="343" y="1277"/>
                    <a:pt x="381" y="1277"/>
                  </a:cubicBezTo>
                  <a:lnTo>
                    <a:pt x="895" y="1277"/>
                  </a:lnTo>
                  <a:close/>
                  <a:moveTo>
                    <a:pt x="638" y="1928"/>
                  </a:moveTo>
                  <a:cubicBezTo>
                    <a:pt x="550" y="1928"/>
                    <a:pt x="476" y="1870"/>
                    <a:pt x="450" y="1791"/>
                  </a:cubicBezTo>
                  <a:cubicBezTo>
                    <a:pt x="826" y="1791"/>
                    <a:pt x="826" y="1791"/>
                    <a:pt x="826" y="1791"/>
                  </a:cubicBezTo>
                  <a:cubicBezTo>
                    <a:pt x="800" y="1870"/>
                    <a:pt x="726" y="1928"/>
                    <a:pt x="638" y="1928"/>
                  </a:cubicBezTo>
                  <a:close/>
                  <a:moveTo>
                    <a:pt x="895" y="1671"/>
                  </a:moveTo>
                  <a:cubicBezTo>
                    <a:pt x="381" y="1671"/>
                    <a:pt x="381" y="1671"/>
                    <a:pt x="381" y="1671"/>
                  </a:cubicBezTo>
                  <a:cubicBezTo>
                    <a:pt x="343" y="1671"/>
                    <a:pt x="312" y="1640"/>
                    <a:pt x="312" y="1602"/>
                  </a:cubicBezTo>
                  <a:cubicBezTo>
                    <a:pt x="312" y="1565"/>
                    <a:pt x="343" y="1534"/>
                    <a:pt x="381" y="1534"/>
                  </a:cubicBezTo>
                  <a:cubicBezTo>
                    <a:pt x="895" y="1534"/>
                    <a:pt x="895" y="1534"/>
                    <a:pt x="895" y="1534"/>
                  </a:cubicBezTo>
                  <a:cubicBezTo>
                    <a:pt x="933" y="1534"/>
                    <a:pt x="964" y="1565"/>
                    <a:pt x="964" y="1602"/>
                  </a:cubicBezTo>
                  <a:cubicBezTo>
                    <a:pt x="964" y="1640"/>
                    <a:pt x="933" y="1671"/>
                    <a:pt x="895" y="1671"/>
                  </a:cubicBezTo>
                  <a:close/>
                  <a:moveTo>
                    <a:pt x="926" y="1070"/>
                  </a:moveTo>
                  <a:cubicBezTo>
                    <a:pt x="909" y="1081"/>
                    <a:pt x="899" y="1099"/>
                    <a:pt x="899" y="1119"/>
                  </a:cubicBezTo>
                  <a:cubicBezTo>
                    <a:pt x="899" y="1157"/>
                    <a:pt x="899" y="1157"/>
                    <a:pt x="899" y="1157"/>
                  </a:cubicBezTo>
                  <a:cubicBezTo>
                    <a:pt x="898" y="1157"/>
                    <a:pt x="897" y="1157"/>
                    <a:pt x="895" y="1157"/>
                  </a:cubicBezTo>
                  <a:cubicBezTo>
                    <a:pt x="827" y="1157"/>
                    <a:pt x="827" y="1157"/>
                    <a:pt x="827" y="1157"/>
                  </a:cubicBezTo>
                  <a:cubicBezTo>
                    <a:pt x="827" y="920"/>
                    <a:pt x="827" y="920"/>
                    <a:pt x="827" y="920"/>
                  </a:cubicBezTo>
                  <a:cubicBezTo>
                    <a:pt x="913" y="834"/>
                    <a:pt x="913" y="834"/>
                    <a:pt x="913" y="834"/>
                  </a:cubicBezTo>
                  <a:cubicBezTo>
                    <a:pt x="936" y="811"/>
                    <a:pt x="936" y="773"/>
                    <a:pt x="913" y="749"/>
                  </a:cubicBezTo>
                  <a:cubicBezTo>
                    <a:pt x="889" y="726"/>
                    <a:pt x="851" y="726"/>
                    <a:pt x="828" y="749"/>
                  </a:cubicBezTo>
                  <a:cubicBezTo>
                    <a:pt x="724" y="853"/>
                    <a:pt x="724" y="853"/>
                    <a:pt x="724" y="853"/>
                  </a:cubicBezTo>
                  <a:cubicBezTo>
                    <a:pt x="713" y="864"/>
                    <a:pt x="707" y="880"/>
                    <a:pt x="707" y="895"/>
                  </a:cubicBezTo>
                  <a:cubicBezTo>
                    <a:pt x="707" y="1157"/>
                    <a:pt x="707" y="1157"/>
                    <a:pt x="707" y="1157"/>
                  </a:cubicBezTo>
                  <a:cubicBezTo>
                    <a:pt x="569" y="1157"/>
                    <a:pt x="569" y="1157"/>
                    <a:pt x="569" y="1157"/>
                  </a:cubicBezTo>
                  <a:cubicBezTo>
                    <a:pt x="569" y="895"/>
                    <a:pt x="569" y="895"/>
                    <a:pt x="569" y="895"/>
                  </a:cubicBezTo>
                  <a:cubicBezTo>
                    <a:pt x="569" y="880"/>
                    <a:pt x="563" y="864"/>
                    <a:pt x="552" y="853"/>
                  </a:cubicBezTo>
                  <a:cubicBezTo>
                    <a:pt x="448" y="749"/>
                    <a:pt x="448" y="749"/>
                    <a:pt x="448" y="749"/>
                  </a:cubicBezTo>
                  <a:cubicBezTo>
                    <a:pt x="425" y="726"/>
                    <a:pt x="387" y="726"/>
                    <a:pt x="363" y="749"/>
                  </a:cubicBezTo>
                  <a:cubicBezTo>
                    <a:pt x="340" y="773"/>
                    <a:pt x="340" y="811"/>
                    <a:pt x="363" y="834"/>
                  </a:cubicBezTo>
                  <a:cubicBezTo>
                    <a:pt x="449" y="920"/>
                    <a:pt x="449" y="920"/>
                    <a:pt x="449" y="920"/>
                  </a:cubicBezTo>
                  <a:cubicBezTo>
                    <a:pt x="449" y="1157"/>
                    <a:pt x="449" y="1157"/>
                    <a:pt x="449" y="1157"/>
                  </a:cubicBezTo>
                  <a:cubicBezTo>
                    <a:pt x="381" y="1157"/>
                    <a:pt x="381" y="1157"/>
                    <a:pt x="381" y="1157"/>
                  </a:cubicBezTo>
                  <a:cubicBezTo>
                    <a:pt x="380" y="1157"/>
                    <a:pt x="378" y="1157"/>
                    <a:pt x="377" y="1157"/>
                  </a:cubicBezTo>
                  <a:cubicBezTo>
                    <a:pt x="377" y="1119"/>
                    <a:pt x="377" y="1119"/>
                    <a:pt x="377" y="1119"/>
                  </a:cubicBezTo>
                  <a:cubicBezTo>
                    <a:pt x="377" y="1099"/>
                    <a:pt x="367" y="1081"/>
                    <a:pt x="350" y="1070"/>
                  </a:cubicBezTo>
                  <a:cubicBezTo>
                    <a:pt x="206" y="973"/>
                    <a:pt x="120" y="812"/>
                    <a:pt x="120" y="638"/>
                  </a:cubicBezTo>
                  <a:cubicBezTo>
                    <a:pt x="120" y="353"/>
                    <a:pt x="352" y="120"/>
                    <a:pt x="638" y="120"/>
                  </a:cubicBezTo>
                  <a:cubicBezTo>
                    <a:pt x="924" y="120"/>
                    <a:pt x="1156" y="353"/>
                    <a:pt x="1156" y="638"/>
                  </a:cubicBezTo>
                  <a:cubicBezTo>
                    <a:pt x="1156" y="812"/>
                    <a:pt x="1070" y="973"/>
                    <a:pt x="926" y="107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42">
              <a:extLst>
                <a:ext uri="{FF2B5EF4-FFF2-40B4-BE49-F238E27FC236}">
                  <a16:creationId xmlns:a16="http://schemas.microsoft.com/office/drawing/2014/main" id="{2042BBB8-FB44-FBEB-53F7-3904BB32F26E}"/>
                </a:ext>
              </a:extLst>
            </p:cNvPr>
            <p:cNvSpPr>
              <a:spLocks/>
            </p:cNvSpPr>
            <p:nvPr/>
          </p:nvSpPr>
          <p:spPr bwMode="auto">
            <a:xfrm>
              <a:off x="-1090613" y="4138613"/>
              <a:ext cx="111125" cy="53975"/>
            </a:xfrm>
            <a:custGeom>
              <a:avLst/>
              <a:gdLst>
                <a:gd name="T0" fmla="*/ 249 w 249"/>
                <a:gd name="T1" fmla="*/ 60 h 120"/>
                <a:gd name="T2" fmla="*/ 189 w 249"/>
                <a:gd name="T3" fmla="*/ 0 h 120"/>
                <a:gd name="T4" fmla="*/ 60 w 249"/>
                <a:gd name="T5" fmla="*/ 0 h 120"/>
                <a:gd name="T6" fmla="*/ 0 w 249"/>
                <a:gd name="T7" fmla="*/ 60 h 120"/>
                <a:gd name="T8" fmla="*/ 60 w 249"/>
                <a:gd name="T9" fmla="*/ 120 h 120"/>
                <a:gd name="T10" fmla="*/ 189 w 249"/>
                <a:gd name="T11" fmla="*/ 120 h 120"/>
                <a:gd name="T12" fmla="*/ 249 w 249"/>
                <a:gd name="T13" fmla="*/ 60 h 120"/>
              </a:gdLst>
              <a:ahLst/>
              <a:cxnLst>
                <a:cxn ang="0">
                  <a:pos x="T0" y="T1"/>
                </a:cxn>
                <a:cxn ang="0">
                  <a:pos x="T2" y="T3"/>
                </a:cxn>
                <a:cxn ang="0">
                  <a:pos x="T4" y="T5"/>
                </a:cxn>
                <a:cxn ang="0">
                  <a:pos x="T6" y="T7"/>
                </a:cxn>
                <a:cxn ang="0">
                  <a:pos x="T8" y="T9"/>
                </a:cxn>
                <a:cxn ang="0">
                  <a:pos x="T10" y="T11"/>
                </a:cxn>
                <a:cxn ang="0">
                  <a:pos x="T12" y="T13"/>
                </a:cxn>
              </a:cxnLst>
              <a:rect l="0" t="0" r="r" b="b"/>
              <a:pathLst>
                <a:path w="249" h="120">
                  <a:moveTo>
                    <a:pt x="249" y="60"/>
                  </a:moveTo>
                  <a:cubicBezTo>
                    <a:pt x="249" y="27"/>
                    <a:pt x="222" y="0"/>
                    <a:pt x="189" y="0"/>
                  </a:cubicBezTo>
                  <a:cubicBezTo>
                    <a:pt x="60" y="0"/>
                    <a:pt x="60" y="0"/>
                    <a:pt x="60" y="0"/>
                  </a:cubicBezTo>
                  <a:cubicBezTo>
                    <a:pt x="27" y="0"/>
                    <a:pt x="0" y="27"/>
                    <a:pt x="0" y="60"/>
                  </a:cubicBezTo>
                  <a:cubicBezTo>
                    <a:pt x="0" y="94"/>
                    <a:pt x="27" y="120"/>
                    <a:pt x="60" y="120"/>
                  </a:cubicBezTo>
                  <a:cubicBezTo>
                    <a:pt x="189" y="120"/>
                    <a:pt x="189" y="120"/>
                    <a:pt x="189" y="120"/>
                  </a:cubicBezTo>
                  <a:cubicBezTo>
                    <a:pt x="222" y="120"/>
                    <a:pt x="249" y="94"/>
                    <a:pt x="249" y="6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43">
              <a:extLst>
                <a:ext uri="{FF2B5EF4-FFF2-40B4-BE49-F238E27FC236}">
                  <a16:creationId xmlns:a16="http://schemas.microsoft.com/office/drawing/2014/main" id="{D047FF94-189E-38A7-C151-04AFF2DAC1E6}"/>
                </a:ext>
              </a:extLst>
            </p:cNvPr>
            <p:cNvSpPr>
              <a:spLocks/>
            </p:cNvSpPr>
            <p:nvPr/>
          </p:nvSpPr>
          <p:spPr bwMode="auto">
            <a:xfrm>
              <a:off x="-285750" y="4138613"/>
              <a:ext cx="111125" cy="53975"/>
            </a:xfrm>
            <a:custGeom>
              <a:avLst/>
              <a:gdLst>
                <a:gd name="T0" fmla="*/ 189 w 249"/>
                <a:gd name="T1" fmla="*/ 0 h 120"/>
                <a:gd name="T2" fmla="*/ 60 w 249"/>
                <a:gd name="T3" fmla="*/ 0 h 120"/>
                <a:gd name="T4" fmla="*/ 0 w 249"/>
                <a:gd name="T5" fmla="*/ 60 h 120"/>
                <a:gd name="T6" fmla="*/ 60 w 249"/>
                <a:gd name="T7" fmla="*/ 120 h 120"/>
                <a:gd name="T8" fmla="*/ 189 w 249"/>
                <a:gd name="T9" fmla="*/ 120 h 120"/>
                <a:gd name="T10" fmla="*/ 249 w 249"/>
                <a:gd name="T11" fmla="*/ 60 h 120"/>
                <a:gd name="T12" fmla="*/ 189 w 249"/>
                <a:gd name="T13" fmla="*/ 0 h 120"/>
              </a:gdLst>
              <a:ahLst/>
              <a:cxnLst>
                <a:cxn ang="0">
                  <a:pos x="T0" y="T1"/>
                </a:cxn>
                <a:cxn ang="0">
                  <a:pos x="T2" y="T3"/>
                </a:cxn>
                <a:cxn ang="0">
                  <a:pos x="T4" y="T5"/>
                </a:cxn>
                <a:cxn ang="0">
                  <a:pos x="T6" y="T7"/>
                </a:cxn>
                <a:cxn ang="0">
                  <a:pos x="T8" y="T9"/>
                </a:cxn>
                <a:cxn ang="0">
                  <a:pos x="T10" y="T11"/>
                </a:cxn>
                <a:cxn ang="0">
                  <a:pos x="T12" y="T13"/>
                </a:cxn>
              </a:cxnLst>
              <a:rect l="0" t="0" r="r" b="b"/>
              <a:pathLst>
                <a:path w="249" h="120">
                  <a:moveTo>
                    <a:pt x="189" y="0"/>
                  </a:moveTo>
                  <a:cubicBezTo>
                    <a:pt x="60" y="0"/>
                    <a:pt x="60" y="0"/>
                    <a:pt x="60" y="0"/>
                  </a:cubicBezTo>
                  <a:cubicBezTo>
                    <a:pt x="27" y="0"/>
                    <a:pt x="0" y="27"/>
                    <a:pt x="0" y="60"/>
                  </a:cubicBezTo>
                  <a:cubicBezTo>
                    <a:pt x="0" y="94"/>
                    <a:pt x="27" y="120"/>
                    <a:pt x="60" y="120"/>
                  </a:cubicBezTo>
                  <a:cubicBezTo>
                    <a:pt x="189" y="120"/>
                    <a:pt x="189" y="120"/>
                    <a:pt x="189" y="120"/>
                  </a:cubicBezTo>
                  <a:cubicBezTo>
                    <a:pt x="222" y="120"/>
                    <a:pt x="249" y="94"/>
                    <a:pt x="249" y="60"/>
                  </a:cubicBezTo>
                  <a:cubicBezTo>
                    <a:pt x="249" y="27"/>
                    <a:pt x="222" y="0"/>
                    <a:pt x="18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44">
              <a:extLst>
                <a:ext uri="{FF2B5EF4-FFF2-40B4-BE49-F238E27FC236}">
                  <a16:creationId xmlns:a16="http://schemas.microsoft.com/office/drawing/2014/main" id="{0BC0D415-BA52-B0CA-A921-5B6A3DFE8894}"/>
                </a:ext>
              </a:extLst>
            </p:cNvPr>
            <p:cNvSpPr>
              <a:spLocks/>
            </p:cNvSpPr>
            <p:nvPr/>
          </p:nvSpPr>
          <p:spPr bwMode="auto">
            <a:xfrm>
              <a:off x="-1036638" y="4321175"/>
              <a:ext cx="111125" cy="85725"/>
            </a:xfrm>
            <a:custGeom>
              <a:avLst/>
              <a:gdLst>
                <a:gd name="T0" fmla="*/ 149 w 248"/>
                <a:gd name="T1" fmla="*/ 16 h 192"/>
                <a:gd name="T2" fmla="*/ 38 w 248"/>
                <a:gd name="T3" fmla="*/ 80 h 192"/>
                <a:gd name="T4" fmla="*/ 16 w 248"/>
                <a:gd name="T5" fmla="*/ 162 h 192"/>
                <a:gd name="T6" fmla="*/ 68 w 248"/>
                <a:gd name="T7" fmla="*/ 192 h 192"/>
                <a:gd name="T8" fmla="*/ 98 w 248"/>
                <a:gd name="T9" fmla="*/ 184 h 192"/>
                <a:gd name="T10" fmla="*/ 209 w 248"/>
                <a:gd name="T11" fmla="*/ 120 h 192"/>
                <a:gd name="T12" fmla="*/ 231 w 248"/>
                <a:gd name="T13" fmla="*/ 38 h 192"/>
                <a:gd name="T14" fmla="*/ 149 w 248"/>
                <a:gd name="T15" fmla="*/ 16 h 19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8" h="192">
                  <a:moveTo>
                    <a:pt x="149" y="16"/>
                  </a:moveTo>
                  <a:cubicBezTo>
                    <a:pt x="38" y="80"/>
                    <a:pt x="38" y="80"/>
                    <a:pt x="38" y="80"/>
                  </a:cubicBezTo>
                  <a:cubicBezTo>
                    <a:pt x="9" y="97"/>
                    <a:pt x="0" y="134"/>
                    <a:pt x="16" y="162"/>
                  </a:cubicBezTo>
                  <a:cubicBezTo>
                    <a:pt x="27" y="182"/>
                    <a:pt x="47" y="192"/>
                    <a:pt x="68" y="192"/>
                  </a:cubicBezTo>
                  <a:cubicBezTo>
                    <a:pt x="78" y="192"/>
                    <a:pt x="89" y="190"/>
                    <a:pt x="98" y="184"/>
                  </a:cubicBezTo>
                  <a:cubicBezTo>
                    <a:pt x="209" y="120"/>
                    <a:pt x="209" y="120"/>
                    <a:pt x="209" y="120"/>
                  </a:cubicBezTo>
                  <a:cubicBezTo>
                    <a:pt x="238" y="104"/>
                    <a:pt x="248" y="67"/>
                    <a:pt x="231" y="38"/>
                  </a:cubicBezTo>
                  <a:cubicBezTo>
                    <a:pt x="215" y="9"/>
                    <a:pt x="178" y="0"/>
                    <a:pt x="149"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45">
              <a:extLst>
                <a:ext uri="{FF2B5EF4-FFF2-40B4-BE49-F238E27FC236}">
                  <a16:creationId xmlns:a16="http://schemas.microsoft.com/office/drawing/2014/main" id="{DA24E9F9-394A-B3EE-38E3-683FAD19BA51}"/>
                </a:ext>
              </a:extLst>
            </p:cNvPr>
            <p:cNvSpPr>
              <a:spLocks/>
            </p:cNvSpPr>
            <p:nvPr/>
          </p:nvSpPr>
          <p:spPr bwMode="auto">
            <a:xfrm>
              <a:off x="-339725" y="3919538"/>
              <a:ext cx="111125" cy="85725"/>
            </a:xfrm>
            <a:custGeom>
              <a:avLst/>
              <a:gdLst>
                <a:gd name="T0" fmla="*/ 69 w 248"/>
                <a:gd name="T1" fmla="*/ 193 h 193"/>
                <a:gd name="T2" fmla="*/ 99 w 248"/>
                <a:gd name="T3" fmla="*/ 185 h 193"/>
                <a:gd name="T4" fmla="*/ 210 w 248"/>
                <a:gd name="T5" fmla="*/ 120 h 193"/>
                <a:gd name="T6" fmla="*/ 232 w 248"/>
                <a:gd name="T7" fmla="*/ 38 h 193"/>
                <a:gd name="T8" fmla="*/ 150 w 248"/>
                <a:gd name="T9" fmla="*/ 16 h 193"/>
                <a:gd name="T10" fmla="*/ 39 w 248"/>
                <a:gd name="T11" fmla="*/ 81 h 193"/>
                <a:gd name="T12" fmla="*/ 17 w 248"/>
                <a:gd name="T13" fmla="*/ 163 h 193"/>
                <a:gd name="T14" fmla="*/ 69 w 248"/>
                <a:gd name="T15" fmla="*/ 193 h 1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8" h="193">
                  <a:moveTo>
                    <a:pt x="69" y="193"/>
                  </a:moveTo>
                  <a:cubicBezTo>
                    <a:pt x="79" y="193"/>
                    <a:pt x="89" y="190"/>
                    <a:pt x="99" y="185"/>
                  </a:cubicBezTo>
                  <a:cubicBezTo>
                    <a:pt x="210" y="120"/>
                    <a:pt x="210" y="120"/>
                    <a:pt x="210" y="120"/>
                  </a:cubicBezTo>
                  <a:cubicBezTo>
                    <a:pt x="239" y="104"/>
                    <a:pt x="248" y="67"/>
                    <a:pt x="232" y="38"/>
                  </a:cubicBezTo>
                  <a:cubicBezTo>
                    <a:pt x="215" y="10"/>
                    <a:pt x="179" y="0"/>
                    <a:pt x="150" y="16"/>
                  </a:cubicBezTo>
                  <a:cubicBezTo>
                    <a:pt x="39" y="81"/>
                    <a:pt x="39" y="81"/>
                    <a:pt x="39" y="81"/>
                  </a:cubicBezTo>
                  <a:cubicBezTo>
                    <a:pt x="10" y="97"/>
                    <a:pt x="0" y="134"/>
                    <a:pt x="17" y="163"/>
                  </a:cubicBezTo>
                  <a:cubicBezTo>
                    <a:pt x="28" y="182"/>
                    <a:pt x="48" y="193"/>
                    <a:pt x="69" y="1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46">
              <a:extLst>
                <a:ext uri="{FF2B5EF4-FFF2-40B4-BE49-F238E27FC236}">
                  <a16:creationId xmlns:a16="http://schemas.microsoft.com/office/drawing/2014/main" id="{8707A9BC-E67A-7115-028E-B0889CDB7D1B}"/>
                </a:ext>
              </a:extLst>
            </p:cNvPr>
            <p:cNvSpPr>
              <a:spLocks/>
            </p:cNvSpPr>
            <p:nvPr/>
          </p:nvSpPr>
          <p:spPr bwMode="auto">
            <a:xfrm>
              <a:off x="-339725" y="4321175"/>
              <a:ext cx="111125" cy="85725"/>
            </a:xfrm>
            <a:custGeom>
              <a:avLst/>
              <a:gdLst>
                <a:gd name="T0" fmla="*/ 210 w 248"/>
                <a:gd name="T1" fmla="*/ 80 h 192"/>
                <a:gd name="T2" fmla="*/ 99 w 248"/>
                <a:gd name="T3" fmla="*/ 16 h 192"/>
                <a:gd name="T4" fmla="*/ 17 w 248"/>
                <a:gd name="T5" fmla="*/ 38 h 192"/>
                <a:gd name="T6" fmla="*/ 39 w 248"/>
                <a:gd name="T7" fmla="*/ 120 h 192"/>
                <a:gd name="T8" fmla="*/ 150 w 248"/>
                <a:gd name="T9" fmla="*/ 184 h 192"/>
                <a:gd name="T10" fmla="*/ 180 w 248"/>
                <a:gd name="T11" fmla="*/ 192 h 192"/>
                <a:gd name="T12" fmla="*/ 232 w 248"/>
                <a:gd name="T13" fmla="*/ 162 h 192"/>
                <a:gd name="T14" fmla="*/ 210 w 248"/>
                <a:gd name="T15" fmla="*/ 80 h 19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8" h="192">
                  <a:moveTo>
                    <a:pt x="210" y="80"/>
                  </a:moveTo>
                  <a:cubicBezTo>
                    <a:pt x="99" y="16"/>
                    <a:pt x="99" y="16"/>
                    <a:pt x="99" y="16"/>
                  </a:cubicBezTo>
                  <a:cubicBezTo>
                    <a:pt x="70" y="0"/>
                    <a:pt x="33" y="9"/>
                    <a:pt x="17" y="38"/>
                  </a:cubicBezTo>
                  <a:cubicBezTo>
                    <a:pt x="0" y="67"/>
                    <a:pt x="10" y="104"/>
                    <a:pt x="39" y="120"/>
                  </a:cubicBezTo>
                  <a:cubicBezTo>
                    <a:pt x="150" y="184"/>
                    <a:pt x="150" y="184"/>
                    <a:pt x="150" y="184"/>
                  </a:cubicBezTo>
                  <a:cubicBezTo>
                    <a:pt x="159" y="190"/>
                    <a:pt x="170" y="192"/>
                    <a:pt x="180" y="192"/>
                  </a:cubicBezTo>
                  <a:cubicBezTo>
                    <a:pt x="201" y="192"/>
                    <a:pt x="221" y="182"/>
                    <a:pt x="232" y="162"/>
                  </a:cubicBezTo>
                  <a:cubicBezTo>
                    <a:pt x="248" y="134"/>
                    <a:pt x="239" y="97"/>
                    <a:pt x="210" y="8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47">
              <a:extLst>
                <a:ext uri="{FF2B5EF4-FFF2-40B4-BE49-F238E27FC236}">
                  <a16:creationId xmlns:a16="http://schemas.microsoft.com/office/drawing/2014/main" id="{260CFF62-C978-DE55-B262-66A4AC7C56CA}"/>
                </a:ext>
              </a:extLst>
            </p:cNvPr>
            <p:cNvSpPr>
              <a:spLocks/>
            </p:cNvSpPr>
            <p:nvPr/>
          </p:nvSpPr>
          <p:spPr bwMode="auto">
            <a:xfrm>
              <a:off x="-1036638" y="3919538"/>
              <a:ext cx="111125" cy="85725"/>
            </a:xfrm>
            <a:custGeom>
              <a:avLst/>
              <a:gdLst>
                <a:gd name="T0" fmla="*/ 209 w 248"/>
                <a:gd name="T1" fmla="*/ 81 h 193"/>
                <a:gd name="T2" fmla="*/ 98 w 248"/>
                <a:gd name="T3" fmla="*/ 16 h 193"/>
                <a:gd name="T4" fmla="*/ 16 w 248"/>
                <a:gd name="T5" fmla="*/ 38 h 193"/>
                <a:gd name="T6" fmla="*/ 38 w 248"/>
                <a:gd name="T7" fmla="*/ 120 h 193"/>
                <a:gd name="T8" fmla="*/ 149 w 248"/>
                <a:gd name="T9" fmla="*/ 185 h 193"/>
                <a:gd name="T10" fmla="*/ 179 w 248"/>
                <a:gd name="T11" fmla="*/ 193 h 193"/>
                <a:gd name="T12" fmla="*/ 231 w 248"/>
                <a:gd name="T13" fmla="*/ 163 h 193"/>
                <a:gd name="T14" fmla="*/ 209 w 248"/>
                <a:gd name="T15" fmla="*/ 81 h 1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8" h="193">
                  <a:moveTo>
                    <a:pt x="209" y="81"/>
                  </a:moveTo>
                  <a:cubicBezTo>
                    <a:pt x="98" y="16"/>
                    <a:pt x="98" y="16"/>
                    <a:pt x="98" y="16"/>
                  </a:cubicBezTo>
                  <a:cubicBezTo>
                    <a:pt x="69" y="0"/>
                    <a:pt x="33" y="10"/>
                    <a:pt x="16" y="38"/>
                  </a:cubicBezTo>
                  <a:cubicBezTo>
                    <a:pt x="0" y="67"/>
                    <a:pt x="9" y="104"/>
                    <a:pt x="38" y="120"/>
                  </a:cubicBezTo>
                  <a:cubicBezTo>
                    <a:pt x="149" y="185"/>
                    <a:pt x="149" y="185"/>
                    <a:pt x="149" y="185"/>
                  </a:cubicBezTo>
                  <a:cubicBezTo>
                    <a:pt x="159" y="190"/>
                    <a:pt x="169" y="193"/>
                    <a:pt x="179" y="193"/>
                  </a:cubicBezTo>
                  <a:cubicBezTo>
                    <a:pt x="200" y="193"/>
                    <a:pt x="220" y="182"/>
                    <a:pt x="231" y="163"/>
                  </a:cubicBezTo>
                  <a:cubicBezTo>
                    <a:pt x="248" y="134"/>
                    <a:pt x="238" y="97"/>
                    <a:pt x="209" y="8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98" name="Group 97">
            <a:extLst>
              <a:ext uri="{FF2B5EF4-FFF2-40B4-BE49-F238E27FC236}">
                <a16:creationId xmlns:a16="http://schemas.microsoft.com/office/drawing/2014/main" id="{91014045-2DEC-FD59-4E06-54D6331B3903}"/>
              </a:ext>
            </a:extLst>
          </p:cNvPr>
          <p:cNvGrpSpPr/>
          <p:nvPr/>
        </p:nvGrpSpPr>
        <p:grpSpPr>
          <a:xfrm>
            <a:off x="6727483" y="4639352"/>
            <a:ext cx="794808" cy="794808"/>
            <a:chOff x="-1238250" y="2566988"/>
            <a:chExt cx="1381125" cy="1381125"/>
          </a:xfrm>
          <a:solidFill>
            <a:schemeClr val="bg1"/>
          </a:solidFill>
        </p:grpSpPr>
        <p:sp>
          <p:nvSpPr>
            <p:cNvPr id="99" name="Freeform 32">
              <a:extLst>
                <a:ext uri="{FF2B5EF4-FFF2-40B4-BE49-F238E27FC236}">
                  <a16:creationId xmlns:a16="http://schemas.microsoft.com/office/drawing/2014/main" id="{71F021FF-5D80-43CE-1E95-036CA172FFFB}"/>
                </a:ext>
              </a:extLst>
            </p:cNvPr>
            <p:cNvSpPr>
              <a:spLocks noEditPoints="1"/>
            </p:cNvSpPr>
            <p:nvPr/>
          </p:nvSpPr>
          <p:spPr bwMode="auto">
            <a:xfrm>
              <a:off x="-1238250" y="2566988"/>
              <a:ext cx="1381125" cy="1381125"/>
            </a:xfrm>
            <a:custGeom>
              <a:avLst/>
              <a:gdLst>
                <a:gd name="T0" fmla="*/ 1520 w 3480"/>
                <a:gd name="T1" fmla="*/ 434 h 3480"/>
                <a:gd name="T2" fmla="*/ 1188 w 3480"/>
                <a:gd name="T3" fmla="*/ 611 h 3480"/>
                <a:gd name="T4" fmla="*/ 919 w 3480"/>
                <a:gd name="T5" fmla="*/ 632 h 3480"/>
                <a:gd name="T6" fmla="*/ 509 w 3480"/>
                <a:gd name="T7" fmla="*/ 752 h 3480"/>
                <a:gd name="T8" fmla="*/ 668 w 3480"/>
                <a:gd name="T9" fmla="*/ 1063 h 3480"/>
                <a:gd name="T10" fmla="*/ 502 w 3480"/>
                <a:gd name="T11" fmla="*/ 1461 h 3480"/>
                <a:gd name="T12" fmla="*/ 171 w 3480"/>
                <a:gd name="T13" fmla="*/ 1568 h 3480"/>
                <a:gd name="T14" fmla="*/ 375 w 3480"/>
                <a:gd name="T15" fmla="*/ 1942 h 3480"/>
                <a:gd name="T16" fmla="*/ 552 w 3480"/>
                <a:gd name="T17" fmla="*/ 2149 h 3480"/>
                <a:gd name="T18" fmla="*/ 661 w 3480"/>
                <a:gd name="T19" fmla="*/ 2507 h 3480"/>
                <a:gd name="T20" fmla="*/ 735 w 3480"/>
                <a:gd name="T21" fmla="*/ 2965 h 3480"/>
                <a:gd name="T22" fmla="*/ 1001 w 3480"/>
                <a:gd name="T23" fmla="*/ 2812 h 3480"/>
                <a:gd name="T24" fmla="*/ 1405 w 3480"/>
                <a:gd name="T25" fmla="*/ 2952 h 3480"/>
                <a:gd name="T26" fmla="*/ 1550 w 3480"/>
                <a:gd name="T27" fmla="*/ 3204 h 3480"/>
                <a:gd name="T28" fmla="*/ 1915 w 3480"/>
                <a:gd name="T29" fmla="*/ 3301 h 3480"/>
                <a:gd name="T30" fmla="*/ 2046 w 3480"/>
                <a:gd name="T31" fmla="*/ 2962 h 3480"/>
                <a:gd name="T32" fmla="*/ 2448 w 3480"/>
                <a:gd name="T33" fmla="*/ 2810 h 3480"/>
                <a:gd name="T34" fmla="*/ 2738 w 3480"/>
                <a:gd name="T35" fmla="*/ 2971 h 3480"/>
                <a:gd name="T36" fmla="*/ 2831 w 3480"/>
                <a:gd name="T37" fmla="*/ 2535 h 3480"/>
                <a:gd name="T38" fmla="*/ 2901 w 3480"/>
                <a:gd name="T39" fmla="*/ 2221 h 3480"/>
                <a:gd name="T40" fmla="*/ 3074 w 3480"/>
                <a:gd name="T41" fmla="*/ 1950 h 3480"/>
                <a:gd name="T42" fmla="*/ 3315 w 3480"/>
                <a:gd name="T43" fmla="*/ 1575 h 3480"/>
                <a:gd name="T44" fmla="*/ 2997 w 3480"/>
                <a:gd name="T45" fmla="*/ 1484 h 3480"/>
                <a:gd name="T46" fmla="*/ 2821 w 3480"/>
                <a:gd name="T47" fmla="*/ 1091 h 3480"/>
                <a:gd name="T48" fmla="*/ 2967 w 3480"/>
                <a:gd name="T49" fmla="*/ 760 h 3480"/>
                <a:gd name="T50" fmla="*/ 2641 w 3480"/>
                <a:gd name="T51" fmla="*/ 572 h 3480"/>
                <a:gd name="T52" fmla="*/ 2360 w 3480"/>
                <a:gd name="T53" fmla="*/ 646 h 3480"/>
                <a:gd name="T54" fmla="*/ 1976 w 3480"/>
                <a:gd name="T55" fmla="*/ 461 h 3480"/>
                <a:gd name="T56" fmla="*/ 1896 w 3480"/>
                <a:gd name="T57" fmla="*/ 162 h 3480"/>
                <a:gd name="T58" fmla="*/ 2036 w 3480"/>
                <a:gd name="T59" fmla="*/ 67 h 3480"/>
                <a:gd name="T60" fmla="*/ 2110 w 3480"/>
                <a:gd name="T61" fmla="*/ 367 h 3480"/>
                <a:gd name="T62" fmla="*/ 2455 w 3480"/>
                <a:gd name="T63" fmla="*/ 507 h 3480"/>
                <a:gd name="T64" fmla="*/ 2759 w 3480"/>
                <a:gd name="T65" fmla="*/ 349 h 3480"/>
                <a:gd name="T66" fmla="*/ 3125 w 3480"/>
                <a:gd name="T67" fmla="*/ 693 h 3480"/>
                <a:gd name="T68" fmla="*/ 2977 w 3480"/>
                <a:gd name="T69" fmla="*/ 1018 h 3480"/>
                <a:gd name="T70" fmla="*/ 3110 w 3480"/>
                <a:gd name="T71" fmla="*/ 1367 h 3480"/>
                <a:gd name="T72" fmla="*/ 3386 w 3480"/>
                <a:gd name="T73" fmla="*/ 1425 h 3480"/>
                <a:gd name="T74" fmla="*/ 3477 w 3480"/>
                <a:gd name="T75" fmla="*/ 1929 h 3480"/>
                <a:gd name="T76" fmla="*/ 3226 w 3480"/>
                <a:gd name="T77" fmla="*/ 2090 h 3480"/>
                <a:gd name="T78" fmla="*/ 3052 w 3480"/>
                <a:gd name="T79" fmla="*/ 2283 h 3480"/>
                <a:gd name="T80" fmla="*/ 3114 w 3480"/>
                <a:gd name="T81" fmla="*/ 2648 h 3480"/>
                <a:gd name="T82" fmla="*/ 3080 w 3480"/>
                <a:gd name="T83" fmla="*/ 2860 h 3480"/>
                <a:gd name="T84" fmla="*/ 2674 w 3480"/>
                <a:gd name="T85" fmla="*/ 3125 h 3480"/>
                <a:gd name="T86" fmla="*/ 2363 w 3480"/>
                <a:gd name="T87" fmla="*/ 3016 h 3480"/>
                <a:gd name="T88" fmla="*/ 2104 w 3480"/>
                <a:gd name="T89" fmla="*/ 3126 h 3480"/>
                <a:gd name="T90" fmla="*/ 1959 w 3480"/>
                <a:gd name="T91" fmla="*/ 3468 h 3480"/>
                <a:gd name="T92" fmla="*/ 1444 w 3480"/>
                <a:gd name="T93" fmla="*/ 3413 h 3480"/>
                <a:gd name="T94" fmla="*/ 1370 w 3480"/>
                <a:gd name="T95" fmla="*/ 3113 h 3480"/>
                <a:gd name="T96" fmla="*/ 1025 w 3480"/>
                <a:gd name="T97" fmla="*/ 2973 h 3480"/>
                <a:gd name="T98" fmla="*/ 721 w 3480"/>
                <a:gd name="T99" fmla="*/ 3131 h 3480"/>
                <a:gd name="T100" fmla="*/ 355 w 3480"/>
                <a:gd name="T101" fmla="*/ 2787 h 3480"/>
                <a:gd name="T102" fmla="*/ 503 w 3480"/>
                <a:gd name="T103" fmla="*/ 2462 h 3480"/>
                <a:gd name="T104" fmla="*/ 370 w 3480"/>
                <a:gd name="T105" fmla="*/ 2113 h 3480"/>
                <a:gd name="T106" fmla="*/ 94 w 3480"/>
                <a:gd name="T107" fmla="*/ 2055 h 3480"/>
                <a:gd name="T108" fmla="*/ 3 w 3480"/>
                <a:gd name="T109" fmla="*/ 1551 h 3480"/>
                <a:gd name="T110" fmla="*/ 254 w 3480"/>
                <a:gd name="T111" fmla="*/ 1390 h 3480"/>
                <a:gd name="T112" fmla="*/ 428 w 3480"/>
                <a:gd name="T113" fmla="*/ 1197 h 3480"/>
                <a:gd name="T114" fmla="*/ 366 w 3480"/>
                <a:gd name="T115" fmla="*/ 832 h 3480"/>
                <a:gd name="T116" fmla="*/ 400 w 3480"/>
                <a:gd name="T117" fmla="*/ 620 h 3480"/>
                <a:gd name="T118" fmla="*/ 806 w 3480"/>
                <a:gd name="T119" fmla="*/ 355 h 3480"/>
                <a:gd name="T120" fmla="*/ 1117 w 3480"/>
                <a:gd name="T121" fmla="*/ 464 h 3480"/>
                <a:gd name="T122" fmla="*/ 1376 w 3480"/>
                <a:gd name="T123" fmla="*/ 354 h 3480"/>
                <a:gd name="T124" fmla="*/ 1521 w 3480"/>
                <a:gd name="T125" fmla="*/ 12 h 34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480" h="3480">
                  <a:moveTo>
                    <a:pt x="1584" y="162"/>
                  </a:moveTo>
                  <a:lnTo>
                    <a:pt x="1575" y="165"/>
                  </a:lnTo>
                  <a:lnTo>
                    <a:pt x="1568" y="171"/>
                  </a:lnTo>
                  <a:lnTo>
                    <a:pt x="1565" y="179"/>
                  </a:lnTo>
                  <a:lnTo>
                    <a:pt x="1550" y="277"/>
                  </a:lnTo>
                  <a:lnTo>
                    <a:pt x="1538" y="375"/>
                  </a:lnTo>
                  <a:lnTo>
                    <a:pt x="1530" y="406"/>
                  </a:lnTo>
                  <a:lnTo>
                    <a:pt x="1520" y="434"/>
                  </a:lnTo>
                  <a:lnTo>
                    <a:pt x="1504" y="461"/>
                  </a:lnTo>
                  <a:lnTo>
                    <a:pt x="1484" y="483"/>
                  </a:lnTo>
                  <a:lnTo>
                    <a:pt x="1461" y="502"/>
                  </a:lnTo>
                  <a:lnTo>
                    <a:pt x="1434" y="518"/>
                  </a:lnTo>
                  <a:lnTo>
                    <a:pt x="1405" y="528"/>
                  </a:lnTo>
                  <a:lnTo>
                    <a:pt x="1331" y="552"/>
                  </a:lnTo>
                  <a:lnTo>
                    <a:pt x="1259" y="579"/>
                  </a:lnTo>
                  <a:lnTo>
                    <a:pt x="1188" y="611"/>
                  </a:lnTo>
                  <a:lnTo>
                    <a:pt x="1120" y="646"/>
                  </a:lnTo>
                  <a:lnTo>
                    <a:pt x="1091" y="659"/>
                  </a:lnTo>
                  <a:lnTo>
                    <a:pt x="1063" y="668"/>
                  </a:lnTo>
                  <a:lnTo>
                    <a:pt x="1032" y="670"/>
                  </a:lnTo>
                  <a:lnTo>
                    <a:pt x="1003" y="668"/>
                  </a:lnTo>
                  <a:lnTo>
                    <a:pt x="973" y="661"/>
                  </a:lnTo>
                  <a:lnTo>
                    <a:pt x="945" y="649"/>
                  </a:lnTo>
                  <a:lnTo>
                    <a:pt x="919" y="632"/>
                  </a:lnTo>
                  <a:lnTo>
                    <a:pt x="839" y="572"/>
                  </a:lnTo>
                  <a:lnTo>
                    <a:pt x="760" y="513"/>
                  </a:lnTo>
                  <a:lnTo>
                    <a:pt x="752" y="509"/>
                  </a:lnTo>
                  <a:lnTo>
                    <a:pt x="742" y="509"/>
                  </a:lnTo>
                  <a:lnTo>
                    <a:pt x="735" y="515"/>
                  </a:lnTo>
                  <a:lnTo>
                    <a:pt x="515" y="735"/>
                  </a:lnTo>
                  <a:lnTo>
                    <a:pt x="509" y="742"/>
                  </a:lnTo>
                  <a:lnTo>
                    <a:pt x="509" y="752"/>
                  </a:lnTo>
                  <a:lnTo>
                    <a:pt x="513" y="760"/>
                  </a:lnTo>
                  <a:lnTo>
                    <a:pt x="572" y="839"/>
                  </a:lnTo>
                  <a:lnTo>
                    <a:pt x="632" y="919"/>
                  </a:lnTo>
                  <a:lnTo>
                    <a:pt x="649" y="945"/>
                  </a:lnTo>
                  <a:lnTo>
                    <a:pt x="661" y="973"/>
                  </a:lnTo>
                  <a:lnTo>
                    <a:pt x="668" y="1003"/>
                  </a:lnTo>
                  <a:lnTo>
                    <a:pt x="670" y="1032"/>
                  </a:lnTo>
                  <a:lnTo>
                    <a:pt x="668" y="1063"/>
                  </a:lnTo>
                  <a:lnTo>
                    <a:pt x="659" y="1091"/>
                  </a:lnTo>
                  <a:lnTo>
                    <a:pt x="646" y="1120"/>
                  </a:lnTo>
                  <a:lnTo>
                    <a:pt x="611" y="1188"/>
                  </a:lnTo>
                  <a:lnTo>
                    <a:pt x="579" y="1259"/>
                  </a:lnTo>
                  <a:lnTo>
                    <a:pt x="552" y="1331"/>
                  </a:lnTo>
                  <a:lnTo>
                    <a:pt x="528" y="1405"/>
                  </a:lnTo>
                  <a:lnTo>
                    <a:pt x="518" y="1434"/>
                  </a:lnTo>
                  <a:lnTo>
                    <a:pt x="502" y="1461"/>
                  </a:lnTo>
                  <a:lnTo>
                    <a:pt x="483" y="1484"/>
                  </a:lnTo>
                  <a:lnTo>
                    <a:pt x="461" y="1504"/>
                  </a:lnTo>
                  <a:lnTo>
                    <a:pt x="434" y="1520"/>
                  </a:lnTo>
                  <a:lnTo>
                    <a:pt x="406" y="1530"/>
                  </a:lnTo>
                  <a:lnTo>
                    <a:pt x="375" y="1538"/>
                  </a:lnTo>
                  <a:lnTo>
                    <a:pt x="277" y="1550"/>
                  </a:lnTo>
                  <a:lnTo>
                    <a:pt x="179" y="1565"/>
                  </a:lnTo>
                  <a:lnTo>
                    <a:pt x="171" y="1568"/>
                  </a:lnTo>
                  <a:lnTo>
                    <a:pt x="165" y="1575"/>
                  </a:lnTo>
                  <a:lnTo>
                    <a:pt x="162" y="1585"/>
                  </a:lnTo>
                  <a:lnTo>
                    <a:pt x="162" y="1896"/>
                  </a:lnTo>
                  <a:lnTo>
                    <a:pt x="165" y="1905"/>
                  </a:lnTo>
                  <a:lnTo>
                    <a:pt x="171" y="1912"/>
                  </a:lnTo>
                  <a:lnTo>
                    <a:pt x="179" y="1915"/>
                  </a:lnTo>
                  <a:lnTo>
                    <a:pt x="277" y="1930"/>
                  </a:lnTo>
                  <a:lnTo>
                    <a:pt x="375" y="1942"/>
                  </a:lnTo>
                  <a:lnTo>
                    <a:pt x="406" y="1950"/>
                  </a:lnTo>
                  <a:lnTo>
                    <a:pt x="434" y="1960"/>
                  </a:lnTo>
                  <a:lnTo>
                    <a:pt x="461" y="1976"/>
                  </a:lnTo>
                  <a:lnTo>
                    <a:pt x="483" y="1996"/>
                  </a:lnTo>
                  <a:lnTo>
                    <a:pt x="502" y="2019"/>
                  </a:lnTo>
                  <a:lnTo>
                    <a:pt x="518" y="2046"/>
                  </a:lnTo>
                  <a:lnTo>
                    <a:pt x="528" y="2075"/>
                  </a:lnTo>
                  <a:lnTo>
                    <a:pt x="552" y="2149"/>
                  </a:lnTo>
                  <a:lnTo>
                    <a:pt x="579" y="2221"/>
                  </a:lnTo>
                  <a:lnTo>
                    <a:pt x="611" y="2292"/>
                  </a:lnTo>
                  <a:lnTo>
                    <a:pt x="646" y="2360"/>
                  </a:lnTo>
                  <a:lnTo>
                    <a:pt x="659" y="2389"/>
                  </a:lnTo>
                  <a:lnTo>
                    <a:pt x="668" y="2417"/>
                  </a:lnTo>
                  <a:lnTo>
                    <a:pt x="670" y="2448"/>
                  </a:lnTo>
                  <a:lnTo>
                    <a:pt x="668" y="2477"/>
                  </a:lnTo>
                  <a:lnTo>
                    <a:pt x="661" y="2507"/>
                  </a:lnTo>
                  <a:lnTo>
                    <a:pt x="649" y="2535"/>
                  </a:lnTo>
                  <a:lnTo>
                    <a:pt x="632" y="2561"/>
                  </a:lnTo>
                  <a:lnTo>
                    <a:pt x="572" y="2641"/>
                  </a:lnTo>
                  <a:lnTo>
                    <a:pt x="513" y="2720"/>
                  </a:lnTo>
                  <a:lnTo>
                    <a:pt x="509" y="2728"/>
                  </a:lnTo>
                  <a:lnTo>
                    <a:pt x="509" y="2738"/>
                  </a:lnTo>
                  <a:lnTo>
                    <a:pt x="515" y="2745"/>
                  </a:lnTo>
                  <a:lnTo>
                    <a:pt x="735" y="2965"/>
                  </a:lnTo>
                  <a:lnTo>
                    <a:pt x="742" y="2971"/>
                  </a:lnTo>
                  <a:lnTo>
                    <a:pt x="752" y="2972"/>
                  </a:lnTo>
                  <a:lnTo>
                    <a:pt x="760" y="2967"/>
                  </a:lnTo>
                  <a:lnTo>
                    <a:pt x="839" y="2908"/>
                  </a:lnTo>
                  <a:lnTo>
                    <a:pt x="919" y="2848"/>
                  </a:lnTo>
                  <a:lnTo>
                    <a:pt x="945" y="2831"/>
                  </a:lnTo>
                  <a:lnTo>
                    <a:pt x="972" y="2820"/>
                  </a:lnTo>
                  <a:lnTo>
                    <a:pt x="1001" y="2812"/>
                  </a:lnTo>
                  <a:lnTo>
                    <a:pt x="1030" y="2810"/>
                  </a:lnTo>
                  <a:lnTo>
                    <a:pt x="1061" y="2812"/>
                  </a:lnTo>
                  <a:lnTo>
                    <a:pt x="1091" y="2821"/>
                  </a:lnTo>
                  <a:lnTo>
                    <a:pt x="1120" y="2834"/>
                  </a:lnTo>
                  <a:lnTo>
                    <a:pt x="1188" y="2869"/>
                  </a:lnTo>
                  <a:lnTo>
                    <a:pt x="1259" y="2901"/>
                  </a:lnTo>
                  <a:lnTo>
                    <a:pt x="1331" y="2928"/>
                  </a:lnTo>
                  <a:lnTo>
                    <a:pt x="1405" y="2952"/>
                  </a:lnTo>
                  <a:lnTo>
                    <a:pt x="1434" y="2962"/>
                  </a:lnTo>
                  <a:lnTo>
                    <a:pt x="1461" y="2978"/>
                  </a:lnTo>
                  <a:lnTo>
                    <a:pt x="1484" y="2997"/>
                  </a:lnTo>
                  <a:lnTo>
                    <a:pt x="1504" y="3019"/>
                  </a:lnTo>
                  <a:lnTo>
                    <a:pt x="1520" y="3046"/>
                  </a:lnTo>
                  <a:lnTo>
                    <a:pt x="1530" y="3074"/>
                  </a:lnTo>
                  <a:lnTo>
                    <a:pt x="1538" y="3105"/>
                  </a:lnTo>
                  <a:lnTo>
                    <a:pt x="1550" y="3204"/>
                  </a:lnTo>
                  <a:lnTo>
                    <a:pt x="1565" y="3301"/>
                  </a:lnTo>
                  <a:lnTo>
                    <a:pt x="1568" y="3309"/>
                  </a:lnTo>
                  <a:lnTo>
                    <a:pt x="1575" y="3315"/>
                  </a:lnTo>
                  <a:lnTo>
                    <a:pt x="1584" y="3318"/>
                  </a:lnTo>
                  <a:lnTo>
                    <a:pt x="1896" y="3318"/>
                  </a:lnTo>
                  <a:lnTo>
                    <a:pt x="1905" y="3315"/>
                  </a:lnTo>
                  <a:lnTo>
                    <a:pt x="1912" y="3309"/>
                  </a:lnTo>
                  <a:lnTo>
                    <a:pt x="1915" y="3301"/>
                  </a:lnTo>
                  <a:lnTo>
                    <a:pt x="1930" y="3203"/>
                  </a:lnTo>
                  <a:lnTo>
                    <a:pt x="1942" y="3105"/>
                  </a:lnTo>
                  <a:lnTo>
                    <a:pt x="1950" y="3074"/>
                  </a:lnTo>
                  <a:lnTo>
                    <a:pt x="1960" y="3046"/>
                  </a:lnTo>
                  <a:lnTo>
                    <a:pt x="1976" y="3019"/>
                  </a:lnTo>
                  <a:lnTo>
                    <a:pt x="1996" y="2997"/>
                  </a:lnTo>
                  <a:lnTo>
                    <a:pt x="2019" y="2978"/>
                  </a:lnTo>
                  <a:lnTo>
                    <a:pt x="2046" y="2962"/>
                  </a:lnTo>
                  <a:lnTo>
                    <a:pt x="2075" y="2952"/>
                  </a:lnTo>
                  <a:lnTo>
                    <a:pt x="2149" y="2928"/>
                  </a:lnTo>
                  <a:lnTo>
                    <a:pt x="2221" y="2901"/>
                  </a:lnTo>
                  <a:lnTo>
                    <a:pt x="2292" y="2869"/>
                  </a:lnTo>
                  <a:lnTo>
                    <a:pt x="2360" y="2834"/>
                  </a:lnTo>
                  <a:lnTo>
                    <a:pt x="2389" y="2821"/>
                  </a:lnTo>
                  <a:lnTo>
                    <a:pt x="2417" y="2812"/>
                  </a:lnTo>
                  <a:lnTo>
                    <a:pt x="2448" y="2810"/>
                  </a:lnTo>
                  <a:lnTo>
                    <a:pt x="2477" y="2812"/>
                  </a:lnTo>
                  <a:lnTo>
                    <a:pt x="2507" y="2819"/>
                  </a:lnTo>
                  <a:lnTo>
                    <a:pt x="2535" y="2831"/>
                  </a:lnTo>
                  <a:lnTo>
                    <a:pt x="2561" y="2848"/>
                  </a:lnTo>
                  <a:lnTo>
                    <a:pt x="2641" y="2908"/>
                  </a:lnTo>
                  <a:lnTo>
                    <a:pt x="2720" y="2967"/>
                  </a:lnTo>
                  <a:lnTo>
                    <a:pt x="2728" y="2972"/>
                  </a:lnTo>
                  <a:lnTo>
                    <a:pt x="2738" y="2971"/>
                  </a:lnTo>
                  <a:lnTo>
                    <a:pt x="2745" y="2965"/>
                  </a:lnTo>
                  <a:lnTo>
                    <a:pt x="2965" y="2745"/>
                  </a:lnTo>
                  <a:lnTo>
                    <a:pt x="2971" y="2738"/>
                  </a:lnTo>
                  <a:lnTo>
                    <a:pt x="2971" y="2728"/>
                  </a:lnTo>
                  <a:lnTo>
                    <a:pt x="2967" y="2720"/>
                  </a:lnTo>
                  <a:lnTo>
                    <a:pt x="2908" y="2641"/>
                  </a:lnTo>
                  <a:lnTo>
                    <a:pt x="2848" y="2561"/>
                  </a:lnTo>
                  <a:lnTo>
                    <a:pt x="2831" y="2535"/>
                  </a:lnTo>
                  <a:lnTo>
                    <a:pt x="2819" y="2507"/>
                  </a:lnTo>
                  <a:lnTo>
                    <a:pt x="2812" y="2477"/>
                  </a:lnTo>
                  <a:lnTo>
                    <a:pt x="2810" y="2448"/>
                  </a:lnTo>
                  <a:lnTo>
                    <a:pt x="2812" y="2417"/>
                  </a:lnTo>
                  <a:lnTo>
                    <a:pt x="2821" y="2389"/>
                  </a:lnTo>
                  <a:lnTo>
                    <a:pt x="2834" y="2360"/>
                  </a:lnTo>
                  <a:lnTo>
                    <a:pt x="2869" y="2292"/>
                  </a:lnTo>
                  <a:lnTo>
                    <a:pt x="2901" y="2221"/>
                  </a:lnTo>
                  <a:lnTo>
                    <a:pt x="2928" y="2149"/>
                  </a:lnTo>
                  <a:lnTo>
                    <a:pt x="2952" y="2075"/>
                  </a:lnTo>
                  <a:lnTo>
                    <a:pt x="2962" y="2046"/>
                  </a:lnTo>
                  <a:lnTo>
                    <a:pt x="2978" y="2019"/>
                  </a:lnTo>
                  <a:lnTo>
                    <a:pt x="2997" y="1996"/>
                  </a:lnTo>
                  <a:lnTo>
                    <a:pt x="3019" y="1976"/>
                  </a:lnTo>
                  <a:lnTo>
                    <a:pt x="3046" y="1960"/>
                  </a:lnTo>
                  <a:lnTo>
                    <a:pt x="3074" y="1950"/>
                  </a:lnTo>
                  <a:lnTo>
                    <a:pt x="3105" y="1942"/>
                  </a:lnTo>
                  <a:lnTo>
                    <a:pt x="3203" y="1930"/>
                  </a:lnTo>
                  <a:lnTo>
                    <a:pt x="3301" y="1915"/>
                  </a:lnTo>
                  <a:lnTo>
                    <a:pt x="3309" y="1912"/>
                  </a:lnTo>
                  <a:lnTo>
                    <a:pt x="3315" y="1905"/>
                  </a:lnTo>
                  <a:lnTo>
                    <a:pt x="3318" y="1896"/>
                  </a:lnTo>
                  <a:lnTo>
                    <a:pt x="3318" y="1584"/>
                  </a:lnTo>
                  <a:lnTo>
                    <a:pt x="3315" y="1575"/>
                  </a:lnTo>
                  <a:lnTo>
                    <a:pt x="3309" y="1568"/>
                  </a:lnTo>
                  <a:lnTo>
                    <a:pt x="3301" y="1565"/>
                  </a:lnTo>
                  <a:lnTo>
                    <a:pt x="3203" y="1550"/>
                  </a:lnTo>
                  <a:lnTo>
                    <a:pt x="3105" y="1538"/>
                  </a:lnTo>
                  <a:lnTo>
                    <a:pt x="3074" y="1530"/>
                  </a:lnTo>
                  <a:lnTo>
                    <a:pt x="3046" y="1520"/>
                  </a:lnTo>
                  <a:lnTo>
                    <a:pt x="3019" y="1504"/>
                  </a:lnTo>
                  <a:lnTo>
                    <a:pt x="2997" y="1484"/>
                  </a:lnTo>
                  <a:lnTo>
                    <a:pt x="2978" y="1461"/>
                  </a:lnTo>
                  <a:lnTo>
                    <a:pt x="2962" y="1434"/>
                  </a:lnTo>
                  <a:lnTo>
                    <a:pt x="2952" y="1405"/>
                  </a:lnTo>
                  <a:lnTo>
                    <a:pt x="2928" y="1331"/>
                  </a:lnTo>
                  <a:lnTo>
                    <a:pt x="2901" y="1259"/>
                  </a:lnTo>
                  <a:lnTo>
                    <a:pt x="2869" y="1188"/>
                  </a:lnTo>
                  <a:lnTo>
                    <a:pt x="2834" y="1120"/>
                  </a:lnTo>
                  <a:lnTo>
                    <a:pt x="2821" y="1091"/>
                  </a:lnTo>
                  <a:lnTo>
                    <a:pt x="2812" y="1063"/>
                  </a:lnTo>
                  <a:lnTo>
                    <a:pt x="2810" y="1032"/>
                  </a:lnTo>
                  <a:lnTo>
                    <a:pt x="2812" y="1003"/>
                  </a:lnTo>
                  <a:lnTo>
                    <a:pt x="2819" y="973"/>
                  </a:lnTo>
                  <a:lnTo>
                    <a:pt x="2831" y="945"/>
                  </a:lnTo>
                  <a:lnTo>
                    <a:pt x="2848" y="919"/>
                  </a:lnTo>
                  <a:lnTo>
                    <a:pt x="2908" y="839"/>
                  </a:lnTo>
                  <a:lnTo>
                    <a:pt x="2967" y="760"/>
                  </a:lnTo>
                  <a:lnTo>
                    <a:pt x="2971" y="752"/>
                  </a:lnTo>
                  <a:lnTo>
                    <a:pt x="2971" y="742"/>
                  </a:lnTo>
                  <a:lnTo>
                    <a:pt x="2965" y="735"/>
                  </a:lnTo>
                  <a:lnTo>
                    <a:pt x="2745" y="515"/>
                  </a:lnTo>
                  <a:lnTo>
                    <a:pt x="2738" y="509"/>
                  </a:lnTo>
                  <a:lnTo>
                    <a:pt x="2728" y="509"/>
                  </a:lnTo>
                  <a:lnTo>
                    <a:pt x="2720" y="513"/>
                  </a:lnTo>
                  <a:lnTo>
                    <a:pt x="2641" y="572"/>
                  </a:lnTo>
                  <a:lnTo>
                    <a:pt x="2561" y="632"/>
                  </a:lnTo>
                  <a:lnTo>
                    <a:pt x="2535" y="649"/>
                  </a:lnTo>
                  <a:lnTo>
                    <a:pt x="2507" y="661"/>
                  </a:lnTo>
                  <a:lnTo>
                    <a:pt x="2477" y="668"/>
                  </a:lnTo>
                  <a:lnTo>
                    <a:pt x="2448" y="670"/>
                  </a:lnTo>
                  <a:lnTo>
                    <a:pt x="2417" y="668"/>
                  </a:lnTo>
                  <a:lnTo>
                    <a:pt x="2389" y="659"/>
                  </a:lnTo>
                  <a:lnTo>
                    <a:pt x="2360" y="646"/>
                  </a:lnTo>
                  <a:lnTo>
                    <a:pt x="2292" y="611"/>
                  </a:lnTo>
                  <a:lnTo>
                    <a:pt x="2221" y="579"/>
                  </a:lnTo>
                  <a:lnTo>
                    <a:pt x="2149" y="552"/>
                  </a:lnTo>
                  <a:lnTo>
                    <a:pt x="2075" y="528"/>
                  </a:lnTo>
                  <a:lnTo>
                    <a:pt x="2046" y="518"/>
                  </a:lnTo>
                  <a:lnTo>
                    <a:pt x="2019" y="502"/>
                  </a:lnTo>
                  <a:lnTo>
                    <a:pt x="1996" y="483"/>
                  </a:lnTo>
                  <a:lnTo>
                    <a:pt x="1976" y="461"/>
                  </a:lnTo>
                  <a:lnTo>
                    <a:pt x="1960" y="434"/>
                  </a:lnTo>
                  <a:lnTo>
                    <a:pt x="1950" y="406"/>
                  </a:lnTo>
                  <a:lnTo>
                    <a:pt x="1942" y="375"/>
                  </a:lnTo>
                  <a:lnTo>
                    <a:pt x="1930" y="277"/>
                  </a:lnTo>
                  <a:lnTo>
                    <a:pt x="1915" y="179"/>
                  </a:lnTo>
                  <a:lnTo>
                    <a:pt x="1912" y="171"/>
                  </a:lnTo>
                  <a:lnTo>
                    <a:pt x="1905" y="165"/>
                  </a:lnTo>
                  <a:lnTo>
                    <a:pt x="1896" y="162"/>
                  </a:lnTo>
                  <a:lnTo>
                    <a:pt x="1584" y="162"/>
                  </a:lnTo>
                  <a:close/>
                  <a:moveTo>
                    <a:pt x="1584" y="0"/>
                  </a:moveTo>
                  <a:lnTo>
                    <a:pt x="1896" y="0"/>
                  </a:lnTo>
                  <a:lnTo>
                    <a:pt x="1929" y="3"/>
                  </a:lnTo>
                  <a:lnTo>
                    <a:pt x="1959" y="12"/>
                  </a:lnTo>
                  <a:lnTo>
                    <a:pt x="1989" y="25"/>
                  </a:lnTo>
                  <a:lnTo>
                    <a:pt x="2014" y="44"/>
                  </a:lnTo>
                  <a:lnTo>
                    <a:pt x="2036" y="67"/>
                  </a:lnTo>
                  <a:lnTo>
                    <a:pt x="2055" y="94"/>
                  </a:lnTo>
                  <a:lnTo>
                    <a:pt x="2068" y="123"/>
                  </a:lnTo>
                  <a:lnTo>
                    <a:pt x="2076" y="155"/>
                  </a:lnTo>
                  <a:lnTo>
                    <a:pt x="2090" y="254"/>
                  </a:lnTo>
                  <a:lnTo>
                    <a:pt x="2104" y="354"/>
                  </a:lnTo>
                  <a:lnTo>
                    <a:pt x="2105" y="360"/>
                  </a:lnTo>
                  <a:lnTo>
                    <a:pt x="2107" y="364"/>
                  </a:lnTo>
                  <a:lnTo>
                    <a:pt x="2110" y="367"/>
                  </a:lnTo>
                  <a:lnTo>
                    <a:pt x="2113" y="370"/>
                  </a:lnTo>
                  <a:lnTo>
                    <a:pt x="2118" y="371"/>
                  </a:lnTo>
                  <a:lnTo>
                    <a:pt x="2202" y="398"/>
                  </a:lnTo>
                  <a:lnTo>
                    <a:pt x="2283" y="428"/>
                  </a:lnTo>
                  <a:lnTo>
                    <a:pt x="2363" y="464"/>
                  </a:lnTo>
                  <a:lnTo>
                    <a:pt x="2440" y="505"/>
                  </a:lnTo>
                  <a:lnTo>
                    <a:pt x="2448" y="507"/>
                  </a:lnTo>
                  <a:lnTo>
                    <a:pt x="2455" y="507"/>
                  </a:lnTo>
                  <a:lnTo>
                    <a:pt x="2462" y="503"/>
                  </a:lnTo>
                  <a:lnTo>
                    <a:pt x="2543" y="442"/>
                  </a:lnTo>
                  <a:lnTo>
                    <a:pt x="2623" y="382"/>
                  </a:lnTo>
                  <a:lnTo>
                    <a:pt x="2648" y="366"/>
                  </a:lnTo>
                  <a:lnTo>
                    <a:pt x="2674" y="355"/>
                  </a:lnTo>
                  <a:lnTo>
                    <a:pt x="2703" y="349"/>
                  </a:lnTo>
                  <a:lnTo>
                    <a:pt x="2730" y="347"/>
                  </a:lnTo>
                  <a:lnTo>
                    <a:pt x="2759" y="349"/>
                  </a:lnTo>
                  <a:lnTo>
                    <a:pt x="2787" y="355"/>
                  </a:lnTo>
                  <a:lnTo>
                    <a:pt x="2814" y="366"/>
                  </a:lnTo>
                  <a:lnTo>
                    <a:pt x="2838" y="381"/>
                  </a:lnTo>
                  <a:lnTo>
                    <a:pt x="2860" y="400"/>
                  </a:lnTo>
                  <a:lnTo>
                    <a:pt x="3080" y="620"/>
                  </a:lnTo>
                  <a:lnTo>
                    <a:pt x="3099" y="642"/>
                  </a:lnTo>
                  <a:lnTo>
                    <a:pt x="3114" y="666"/>
                  </a:lnTo>
                  <a:lnTo>
                    <a:pt x="3125" y="693"/>
                  </a:lnTo>
                  <a:lnTo>
                    <a:pt x="3131" y="721"/>
                  </a:lnTo>
                  <a:lnTo>
                    <a:pt x="3133" y="750"/>
                  </a:lnTo>
                  <a:lnTo>
                    <a:pt x="3131" y="777"/>
                  </a:lnTo>
                  <a:lnTo>
                    <a:pt x="3125" y="806"/>
                  </a:lnTo>
                  <a:lnTo>
                    <a:pt x="3114" y="832"/>
                  </a:lnTo>
                  <a:lnTo>
                    <a:pt x="3098" y="857"/>
                  </a:lnTo>
                  <a:lnTo>
                    <a:pt x="3038" y="937"/>
                  </a:lnTo>
                  <a:lnTo>
                    <a:pt x="2977" y="1018"/>
                  </a:lnTo>
                  <a:lnTo>
                    <a:pt x="2973" y="1025"/>
                  </a:lnTo>
                  <a:lnTo>
                    <a:pt x="2973" y="1032"/>
                  </a:lnTo>
                  <a:lnTo>
                    <a:pt x="2975" y="1040"/>
                  </a:lnTo>
                  <a:lnTo>
                    <a:pt x="3016" y="1117"/>
                  </a:lnTo>
                  <a:lnTo>
                    <a:pt x="3052" y="1197"/>
                  </a:lnTo>
                  <a:lnTo>
                    <a:pt x="3082" y="1278"/>
                  </a:lnTo>
                  <a:lnTo>
                    <a:pt x="3109" y="1362"/>
                  </a:lnTo>
                  <a:lnTo>
                    <a:pt x="3110" y="1367"/>
                  </a:lnTo>
                  <a:lnTo>
                    <a:pt x="3113" y="1370"/>
                  </a:lnTo>
                  <a:lnTo>
                    <a:pt x="3116" y="1373"/>
                  </a:lnTo>
                  <a:lnTo>
                    <a:pt x="3120" y="1375"/>
                  </a:lnTo>
                  <a:lnTo>
                    <a:pt x="3126" y="1376"/>
                  </a:lnTo>
                  <a:lnTo>
                    <a:pt x="3226" y="1390"/>
                  </a:lnTo>
                  <a:lnTo>
                    <a:pt x="3325" y="1404"/>
                  </a:lnTo>
                  <a:lnTo>
                    <a:pt x="3357" y="1412"/>
                  </a:lnTo>
                  <a:lnTo>
                    <a:pt x="3386" y="1425"/>
                  </a:lnTo>
                  <a:lnTo>
                    <a:pt x="3413" y="1444"/>
                  </a:lnTo>
                  <a:lnTo>
                    <a:pt x="3436" y="1466"/>
                  </a:lnTo>
                  <a:lnTo>
                    <a:pt x="3455" y="1491"/>
                  </a:lnTo>
                  <a:lnTo>
                    <a:pt x="3468" y="1521"/>
                  </a:lnTo>
                  <a:lnTo>
                    <a:pt x="3477" y="1551"/>
                  </a:lnTo>
                  <a:lnTo>
                    <a:pt x="3480" y="1584"/>
                  </a:lnTo>
                  <a:lnTo>
                    <a:pt x="3480" y="1896"/>
                  </a:lnTo>
                  <a:lnTo>
                    <a:pt x="3477" y="1929"/>
                  </a:lnTo>
                  <a:lnTo>
                    <a:pt x="3468" y="1959"/>
                  </a:lnTo>
                  <a:lnTo>
                    <a:pt x="3455" y="1989"/>
                  </a:lnTo>
                  <a:lnTo>
                    <a:pt x="3436" y="2014"/>
                  </a:lnTo>
                  <a:lnTo>
                    <a:pt x="3413" y="2036"/>
                  </a:lnTo>
                  <a:lnTo>
                    <a:pt x="3386" y="2055"/>
                  </a:lnTo>
                  <a:lnTo>
                    <a:pt x="3357" y="2068"/>
                  </a:lnTo>
                  <a:lnTo>
                    <a:pt x="3325" y="2076"/>
                  </a:lnTo>
                  <a:lnTo>
                    <a:pt x="3226" y="2090"/>
                  </a:lnTo>
                  <a:lnTo>
                    <a:pt x="3126" y="2104"/>
                  </a:lnTo>
                  <a:lnTo>
                    <a:pt x="3120" y="2105"/>
                  </a:lnTo>
                  <a:lnTo>
                    <a:pt x="3116" y="2107"/>
                  </a:lnTo>
                  <a:lnTo>
                    <a:pt x="3113" y="2110"/>
                  </a:lnTo>
                  <a:lnTo>
                    <a:pt x="3110" y="2113"/>
                  </a:lnTo>
                  <a:lnTo>
                    <a:pt x="3109" y="2118"/>
                  </a:lnTo>
                  <a:lnTo>
                    <a:pt x="3082" y="2202"/>
                  </a:lnTo>
                  <a:lnTo>
                    <a:pt x="3052" y="2283"/>
                  </a:lnTo>
                  <a:lnTo>
                    <a:pt x="3016" y="2363"/>
                  </a:lnTo>
                  <a:lnTo>
                    <a:pt x="2975" y="2440"/>
                  </a:lnTo>
                  <a:lnTo>
                    <a:pt x="2973" y="2448"/>
                  </a:lnTo>
                  <a:lnTo>
                    <a:pt x="2973" y="2455"/>
                  </a:lnTo>
                  <a:lnTo>
                    <a:pt x="2977" y="2462"/>
                  </a:lnTo>
                  <a:lnTo>
                    <a:pt x="3038" y="2543"/>
                  </a:lnTo>
                  <a:lnTo>
                    <a:pt x="3098" y="2623"/>
                  </a:lnTo>
                  <a:lnTo>
                    <a:pt x="3114" y="2648"/>
                  </a:lnTo>
                  <a:lnTo>
                    <a:pt x="3125" y="2674"/>
                  </a:lnTo>
                  <a:lnTo>
                    <a:pt x="3131" y="2703"/>
                  </a:lnTo>
                  <a:lnTo>
                    <a:pt x="3133" y="2730"/>
                  </a:lnTo>
                  <a:lnTo>
                    <a:pt x="3131" y="2759"/>
                  </a:lnTo>
                  <a:lnTo>
                    <a:pt x="3125" y="2786"/>
                  </a:lnTo>
                  <a:lnTo>
                    <a:pt x="3114" y="2814"/>
                  </a:lnTo>
                  <a:lnTo>
                    <a:pt x="3099" y="2838"/>
                  </a:lnTo>
                  <a:lnTo>
                    <a:pt x="3080" y="2860"/>
                  </a:lnTo>
                  <a:lnTo>
                    <a:pt x="2860" y="3080"/>
                  </a:lnTo>
                  <a:lnTo>
                    <a:pt x="2838" y="3099"/>
                  </a:lnTo>
                  <a:lnTo>
                    <a:pt x="2814" y="3114"/>
                  </a:lnTo>
                  <a:lnTo>
                    <a:pt x="2786" y="3125"/>
                  </a:lnTo>
                  <a:lnTo>
                    <a:pt x="2759" y="3131"/>
                  </a:lnTo>
                  <a:lnTo>
                    <a:pt x="2730" y="3133"/>
                  </a:lnTo>
                  <a:lnTo>
                    <a:pt x="2703" y="3131"/>
                  </a:lnTo>
                  <a:lnTo>
                    <a:pt x="2674" y="3125"/>
                  </a:lnTo>
                  <a:lnTo>
                    <a:pt x="2648" y="3114"/>
                  </a:lnTo>
                  <a:lnTo>
                    <a:pt x="2623" y="3098"/>
                  </a:lnTo>
                  <a:lnTo>
                    <a:pt x="2543" y="3038"/>
                  </a:lnTo>
                  <a:lnTo>
                    <a:pt x="2462" y="2977"/>
                  </a:lnTo>
                  <a:lnTo>
                    <a:pt x="2455" y="2973"/>
                  </a:lnTo>
                  <a:lnTo>
                    <a:pt x="2448" y="2973"/>
                  </a:lnTo>
                  <a:lnTo>
                    <a:pt x="2440" y="2975"/>
                  </a:lnTo>
                  <a:lnTo>
                    <a:pt x="2363" y="3016"/>
                  </a:lnTo>
                  <a:lnTo>
                    <a:pt x="2283" y="3052"/>
                  </a:lnTo>
                  <a:lnTo>
                    <a:pt x="2202" y="3082"/>
                  </a:lnTo>
                  <a:lnTo>
                    <a:pt x="2118" y="3109"/>
                  </a:lnTo>
                  <a:lnTo>
                    <a:pt x="2113" y="3110"/>
                  </a:lnTo>
                  <a:lnTo>
                    <a:pt x="2110" y="3113"/>
                  </a:lnTo>
                  <a:lnTo>
                    <a:pt x="2107" y="3116"/>
                  </a:lnTo>
                  <a:lnTo>
                    <a:pt x="2105" y="3120"/>
                  </a:lnTo>
                  <a:lnTo>
                    <a:pt x="2104" y="3126"/>
                  </a:lnTo>
                  <a:lnTo>
                    <a:pt x="2090" y="3226"/>
                  </a:lnTo>
                  <a:lnTo>
                    <a:pt x="2076" y="3325"/>
                  </a:lnTo>
                  <a:lnTo>
                    <a:pt x="2068" y="3357"/>
                  </a:lnTo>
                  <a:lnTo>
                    <a:pt x="2055" y="3386"/>
                  </a:lnTo>
                  <a:lnTo>
                    <a:pt x="2036" y="3413"/>
                  </a:lnTo>
                  <a:lnTo>
                    <a:pt x="2014" y="3436"/>
                  </a:lnTo>
                  <a:lnTo>
                    <a:pt x="1989" y="3455"/>
                  </a:lnTo>
                  <a:lnTo>
                    <a:pt x="1959" y="3468"/>
                  </a:lnTo>
                  <a:lnTo>
                    <a:pt x="1929" y="3477"/>
                  </a:lnTo>
                  <a:lnTo>
                    <a:pt x="1896" y="3480"/>
                  </a:lnTo>
                  <a:lnTo>
                    <a:pt x="1584" y="3480"/>
                  </a:lnTo>
                  <a:lnTo>
                    <a:pt x="1551" y="3477"/>
                  </a:lnTo>
                  <a:lnTo>
                    <a:pt x="1521" y="3468"/>
                  </a:lnTo>
                  <a:lnTo>
                    <a:pt x="1491" y="3455"/>
                  </a:lnTo>
                  <a:lnTo>
                    <a:pt x="1466" y="3436"/>
                  </a:lnTo>
                  <a:lnTo>
                    <a:pt x="1444" y="3413"/>
                  </a:lnTo>
                  <a:lnTo>
                    <a:pt x="1425" y="3386"/>
                  </a:lnTo>
                  <a:lnTo>
                    <a:pt x="1412" y="3357"/>
                  </a:lnTo>
                  <a:lnTo>
                    <a:pt x="1404" y="3325"/>
                  </a:lnTo>
                  <a:lnTo>
                    <a:pt x="1390" y="3226"/>
                  </a:lnTo>
                  <a:lnTo>
                    <a:pt x="1376" y="3126"/>
                  </a:lnTo>
                  <a:lnTo>
                    <a:pt x="1375" y="3120"/>
                  </a:lnTo>
                  <a:lnTo>
                    <a:pt x="1373" y="3116"/>
                  </a:lnTo>
                  <a:lnTo>
                    <a:pt x="1370" y="3113"/>
                  </a:lnTo>
                  <a:lnTo>
                    <a:pt x="1367" y="3110"/>
                  </a:lnTo>
                  <a:lnTo>
                    <a:pt x="1362" y="3109"/>
                  </a:lnTo>
                  <a:lnTo>
                    <a:pt x="1278" y="3082"/>
                  </a:lnTo>
                  <a:lnTo>
                    <a:pt x="1197" y="3052"/>
                  </a:lnTo>
                  <a:lnTo>
                    <a:pt x="1117" y="3016"/>
                  </a:lnTo>
                  <a:lnTo>
                    <a:pt x="1040" y="2975"/>
                  </a:lnTo>
                  <a:lnTo>
                    <a:pt x="1032" y="2973"/>
                  </a:lnTo>
                  <a:lnTo>
                    <a:pt x="1025" y="2973"/>
                  </a:lnTo>
                  <a:lnTo>
                    <a:pt x="1018" y="2977"/>
                  </a:lnTo>
                  <a:lnTo>
                    <a:pt x="937" y="3038"/>
                  </a:lnTo>
                  <a:lnTo>
                    <a:pt x="857" y="3098"/>
                  </a:lnTo>
                  <a:lnTo>
                    <a:pt x="832" y="3114"/>
                  </a:lnTo>
                  <a:lnTo>
                    <a:pt x="806" y="3125"/>
                  </a:lnTo>
                  <a:lnTo>
                    <a:pt x="777" y="3131"/>
                  </a:lnTo>
                  <a:lnTo>
                    <a:pt x="750" y="3134"/>
                  </a:lnTo>
                  <a:lnTo>
                    <a:pt x="721" y="3131"/>
                  </a:lnTo>
                  <a:lnTo>
                    <a:pt x="693" y="3125"/>
                  </a:lnTo>
                  <a:lnTo>
                    <a:pt x="666" y="3114"/>
                  </a:lnTo>
                  <a:lnTo>
                    <a:pt x="642" y="3099"/>
                  </a:lnTo>
                  <a:lnTo>
                    <a:pt x="620" y="3080"/>
                  </a:lnTo>
                  <a:lnTo>
                    <a:pt x="400" y="2860"/>
                  </a:lnTo>
                  <a:lnTo>
                    <a:pt x="381" y="2838"/>
                  </a:lnTo>
                  <a:lnTo>
                    <a:pt x="366" y="2814"/>
                  </a:lnTo>
                  <a:lnTo>
                    <a:pt x="355" y="2787"/>
                  </a:lnTo>
                  <a:lnTo>
                    <a:pt x="349" y="2759"/>
                  </a:lnTo>
                  <a:lnTo>
                    <a:pt x="346" y="2730"/>
                  </a:lnTo>
                  <a:lnTo>
                    <a:pt x="349" y="2703"/>
                  </a:lnTo>
                  <a:lnTo>
                    <a:pt x="355" y="2674"/>
                  </a:lnTo>
                  <a:lnTo>
                    <a:pt x="366" y="2648"/>
                  </a:lnTo>
                  <a:lnTo>
                    <a:pt x="382" y="2623"/>
                  </a:lnTo>
                  <a:lnTo>
                    <a:pt x="442" y="2543"/>
                  </a:lnTo>
                  <a:lnTo>
                    <a:pt x="503" y="2462"/>
                  </a:lnTo>
                  <a:lnTo>
                    <a:pt x="507" y="2455"/>
                  </a:lnTo>
                  <a:lnTo>
                    <a:pt x="507" y="2448"/>
                  </a:lnTo>
                  <a:lnTo>
                    <a:pt x="505" y="2440"/>
                  </a:lnTo>
                  <a:lnTo>
                    <a:pt x="464" y="2363"/>
                  </a:lnTo>
                  <a:lnTo>
                    <a:pt x="428" y="2283"/>
                  </a:lnTo>
                  <a:lnTo>
                    <a:pt x="398" y="2202"/>
                  </a:lnTo>
                  <a:lnTo>
                    <a:pt x="371" y="2118"/>
                  </a:lnTo>
                  <a:lnTo>
                    <a:pt x="370" y="2113"/>
                  </a:lnTo>
                  <a:lnTo>
                    <a:pt x="367" y="2110"/>
                  </a:lnTo>
                  <a:lnTo>
                    <a:pt x="364" y="2107"/>
                  </a:lnTo>
                  <a:lnTo>
                    <a:pt x="360" y="2105"/>
                  </a:lnTo>
                  <a:lnTo>
                    <a:pt x="354" y="2104"/>
                  </a:lnTo>
                  <a:lnTo>
                    <a:pt x="254" y="2090"/>
                  </a:lnTo>
                  <a:lnTo>
                    <a:pt x="155" y="2076"/>
                  </a:lnTo>
                  <a:lnTo>
                    <a:pt x="123" y="2068"/>
                  </a:lnTo>
                  <a:lnTo>
                    <a:pt x="94" y="2055"/>
                  </a:lnTo>
                  <a:lnTo>
                    <a:pt x="67" y="2036"/>
                  </a:lnTo>
                  <a:lnTo>
                    <a:pt x="44" y="2014"/>
                  </a:lnTo>
                  <a:lnTo>
                    <a:pt x="25" y="1989"/>
                  </a:lnTo>
                  <a:lnTo>
                    <a:pt x="12" y="1959"/>
                  </a:lnTo>
                  <a:lnTo>
                    <a:pt x="3" y="1929"/>
                  </a:lnTo>
                  <a:lnTo>
                    <a:pt x="0" y="1896"/>
                  </a:lnTo>
                  <a:lnTo>
                    <a:pt x="0" y="1584"/>
                  </a:lnTo>
                  <a:lnTo>
                    <a:pt x="3" y="1551"/>
                  </a:lnTo>
                  <a:lnTo>
                    <a:pt x="12" y="1521"/>
                  </a:lnTo>
                  <a:lnTo>
                    <a:pt x="25" y="1491"/>
                  </a:lnTo>
                  <a:lnTo>
                    <a:pt x="44" y="1466"/>
                  </a:lnTo>
                  <a:lnTo>
                    <a:pt x="67" y="1444"/>
                  </a:lnTo>
                  <a:lnTo>
                    <a:pt x="94" y="1425"/>
                  </a:lnTo>
                  <a:lnTo>
                    <a:pt x="123" y="1412"/>
                  </a:lnTo>
                  <a:lnTo>
                    <a:pt x="155" y="1404"/>
                  </a:lnTo>
                  <a:lnTo>
                    <a:pt x="254" y="1390"/>
                  </a:lnTo>
                  <a:lnTo>
                    <a:pt x="354" y="1376"/>
                  </a:lnTo>
                  <a:lnTo>
                    <a:pt x="360" y="1375"/>
                  </a:lnTo>
                  <a:lnTo>
                    <a:pt x="364" y="1373"/>
                  </a:lnTo>
                  <a:lnTo>
                    <a:pt x="367" y="1370"/>
                  </a:lnTo>
                  <a:lnTo>
                    <a:pt x="370" y="1367"/>
                  </a:lnTo>
                  <a:lnTo>
                    <a:pt x="371" y="1362"/>
                  </a:lnTo>
                  <a:lnTo>
                    <a:pt x="398" y="1278"/>
                  </a:lnTo>
                  <a:lnTo>
                    <a:pt x="428" y="1197"/>
                  </a:lnTo>
                  <a:lnTo>
                    <a:pt x="464" y="1117"/>
                  </a:lnTo>
                  <a:lnTo>
                    <a:pt x="505" y="1040"/>
                  </a:lnTo>
                  <a:lnTo>
                    <a:pt x="507" y="1032"/>
                  </a:lnTo>
                  <a:lnTo>
                    <a:pt x="507" y="1025"/>
                  </a:lnTo>
                  <a:lnTo>
                    <a:pt x="503" y="1018"/>
                  </a:lnTo>
                  <a:lnTo>
                    <a:pt x="442" y="937"/>
                  </a:lnTo>
                  <a:lnTo>
                    <a:pt x="382" y="857"/>
                  </a:lnTo>
                  <a:lnTo>
                    <a:pt x="366" y="832"/>
                  </a:lnTo>
                  <a:lnTo>
                    <a:pt x="355" y="806"/>
                  </a:lnTo>
                  <a:lnTo>
                    <a:pt x="349" y="777"/>
                  </a:lnTo>
                  <a:lnTo>
                    <a:pt x="346" y="750"/>
                  </a:lnTo>
                  <a:lnTo>
                    <a:pt x="349" y="721"/>
                  </a:lnTo>
                  <a:lnTo>
                    <a:pt x="355" y="694"/>
                  </a:lnTo>
                  <a:lnTo>
                    <a:pt x="366" y="666"/>
                  </a:lnTo>
                  <a:lnTo>
                    <a:pt x="381" y="642"/>
                  </a:lnTo>
                  <a:lnTo>
                    <a:pt x="400" y="620"/>
                  </a:lnTo>
                  <a:lnTo>
                    <a:pt x="620" y="400"/>
                  </a:lnTo>
                  <a:lnTo>
                    <a:pt x="642" y="381"/>
                  </a:lnTo>
                  <a:lnTo>
                    <a:pt x="666" y="366"/>
                  </a:lnTo>
                  <a:lnTo>
                    <a:pt x="693" y="355"/>
                  </a:lnTo>
                  <a:lnTo>
                    <a:pt x="721" y="349"/>
                  </a:lnTo>
                  <a:lnTo>
                    <a:pt x="750" y="347"/>
                  </a:lnTo>
                  <a:lnTo>
                    <a:pt x="777" y="349"/>
                  </a:lnTo>
                  <a:lnTo>
                    <a:pt x="806" y="355"/>
                  </a:lnTo>
                  <a:lnTo>
                    <a:pt x="832" y="366"/>
                  </a:lnTo>
                  <a:lnTo>
                    <a:pt x="857" y="382"/>
                  </a:lnTo>
                  <a:lnTo>
                    <a:pt x="937" y="442"/>
                  </a:lnTo>
                  <a:lnTo>
                    <a:pt x="1018" y="503"/>
                  </a:lnTo>
                  <a:lnTo>
                    <a:pt x="1025" y="507"/>
                  </a:lnTo>
                  <a:lnTo>
                    <a:pt x="1032" y="507"/>
                  </a:lnTo>
                  <a:lnTo>
                    <a:pt x="1040" y="505"/>
                  </a:lnTo>
                  <a:lnTo>
                    <a:pt x="1117" y="464"/>
                  </a:lnTo>
                  <a:lnTo>
                    <a:pt x="1197" y="428"/>
                  </a:lnTo>
                  <a:lnTo>
                    <a:pt x="1278" y="398"/>
                  </a:lnTo>
                  <a:lnTo>
                    <a:pt x="1362" y="371"/>
                  </a:lnTo>
                  <a:lnTo>
                    <a:pt x="1367" y="370"/>
                  </a:lnTo>
                  <a:lnTo>
                    <a:pt x="1370" y="367"/>
                  </a:lnTo>
                  <a:lnTo>
                    <a:pt x="1373" y="364"/>
                  </a:lnTo>
                  <a:lnTo>
                    <a:pt x="1375" y="360"/>
                  </a:lnTo>
                  <a:lnTo>
                    <a:pt x="1376" y="354"/>
                  </a:lnTo>
                  <a:lnTo>
                    <a:pt x="1390" y="254"/>
                  </a:lnTo>
                  <a:lnTo>
                    <a:pt x="1404" y="155"/>
                  </a:lnTo>
                  <a:lnTo>
                    <a:pt x="1412" y="123"/>
                  </a:lnTo>
                  <a:lnTo>
                    <a:pt x="1425" y="94"/>
                  </a:lnTo>
                  <a:lnTo>
                    <a:pt x="1444" y="67"/>
                  </a:lnTo>
                  <a:lnTo>
                    <a:pt x="1466" y="44"/>
                  </a:lnTo>
                  <a:lnTo>
                    <a:pt x="1491" y="25"/>
                  </a:lnTo>
                  <a:lnTo>
                    <a:pt x="1521" y="12"/>
                  </a:lnTo>
                  <a:lnTo>
                    <a:pt x="1551" y="3"/>
                  </a:lnTo>
                  <a:lnTo>
                    <a:pt x="1584"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sp>
          <p:nvSpPr>
            <p:cNvPr id="100" name="Freeform 33">
              <a:extLst>
                <a:ext uri="{FF2B5EF4-FFF2-40B4-BE49-F238E27FC236}">
                  <a16:creationId xmlns:a16="http://schemas.microsoft.com/office/drawing/2014/main" id="{8BFC11DD-A531-AD44-59C8-04528C6DD626}"/>
                </a:ext>
              </a:extLst>
            </p:cNvPr>
            <p:cNvSpPr>
              <a:spLocks noEditPoints="1"/>
            </p:cNvSpPr>
            <p:nvPr/>
          </p:nvSpPr>
          <p:spPr bwMode="auto">
            <a:xfrm>
              <a:off x="-847725" y="2957513"/>
              <a:ext cx="600075" cy="600075"/>
            </a:xfrm>
            <a:custGeom>
              <a:avLst/>
              <a:gdLst>
                <a:gd name="T0" fmla="*/ 636 w 1510"/>
                <a:gd name="T1" fmla="*/ 174 h 1510"/>
                <a:gd name="T2" fmla="*/ 472 w 1510"/>
                <a:gd name="T3" fmla="*/ 234 h 1510"/>
                <a:gd name="T4" fmla="*/ 336 w 1510"/>
                <a:gd name="T5" fmla="*/ 336 h 1510"/>
                <a:gd name="T6" fmla="*/ 234 w 1510"/>
                <a:gd name="T7" fmla="*/ 472 h 1510"/>
                <a:gd name="T8" fmla="*/ 174 w 1510"/>
                <a:gd name="T9" fmla="*/ 636 h 1510"/>
                <a:gd name="T10" fmla="*/ 166 w 1510"/>
                <a:gd name="T11" fmla="*/ 815 h 1510"/>
                <a:gd name="T12" fmla="*/ 209 w 1510"/>
                <a:gd name="T13" fmla="*/ 986 h 1510"/>
                <a:gd name="T14" fmla="*/ 297 w 1510"/>
                <a:gd name="T15" fmla="*/ 1131 h 1510"/>
                <a:gd name="T16" fmla="*/ 424 w 1510"/>
                <a:gd name="T17" fmla="*/ 1246 h 1510"/>
                <a:gd name="T18" fmla="*/ 579 w 1510"/>
                <a:gd name="T19" fmla="*/ 1321 h 1510"/>
                <a:gd name="T20" fmla="*/ 755 w 1510"/>
                <a:gd name="T21" fmla="*/ 1348 h 1510"/>
                <a:gd name="T22" fmla="*/ 931 w 1510"/>
                <a:gd name="T23" fmla="*/ 1321 h 1510"/>
                <a:gd name="T24" fmla="*/ 1086 w 1510"/>
                <a:gd name="T25" fmla="*/ 1246 h 1510"/>
                <a:gd name="T26" fmla="*/ 1213 w 1510"/>
                <a:gd name="T27" fmla="*/ 1131 h 1510"/>
                <a:gd name="T28" fmla="*/ 1301 w 1510"/>
                <a:gd name="T29" fmla="*/ 986 h 1510"/>
                <a:gd name="T30" fmla="*/ 1344 w 1510"/>
                <a:gd name="T31" fmla="*/ 815 h 1510"/>
                <a:gd name="T32" fmla="*/ 1336 w 1510"/>
                <a:gd name="T33" fmla="*/ 636 h 1510"/>
                <a:gd name="T34" fmla="*/ 1276 w 1510"/>
                <a:gd name="T35" fmla="*/ 472 h 1510"/>
                <a:gd name="T36" fmla="*/ 1174 w 1510"/>
                <a:gd name="T37" fmla="*/ 336 h 1510"/>
                <a:gd name="T38" fmla="*/ 1038 w 1510"/>
                <a:gd name="T39" fmla="*/ 234 h 1510"/>
                <a:gd name="T40" fmla="*/ 874 w 1510"/>
                <a:gd name="T41" fmla="*/ 174 h 1510"/>
                <a:gd name="T42" fmla="*/ 755 w 1510"/>
                <a:gd name="T43" fmla="*/ 0 h 1510"/>
                <a:gd name="T44" fmla="*/ 955 w 1510"/>
                <a:gd name="T45" fmla="*/ 26 h 1510"/>
                <a:gd name="T46" fmla="*/ 1136 w 1510"/>
                <a:gd name="T47" fmla="*/ 103 h 1510"/>
                <a:gd name="T48" fmla="*/ 1289 w 1510"/>
                <a:gd name="T49" fmla="*/ 221 h 1510"/>
                <a:gd name="T50" fmla="*/ 1407 w 1510"/>
                <a:gd name="T51" fmla="*/ 374 h 1510"/>
                <a:gd name="T52" fmla="*/ 1484 w 1510"/>
                <a:gd name="T53" fmla="*/ 555 h 1510"/>
                <a:gd name="T54" fmla="*/ 1510 w 1510"/>
                <a:gd name="T55" fmla="*/ 755 h 1510"/>
                <a:gd name="T56" fmla="*/ 1484 w 1510"/>
                <a:gd name="T57" fmla="*/ 955 h 1510"/>
                <a:gd name="T58" fmla="*/ 1407 w 1510"/>
                <a:gd name="T59" fmla="*/ 1136 h 1510"/>
                <a:gd name="T60" fmla="*/ 1289 w 1510"/>
                <a:gd name="T61" fmla="*/ 1289 h 1510"/>
                <a:gd name="T62" fmla="*/ 1136 w 1510"/>
                <a:gd name="T63" fmla="*/ 1407 h 1510"/>
                <a:gd name="T64" fmla="*/ 955 w 1510"/>
                <a:gd name="T65" fmla="*/ 1484 h 1510"/>
                <a:gd name="T66" fmla="*/ 755 w 1510"/>
                <a:gd name="T67" fmla="*/ 1510 h 1510"/>
                <a:gd name="T68" fmla="*/ 555 w 1510"/>
                <a:gd name="T69" fmla="*/ 1484 h 1510"/>
                <a:gd name="T70" fmla="*/ 374 w 1510"/>
                <a:gd name="T71" fmla="*/ 1407 h 1510"/>
                <a:gd name="T72" fmla="*/ 221 w 1510"/>
                <a:gd name="T73" fmla="*/ 1289 h 1510"/>
                <a:gd name="T74" fmla="*/ 103 w 1510"/>
                <a:gd name="T75" fmla="*/ 1136 h 1510"/>
                <a:gd name="T76" fmla="*/ 26 w 1510"/>
                <a:gd name="T77" fmla="*/ 955 h 1510"/>
                <a:gd name="T78" fmla="*/ 0 w 1510"/>
                <a:gd name="T79" fmla="*/ 755 h 1510"/>
                <a:gd name="T80" fmla="*/ 26 w 1510"/>
                <a:gd name="T81" fmla="*/ 555 h 1510"/>
                <a:gd name="T82" fmla="*/ 103 w 1510"/>
                <a:gd name="T83" fmla="*/ 374 h 1510"/>
                <a:gd name="T84" fmla="*/ 221 w 1510"/>
                <a:gd name="T85" fmla="*/ 221 h 1510"/>
                <a:gd name="T86" fmla="*/ 374 w 1510"/>
                <a:gd name="T87" fmla="*/ 103 h 1510"/>
                <a:gd name="T88" fmla="*/ 555 w 1510"/>
                <a:gd name="T89" fmla="*/ 26 h 1510"/>
                <a:gd name="T90" fmla="*/ 755 w 1510"/>
                <a:gd name="T91" fmla="*/ 0 h 15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10" h="1510">
                  <a:moveTo>
                    <a:pt x="755" y="162"/>
                  </a:moveTo>
                  <a:lnTo>
                    <a:pt x="695" y="166"/>
                  </a:lnTo>
                  <a:lnTo>
                    <a:pt x="636" y="174"/>
                  </a:lnTo>
                  <a:lnTo>
                    <a:pt x="579" y="189"/>
                  </a:lnTo>
                  <a:lnTo>
                    <a:pt x="524" y="209"/>
                  </a:lnTo>
                  <a:lnTo>
                    <a:pt x="472" y="234"/>
                  </a:lnTo>
                  <a:lnTo>
                    <a:pt x="424" y="264"/>
                  </a:lnTo>
                  <a:lnTo>
                    <a:pt x="379" y="297"/>
                  </a:lnTo>
                  <a:lnTo>
                    <a:pt x="336" y="336"/>
                  </a:lnTo>
                  <a:lnTo>
                    <a:pt x="297" y="379"/>
                  </a:lnTo>
                  <a:lnTo>
                    <a:pt x="264" y="424"/>
                  </a:lnTo>
                  <a:lnTo>
                    <a:pt x="234" y="472"/>
                  </a:lnTo>
                  <a:lnTo>
                    <a:pt x="209" y="524"/>
                  </a:lnTo>
                  <a:lnTo>
                    <a:pt x="189" y="579"/>
                  </a:lnTo>
                  <a:lnTo>
                    <a:pt x="174" y="636"/>
                  </a:lnTo>
                  <a:lnTo>
                    <a:pt x="166" y="695"/>
                  </a:lnTo>
                  <a:lnTo>
                    <a:pt x="162" y="755"/>
                  </a:lnTo>
                  <a:lnTo>
                    <a:pt x="166" y="815"/>
                  </a:lnTo>
                  <a:lnTo>
                    <a:pt x="174" y="874"/>
                  </a:lnTo>
                  <a:lnTo>
                    <a:pt x="189" y="931"/>
                  </a:lnTo>
                  <a:lnTo>
                    <a:pt x="209" y="986"/>
                  </a:lnTo>
                  <a:lnTo>
                    <a:pt x="234" y="1038"/>
                  </a:lnTo>
                  <a:lnTo>
                    <a:pt x="264" y="1086"/>
                  </a:lnTo>
                  <a:lnTo>
                    <a:pt x="297" y="1131"/>
                  </a:lnTo>
                  <a:lnTo>
                    <a:pt x="336" y="1174"/>
                  </a:lnTo>
                  <a:lnTo>
                    <a:pt x="379" y="1213"/>
                  </a:lnTo>
                  <a:lnTo>
                    <a:pt x="424" y="1246"/>
                  </a:lnTo>
                  <a:lnTo>
                    <a:pt x="472" y="1276"/>
                  </a:lnTo>
                  <a:lnTo>
                    <a:pt x="524" y="1301"/>
                  </a:lnTo>
                  <a:lnTo>
                    <a:pt x="579" y="1321"/>
                  </a:lnTo>
                  <a:lnTo>
                    <a:pt x="636" y="1336"/>
                  </a:lnTo>
                  <a:lnTo>
                    <a:pt x="695" y="1344"/>
                  </a:lnTo>
                  <a:lnTo>
                    <a:pt x="755" y="1348"/>
                  </a:lnTo>
                  <a:lnTo>
                    <a:pt x="815" y="1344"/>
                  </a:lnTo>
                  <a:lnTo>
                    <a:pt x="874" y="1336"/>
                  </a:lnTo>
                  <a:lnTo>
                    <a:pt x="931" y="1321"/>
                  </a:lnTo>
                  <a:lnTo>
                    <a:pt x="986" y="1301"/>
                  </a:lnTo>
                  <a:lnTo>
                    <a:pt x="1038" y="1276"/>
                  </a:lnTo>
                  <a:lnTo>
                    <a:pt x="1086" y="1246"/>
                  </a:lnTo>
                  <a:lnTo>
                    <a:pt x="1131" y="1213"/>
                  </a:lnTo>
                  <a:lnTo>
                    <a:pt x="1174" y="1174"/>
                  </a:lnTo>
                  <a:lnTo>
                    <a:pt x="1213" y="1131"/>
                  </a:lnTo>
                  <a:lnTo>
                    <a:pt x="1246" y="1086"/>
                  </a:lnTo>
                  <a:lnTo>
                    <a:pt x="1276" y="1038"/>
                  </a:lnTo>
                  <a:lnTo>
                    <a:pt x="1301" y="986"/>
                  </a:lnTo>
                  <a:lnTo>
                    <a:pt x="1321" y="931"/>
                  </a:lnTo>
                  <a:lnTo>
                    <a:pt x="1336" y="874"/>
                  </a:lnTo>
                  <a:lnTo>
                    <a:pt x="1344" y="815"/>
                  </a:lnTo>
                  <a:lnTo>
                    <a:pt x="1348" y="755"/>
                  </a:lnTo>
                  <a:lnTo>
                    <a:pt x="1344" y="695"/>
                  </a:lnTo>
                  <a:lnTo>
                    <a:pt x="1336" y="636"/>
                  </a:lnTo>
                  <a:lnTo>
                    <a:pt x="1321" y="579"/>
                  </a:lnTo>
                  <a:lnTo>
                    <a:pt x="1301" y="524"/>
                  </a:lnTo>
                  <a:lnTo>
                    <a:pt x="1276" y="472"/>
                  </a:lnTo>
                  <a:lnTo>
                    <a:pt x="1246" y="424"/>
                  </a:lnTo>
                  <a:lnTo>
                    <a:pt x="1213" y="379"/>
                  </a:lnTo>
                  <a:lnTo>
                    <a:pt x="1174" y="336"/>
                  </a:lnTo>
                  <a:lnTo>
                    <a:pt x="1131" y="297"/>
                  </a:lnTo>
                  <a:lnTo>
                    <a:pt x="1086" y="264"/>
                  </a:lnTo>
                  <a:lnTo>
                    <a:pt x="1038" y="234"/>
                  </a:lnTo>
                  <a:lnTo>
                    <a:pt x="986" y="209"/>
                  </a:lnTo>
                  <a:lnTo>
                    <a:pt x="931" y="189"/>
                  </a:lnTo>
                  <a:lnTo>
                    <a:pt x="874" y="174"/>
                  </a:lnTo>
                  <a:lnTo>
                    <a:pt x="815" y="166"/>
                  </a:lnTo>
                  <a:lnTo>
                    <a:pt x="755" y="162"/>
                  </a:lnTo>
                  <a:close/>
                  <a:moveTo>
                    <a:pt x="755" y="0"/>
                  </a:moveTo>
                  <a:lnTo>
                    <a:pt x="824" y="3"/>
                  </a:lnTo>
                  <a:lnTo>
                    <a:pt x="891" y="12"/>
                  </a:lnTo>
                  <a:lnTo>
                    <a:pt x="955" y="26"/>
                  </a:lnTo>
                  <a:lnTo>
                    <a:pt x="1019" y="47"/>
                  </a:lnTo>
                  <a:lnTo>
                    <a:pt x="1079" y="73"/>
                  </a:lnTo>
                  <a:lnTo>
                    <a:pt x="1136" y="103"/>
                  </a:lnTo>
                  <a:lnTo>
                    <a:pt x="1191" y="138"/>
                  </a:lnTo>
                  <a:lnTo>
                    <a:pt x="1241" y="177"/>
                  </a:lnTo>
                  <a:lnTo>
                    <a:pt x="1289" y="221"/>
                  </a:lnTo>
                  <a:lnTo>
                    <a:pt x="1333" y="269"/>
                  </a:lnTo>
                  <a:lnTo>
                    <a:pt x="1372" y="319"/>
                  </a:lnTo>
                  <a:lnTo>
                    <a:pt x="1407" y="374"/>
                  </a:lnTo>
                  <a:lnTo>
                    <a:pt x="1437" y="431"/>
                  </a:lnTo>
                  <a:lnTo>
                    <a:pt x="1463" y="491"/>
                  </a:lnTo>
                  <a:lnTo>
                    <a:pt x="1484" y="555"/>
                  </a:lnTo>
                  <a:lnTo>
                    <a:pt x="1498" y="619"/>
                  </a:lnTo>
                  <a:lnTo>
                    <a:pt x="1507" y="686"/>
                  </a:lnTo>
                  <a:lnTo>
                    <a:pt x="1510" y="755"/>
                  </a:lnTo>
                  <a:lnTo>
                    <a:pt x="1507" y="824"/>
                  </a:lnTo>
                  <a:lnTo>
                    <a:pt x="1498" y="891"/>
                  </a:lnTo>
                  <a:lnTo>
                    <a:pt x="1484" y="955"/>
                  </a:lnTo>
                  <a:lnTo>
                    <a:pt x="1463" y="1019"/>
                  </a:lnTo>
                  <a:lnTo>
                    <a:pt x="1437" y="1079"/>
                  </a:lnTo>
                  <a:lnTo>
                    <a:pt x="1407" y="1136"/>
                  </a:lnTo>
                  <a:lnTo>
                    <a:pt x="1372" y="1191"/>
                  </a:lnTo>
                  <a:lnTo>
                    <a:pt x="1333" y="1241"/>
                  </a:lnTo>
                  <a:lnTo>
                    <a:pt x="1289" y="1289"/>
                  </a:lnTo>
                  <a:lnTo>
                    <a:pt x="1241" y="1333"/>
                  </a:lnTo>
                  <a:lnTo>
                    <a:pt x="1191" y="1372"/>
                  </a:lnTo>
                  <a:lnTo>
                    <a:pt x="1136" y="1407"/>
                  </a:lnTo>
                  <a:lnTo>
                    <a:pt x="1079" y="1437"/>
                  </a:lnTo>
                  <a:lnTo>
                    <a:pt x="1019" y="1463"/>
                  </a:lnTo>
                  <a:lnTo>
                    <a:pt x="955" y="1484"/>
                  </a:lnTo>
                  <a:lnTo>
                    <a:pt x="891" y="1498"/>
                  </a:lnTo>
                  <a:lnTo>
                    <a:pt x="824" y="1507"/>
                  </a:lnTo>
                  <a:lnTo>
                    <a:pt x="755" y="1510"/>
                  </a:lnTo>
                  <a:lnTo>
                    <a:pt x="686" y="1507"/>
                  </a:lnTo>
                  <a:lnTo>
                    <a:pt x="619" y="1498"/>
                  </a:lnTo>
                  <a:lnTo>
                    <a:pt x="555" y="1484"/>
                  </a:lnTo>
                  <a:lnTo>
                    <a:pt x="491" y="1463"/>
                  </a:lnTo>
                  <a:lnTo>
                    <a:pt x="431" y="1437"/>
                  </a:lnTo>
                  <a:lnTo>
                    <a:pt x="374" y="1407"/>
                  </a:lnTo>
                  <a:lnTo>
                    <a:pt x="319" y="1372"/>
                  </a:lnTo>
                  <a:lnTo>
                    <a:pt x="269" y="1333"/>
                  </a:lnTo>
                  <a:lnTo>
                    <a:pt x="221" y="1289"/>
                  </a:lnTo>
                  <a:lnTo>
                    <a:pt x="177" y="1241"/>
                  </a:lnTo>
                  <a:lnTo>
                    <a:pt x="138" y="1191"/>
                  </a:lnTo>
                  <a:lnTo>
                    <a:pt x="103" y="1136"/>
                  </a:lnTo>
                  <a:lnTo>
                    <a:pt x="73" y="1079"/>
                  </a:lnTo>
                  <a:lnTo>
                    <a:pt x="47" y="1019"/>
                  </a:lnTo>
                  <a:lnTo>
                    <a:pt x="26" y="955"/>
                  </a:lnTo>
                  <a:lnTo>
                    <a:pt x="12" y="891"/>
                  </a:lnTo>
                  <a:lnTo>
                    <a:pt x="3" y="824"/>
                  </a:lnTo>
                  <a:lnTo>
                    <a:pt x="0" y="755"/>
                  </a:lnTo>
                  <a:lnTo>
                    <a:pt x="3" y="686"/>
                  </a:lnTo>
                  <a:lnTo>
                    <a:pt x="12" y="619"/>
                  </a:lnTo>
                  <a:lnTo>
                    <a:pt x="26" y="555"/>
                  </a:lnTo>
                  <a:lnTo>
                    <a:pt x="47" y="491"/>
                  </a:lnTo>
                  <a:lnTo>
                    <a:pt x="73" y="431"/>
                  </a:lnTo>
                  <a:lnTo>
                    <a:pt x="103" y="374"/>
                  </a:lnTo>
                  <a:lnTo>
                    <a:pt x="138" y="319"/>
                  </a:lnTo>
                  <a:lnTo>
                    <a:pt x="177" y="269"/>
                  </a:lnTo>
                  <a:lnTo>
                    <a:pt x="221" y="221"/>
                  </a:lnTo>
                  <a:lnTo>
                    <a:pt x="269" y="177"/>
                  </a:lnTo>
                  <a:lnTo>
                    <a:pt x="319" y="138"/>
                  </a:lnTo>
                  <a:lnTo>
                    <a:pt x="374" y="103"/>
                  </a:lnTo>
                  <a:lnTo>
                    <a:pt x="431" y="73"/>
                  </a:lnTo>
                  <a:lnTo>
                    <a:pt x="491" y="47"/>
                  </a:lnTo>
                  <a:lnTo>
                    <a:pt x="555" y="26"/>
                  </a:lnTo>
                  <a:lnTo>
                    <a:pt x="619" y="12"/>
                  </a:lnTo>
                  <a:lnTo>
                    <a:pt x="686" y="3"/>
                  </a:lnTo>
                  <a:lnTo>
                    <a:pt x="755"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grpSp>
      <p:grpSp>
        <p:nvGrpSpPr>
          <p:cNvPr id="101" name="Group 100">
            <a:extLst>
              <a:ext uri="{FF2B5EF4-FFF2-40B4-BE49-F238E27FC236}">
                <a16:creationId xmlns:a16="http://schemas.microsoft.com/office/drawing/2014/main" id="{41741999-769B-1E77-99B7-A40ECDC6FDB9}"/>
              </a:ext>
            </a:extLst>
          </p:cNvPr>
          <p:cNvGrpSpPr/>
          <p:nvPr/>
        </p:nvGrpSpPr>
        <p:grpSpPr>
          <a:xfrm>
            <a:off x="5590144" y="1665109"/>
            <a:ext cx="607253" cy="773199"/>
            <a:chOff x="4776788" y="1939925"/>
            <a:chExt cx="528637" cy="673100"/>
          </a:xfrm>
          <a:solidFill>
            <a:schemeClr val="bg1"/>
          </a:solidFill>
        </p:grpSpPr>
        <p:sp>
          <p:nvSpPr>
            <p:cNvPr id="102" name="Freeform 5">
              <a:extLst>
                <a:ext uri="{FF2B5EF4-FFF2-40B4-BE49-F238E27FC236}">
                  <a16:creationId xmlns:a16="http://schemas.microsoft.com/office/drawing/2014/main" id="{6C7F658E-5FF0-326C-D70F-DCDE6C4966B7}"/>
                </a:ext>
              </a:extLst>
            </p:cNvPr>
            <p:cNvSpPr>
              <a:spLocks/>
            </p:cNvSpPr>
            <p:nvPr/>
          </p:nvSpPr>
          <p:spPr bwMode="auto">
            <a:xfrm>
              <a:off x="5027613" y="2533650"/>
              <a:ext cx="26987" cy="26988"/>
            </a:xfrm>
            <a:custGeom>
              <a:avLst/>
              <a:gdLst>
                <a:gd name="T0" fmla="*/ 40 w 80"/>
                <a:gd name="T1" fmla="*/ 0 h 80"/>
                <a:gd name="T2" fmla="*/ 12 w 80"/>
                <a:gd name="T3" fmla="*/ 12 h 80"/>
                <a:gd name="T4" fmla="*/ 0 w 80"/>
                <a:gd name="T5" fmla="*/ 40 h 80"/>
                <a:gd name="T6" fmla="*/ 12 w 80"/>
                <a:gd name="T7" fmla="*/ 68 h 80"/>
                <a:gd name="T8" fmla="*/ 40 w 80"/>
                <a:gd name="T9" fmla="*/ 80 h 80"/>
                <a:gd name="T10" fmla="*/ 68 w 80"/>
                <a:gd name="T11" fmla="*/ 68 h 80"/>
                <a:gd name="T12" fmla="*/ 80 w 80"/>
                <a:gd name="T13" fmla="*/ 40 h 80"/>
                <a:gd name="T14" fmla="*/ 68 w 80"/>
                <a:gd name="T15" fmla="*/ 12 h 80"/>
                <a:gd name="T16" fmla="*/ 40 w 80"/>
                <a:gd name="T17" fmla="*/ 0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0" h="80">
                  <a:moveTo>
                    <a:pt x="40" y="0"/>
                  </a:moveTo>
                  <a:cubicBezTo>
                    <a:pt x="29" y="0"/>
                    <a:pt x="19" y="4"/>
                    <a:pt x="12" y="12"/>
                  </a:cubicBezTo>
                  <a:cubicBezTo>
                    <a:pt x="4" y="19"/>
                    <a:pt x="0" y="29"/>
                    <a:pt x="0" y="40"/>
                  </a:cubicBezTo>
                  <a:cubicBezTo>
                    <a:pt x="0" y="51"/>
                    <a:pt x="4" y="61"/>
                    <a:pt x="12" y="68"/>
                  </a:cubicBezTo>
                  <a:cubicBezTo>
                    <a:pt x="19" y="76"/>
                    <a:pt x="29" y="80"/>
                    <a:pt x="40" y="80"/>
                  </a:cubicBezTo>
                  <a:cubicBezTo>
                    <a:pt x="51" y="80"/>
                    <a:pt x="61" y="76"/>
                    <a:pt x="68" y="68"/>
                  </a:cubicBezTo>
                  <a:cubicBezTo>
                    <a:pt x="76" y="61"/>
                    <a:pt x="80" y="51"/>
                    <a:pt x="80" y="40"/>
                  </a:cubicBezTo>
                  <a:cubicBezTo>
                    <a:pt x="80" y="29"/>
                    <a:pt x="76" y="19"/>
                    <a:pt x="68" y="12"/>
                  </a:cubicBezTo>
                  <a:cubicBezTo>
                    <a:pt x="61" y="4"/>
                    <a:pt x="51" y="0"/>
                    <a:pt x="4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sp>
          <p:nvSpPr>
            <p:cNvPr id="103" name="Freeform 6">
              <a:extLst>
                <a:ext uri="{FF2B5EF4-FFF2-40B4-BE49-F238E27FC236}">
                  <a16:creationId xmlns:a16="http://schemas.microsoft.com/office/drawing/2014/main" id="{385F158E-8C76-8937-6A52-226539F0503B}"/>
                </a:ext>
              </a:extLst>
            </p:cNvPr>
            <p:cNvSpPr>
              <a:spLocks noEditPoints="1"/>
            </p:cNvSpPr>
            <p:nvPr/>
          </p:nvSpPr>
          <p:spPr bwMode="auto">
            <a:xfrm>
              <a:off x="4891088" y="2097088"/>
              <a:ext cx="120650" cy="111125"/>
            </a:xfrm>
            <a:custGeom>
              <a:avLst/>
              <a:gdLst>
                <a:gd name="T0" fmla="*/ 328 w 368"/>
                <a:gd name="T1" fmla="*/ 0 h 336"/>
                <a:gd name="T2" fmla="*/ 40 w 368"/>
                <a:gd name="T3" fmla="*/ 0 h 336"/>
                <a:gd name="T4" fmla="*/ 0 w 368"/>
                <a:gd name="T5" fmla="*/ 40 h 336"/>
                <a:gd name="T6" fmla="*/ 0 w 368"/>
                <a:gd name="T7" fmla="*/ 296 h 336"/>
                <a:gd name="T8" fmla="*/ 40 w 368"/>
                <a:gd name="T9" fmla="*/ 336 h 336"/>
                <a:gd name="T10" fmla="*/ 328 w 368"/>
                <a:gd name="T11" fmla="*/ 336 h 336"/>
                <a:gd name="T12" fmla="*/ 368 w 368"/>
                <a:gd name="T13" fmla="*/ 296 h 336"/>
                <a:gd name="T14" fmla="*/ 368 w 368"/>
                <a:gd name="T15" fmla="*/ 40 h 336"/>
                <a:gd name="T16" fmla="*/ 328 w 368"/>
                <a:gd name="T17" fmla="*/ 0 h 336"/>
                <a:gd name="T18" fmla="*/ 288 w 368"/>
                <a:gd name="T19" fmla="*/ 256 h 336"/>
                <a:gd name="T20" fmla="*/ 80 w 368"/>
                <a:gd name="T21" fmla="*/ 256 h 336"/>
                <a:gd name="T22" fmla="*/ 80 w 368"/>
                <a:gd name="T23" fmla="*/ 80 h 336"/>
                <a:gd name="T24" fmla="*/ 288 w 368"/>
                <a:gd name="T25" fmla="*/ 80 h 336"/>
                <a:gd name="T26" fmla="*/ 288 w 368"/>
                <a:gd name="T27" fmla="*/ 256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68" h="336">
                  <a:moveTo>
                    <a:pt x="328" y="0"/>
                  </a:moveTo>
                  <a:cubicBezTo>
                    <a:pt x="40" y="0"/>
                    <a:pt x="40" y="0"/>
                    <a:pt x="40" y="0"/>
                  </a:cubicBezTo>
                  <a:cubicBezTo>
                    <a:pt x="18" y="0"/>
                    <a:pt x="0" y="18"/>
                    <a:pt x="0" y="40"/>
                  </a:cubicBezTo>
                  <a:cubicBezTo>
                    <a:pt x="0" y="296"/>
                    <a:pt x="0" y="296"/>
                    <a:pt x="0" y="296"/>
                  </a:cubicBezTo>
                  <a:cubicBezTo>
                    <a:pt x="0" y="318"/>
                    <a:pt x="18" y="336"/>
                    <a:pt x="40" y="336"/>
                  </a:cubicBezTo>
                  <a:cubicBezTo>
                    <a:pt x="328" y="336"/>
                    <a:pt x="328" y="336"/>
                    <a:pt x="328" y="336"/>
                  </a:cubicBezTo>
                  <a:cubicBezTo>
                    <a:pt x="350" y="336"/>
                    <a:pt x="368" y="318"/>
                    <a:pt x="368" y="296"/>
                  </a:cubicBezTo>
                  <a:cubicBezTo>
                    <a:pt x="368" y="40"/>
                    <a:pt x="368" y="40"/>
                    <a:pt x="368" y="40"/>
                  </a:cubicBezTo>
                  <a:cubicBezTo>
                    <a:pt x="368" y="18"/>
                    <a:pt x="350" y="0"/>
                    <a:pt x="328" y="0"/>
                  </a:cubicBezTo>
                  <a:close/>
                  <a:moveTo>
                    <a:pt x="288" y="256"/>
                  </a:moveTo>
                  <a:cubicBezTo>
                    <a:pt x="80" y="256"/>
                    <a:pt x="80" y="256"/>
                    <a:pt x="80" y="256"/>
                  </a:cubicBezTo>
                  <a:cubicBezTo>
                    <a:pt x="80" y="80"/>
                    <a:pt x="80" y="80"/>
                    <a:pt x="80" y="80"/>
                  </a:cubicBezTo>
                  <a:cubicBezTo>
                    <a:pt x="288" y="80"/>
                    <a:pt x="288" y="80"/>
                    <a:pt x="288" y="80"/>
                  </a:cubicBezTo>
                  <a:lnTo>
                    <a:pt x="288" y="2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sp>
          <p:nvSpPr>
            <p:cNvPr id="104" name="Freeform 7">
              <a:extLst>
                <a:ext uri="{FF2B5EF4-FFF2-40B4-BE49-F238E27FC236}">
                  <a16:creationId xmlns:a16="http://schemas.microsoft.com/office/drawing/2014/main" id="{1F3FB704-0052-E0DB-33D1-FF71943AF21E}"/>
                </a:ext>
              </a:extLst>
            </p:cNvPr>
            <p:cNvSpPr>
              <a:spLocks noEditPoints="1"/>
            </p:cNvSpPr>
            <p:nvPr/>
          </p:nvSpPr>
          <p:spPr bwMode="auto">
            <a:xfrm>
              <a:off x="4891088" y="2241550"/>
              <a:ext cx="120650" cy="111125"/>
            </a:xfrm>
            <a:custGeom>
              <a:avLst/>
              <a:gdLst>
                <a:gd name="T0" fmla="*/ 328 w 368"/>
                <a:gd name="T1" fmla="*/ 0 h 336"/>
                <a:gd name="T2" fmla="*/ 40 w 368"/>
                <a:gd name="T3" fmla="*/ 0 h 336"/>
                <a:gd name="T4" fmla="*/ 0 w 368"/>
                <a:gd name="T5" fmla="*/ 40 h 336"/>
                <a:gd name="T6" fmla="*/ 0 w 368"/>
                <a:gd name="T7" fmla="*/ 296 h 336"/>
                <a:gd name="T8" fmla="*/ 40 w 368"/>
                <a:gd name="T9" fmla="*/ 336 h 336"/>
                <a:gd name="T10" fmla="*/ 328 w 368"/>
                <a:gd name="T11" fmla="*/ 336 h 336"/>
                <a:gd name="T12" fmla="*/ 368 w 368"/>
                <a:gd name="T13" fmla="*/ 296 h 336"/>
                <a:gd name="T14" fmla="*/ 368 w 368"/>
                <a:gd name="T15" fmla="*/ 40 h 336"/>
                <a:gd name="T16" fmla="*/ 328 w 368"/>
                <a:gd name="T17" fmla="*/ 0 h 336"/>
                <a:gd name="T18" fmla="*/ 288 w 368"/>
                <a:gd name="T19" fmla="*/ 256 h 336"/>
                <a:gd name="T20" fmla="*/ 80 w 368"/>
                <a:gd name="T21" fmla="*/ 256 h 336"/>
                <a:gd name="T22" fmla="*/ 80 w 368"/>
                <a:gd name="T23" fmla="*/ 80 h 336"/>
                <a:gd name="T24" fmla="*/ 288 w 368"/>
                <a:gd name="T25" fmla="*/ 80 h 336"/>
                <a:gd name="T26" fmla="*/ 288 w 368"/>
                <a:gd name="T27" fmla="*/ 256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68" h="336">
                  <a:moveTo>
                    <a:pt x="328" y="0"/>
                  </a:moveTo>
                  <a:cubicBezTo>
                    <a:pt x="40" y="0"/>
                    <a:pt x="40" y="0"/>
                    <a:pt x="40" y="0"/>
                  </a:cubicBezTo>
                  <a:cubicBezTo>
                    <a:pt x="18" y="0"/>
                    <a:pt x="0" y="18"/>
                    <a:pt x="0" y="40"/>
                  </a:cubicBezTo>
                  <a:cubicBezTo>
                    <a:pt x="0" y="296"/>
                    <a:pt x="0" y="296"/>
                    <a:pt x="0" y="296"/>
                  </a:cubicBezTo>
                  <a:cubicBezTo>
                    <a:pt x="0" y="318"/>
                    <a:pt x="18" y="336"/>
                    <a:pt x="40" y="336"/>
                  </a:cubicBezTo>
                  <a:cubicBezTo>
                    <a:pt x="328" y="336"/>
                    <a:pt x="328" y="336"/>
                    <a:pt x="328" y="336"/>
                  </a:cubicBezTo>
                  <a:cubicBezTo>
                    <a:pt x="350" y="336"/>
                    <a:pt x="368" y="318"/>
                    <a:pt x="368" y="296"/>
                  </a:cubicBezTo>
                  <a:cubicBezTo>
                    <a:pt x="368" y="40"/>
                    <a:pt x="368" y="40"/>
                    <a:pt x="368" y="40"/>
                  </a:cubicBezTo>
                  <a:cubicBezTo>
                    <a:pt x="368" y="18"/>
                    <a:pt x="350" y="0"/>
                    <a:pt x="328" y="0"/>
                  </a:cubicBezTo>
                  <a:close/>
                  <a:moveTo>
                    <a:pt x="288" y="256"/>
                  </a:moveTo>
                  <a:cubicBezTo>
                    <a:pt x="80" y="256"/>
                    <a:pt x="80" y="256"/>
                    <a:pt x="80" y="256"/>
                  </a:cubicBezTo>
                  <a:cubicBezTo>
                    <a:pt x="80" y="80"/>
                    <a:pt x="80" y="80"/>
                    <a:pt x="80" y="80"/>
                  </a:cubicBezTo>
                  <a:cubicBezTo>
                    <a:pt x="288" y="80"/>
                    <a:pt x="288" y="80"/>
                    <a:pt x="288" y="80"/>
                  </a:cubicBezTo>
                  <a:lnTo>
                    <a:pt x="288" y="2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sp>
          <p:nvSpPr>
            <p:cNvPr id="105" name="Freeform 8">
              <a:extLst>
                <a:ext uri="{FF2B5EF4-FFF2-40B4-BE49-F238E27FC236}">
                  <a16:creationId xmlns:a16="http://schemas.microsoft.com/office/drawing/2014/main" id="{A25AE1BC-F58C-7C69-00E3-9F2EF25E0BC1}"/>
                </a:ext>
              </a:extLst>
            </p:cNvPr>
            <p:cNvSpPr>
              <a:spLocks noEditPoints="1"/>
            </p:cNvSpPr>
            <p:nvPr/>
          </p:nvSpPr>
          <p:spPr bwMode="auto">
            <a:xfrm>
              <a:off x="4891088" y="2386013"/>
              <a:ext cx="120650" cy="111125"/>
            </a:xfrm>
            <a:custGeom>
              <a:avLst/>
              <a:gdLst>
                <a:gd name="T0" fmla="*/ 328 w 368"/>
                <a:gd name="T1" fmla="*/ 0 h 336"/>
                <a:gd name="T2" fmla="*/ 40 w 368"/>
                <a:gd name="T3" fmla="*/ 0 h 336"/>
                <a:gd name="T4" fmla="*/ 0 w 368"/>
                <a:gd name="T5" fmla="*/ 40 h 336"/>
                <a:gd name="T6" fmla="*/ 0 w 368"/>
                <a:gd name="T7" fmla="*/ 296 h 336"/>
                <a:gd name="T8" fmla="*/ 40 w 368"/>
                <a:gd name="T9" fmla="*/ 336 h 336"/>
                <a:gd name="T10" fmla="*/ 328 w 368"/>
                <a:gd name="T11" fmla="*/ 336 h 336"/>
                <a:gd name="T12" fmla="*/ 368 w 368"/>
                <a:gd name="T13" fmla="*/ 296 h 336"/>
                <a:gd name="T14" fmla="*/ 368 w 368"/>
                <a:gd name="T15" fmla="*/ 40 h 336"/>
                <a:gd name="T16" fmla="*/ 328 w 368"/>
                <a:gd name="T17" fmla="*/ 0 h 336"/>
                <a:gd name="T18" fmla="*/ 288 w 368"/>
                <a:gd name="T19" fmla="*/ 256 h 336"/>
                <a:gd name="T20" fmla="*/ 80 w 368"/>
                <a:gd name="T21" fmla="*/ 256 h 336"/>
                <a:gd name="T22" fmla="*/ 80 w 368"/>
                <a:gd name="T23" fmla="*/ 80 h 336"/>
                <a:gd name="T24" fmla="*/ 288 w 368"/>
                <a:gd name="T25" fmla="*/ 80 h 336"/>
                <a:gd name="T26" fmla="*/ 288 w 368"/>
                <a:gd name="T27" fmla="*/ 256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68" h="336">
                  <a:moveTo>
                    <a:pt x="328" y="0"/>
                  </a:moveTo>
                  <a:cubicBezTo>
                    <a:pt x="40" y="0"/>
                    <a:pt x="40" y="0"/>
                    <a:pt x="40" y="0"/>
                  </a:cubicBezTo>
                  <a:cubicBezTo>
                    <a:pt x="18" y="0"/>
                    <a:pt x="0" y="18"/>
                    <a:pt x="0" y="40"/>
                  </a:cubicBezTo>
                  <a:cubicBezTo>
                    <a:pt x="0" y="296"/>
                    <a:pt x="0" y="296"/>
                    <a:pt x="0" y="296"/>
                  </a:cubicBezTo>
                  <a:cubicBezTo>
                    <a:pt x="0" y="318"/>
                    <a:pt x="18" y="336"/>
                    <a:pt x="40" y="336"/>
                  </a:cubicBezTo>
                  <a:cubicBezTo>
                    <a:pt x="328" y="336"/>
                    <a:pt x="328" y="336"/>
                    <a:pt x="328" y="336"/>
                  </a:cubicBezTo>
                  <a:cubicBezTo>
                    <a:pt x="350" y="336"/>
                    <a:pt x="368" y="318"/>
                    <a:pt x="368" y="296"/>
                  </a:cubicBezTo>
                  <a:cubicBezTo>
                    <a:pt x="368" y="40"/>
                    <a:pt x="368" y="40"/>
                    <a:pt x="368" y="40"/>
                  </a:cubicBezTo>
                  <a:cubicBezTo>
                    <a:pt x="368" y="18"/>
                    <a:pt x="350" y="0"/>
                    <a:pt x="328" y="0"/>
                  </a:cubicBezTo>
                  <a:close/>
                  <a:moveTo>
                    <a:pt x="288" y="256"/>
                  </a:moveTo>
                  <a:cubicBezTo>
                    <a:pt x="80" y="256"/>
                    <a:pt x="80" y="256"/>
                    <a:pt x="80" y="256"/>
                  </a:cubicBezTo>
                  <a:cubicBezTo>
                    <a:pt x="80" y="80"/>
                    <a:pt x="80" y="80"/>
                    <a:pt x="80" y="80"/>
                  </a:cubicBezTo>
                  <a:cubicBezTo>
                    <a:pt x="288" y="80"/>
                    <a:pt x="288" y="80"/>
                    <a:pt x="288" y="80"/>
                  </a:cubicBezTo>
                  <a:lnTo>
                    <a:pt x="288" y="2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sp>
          <p:nvSpPr>
            <p:cNvPr id="106" name="Freeform 9">
              <a:extLst>
                <a:ext uri="{FF2B5EF4-FFF2-40B4-BE49-F238E27FC236}">
                  <a16:creationId xmlns:a16="http://schemas.microsoft.com/office/drawing/2014/main" id="{AD0FFE5C-E35E-8255-A152-11F2C38C1EDD}"/>
                </a:ext>
              </a:extLst>
            </p:cNvPr>
            <p:cNvSpPr>
              <a:spLocks/>
            </p:cNvSpPr>
            <p:nvPr/>
          </p:nvSpPr>
          <p:spPr bwMode="auto">
            <a:xfrm>
              <a:off x="5064125" y="2108200"/>
              <a:ext cx="115887" cy="87313"/>
            </a:xfrm>
            <a:custGeom>
              <a:avLst/>
              <a:gdLst>
                <a:gd name="T0" fmla="*/ 104 w 357"/>
                <a:gd name="T1" fmla="*/ 253 h 264"/>
                <a:gd name="T2" fmla="*/ 133 w 357"/>
                <a:gd name="T3" fmla="*/ 264 h 264"/>
                <a:gd name="T4" fmla="*/ 161 w 357"/>
                <a:gd name="T5" fmla="*/ 253 h 264"/>
                <a:gd name="T6" fmla="*/ 341 w 357"/>
                <a:gd name="T7" fmla="*/ 72 h 264"/>
                <a:gd name="T8" fmla="*/ 341 w 357"/>
                <a:gd name="T9" fmla="*/ 15 h 264"/>
                <a:gd name="T10" fmla="*/ 285 w 357"/>
                <a:gd name="T11" fmla="*/ 15 h 264"/>
                <a:gd name="T12" fmla="*/ 133 w 357"/>
                <a:gd name="T13" fmla="*/ 168 h 264"/>
                <a:gd name="T14" fmla="*/ 72 w 357"/>
                <a:gd name="T15" fmla="*/ 107 h 264"/>
                <a:gd name="T16" fmla="*/ 15 w 357"/>
                <a:gd name="T17" fmla="*/ 107 h 264"/>
                <a:gd name="T18" fmla="*/ 15 w 357"/>
                <a:gd name="T19" fmla="*/ 164 h 264"/>
                <a:gd name="T20" fmla="*/ 104 w 357"/>
                <a:gd name="T21" fmla="*/ 253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57" h="264">
                  <a:moveTo>
                    <a:pt x="104" y="253"/>
                  </a:moveTo>
                  <a:cubicBezTo>
                    <a:pt x="112" y="260"/>
                    <a:pt x="122" y="264"/>
                    <a:pt x="133" y="264"/>
                  </a:cubicBezTo>
                  <a:cubicBezTo>
                    <a:pt x="143" y="264"/>
                    <a:pt x="153" y="260"/>
                    <a:pt x="161" y="253"/>
                  </a:cubicBezTo>
                  <a:cubicBezTo>
                    <a:pt x="341" y="72"/>
                    <a:pt x="341" y="72"/>
                    <a:pt x="341" y="72"/>
                  </a:cubicBezTo>
                  <a:cubicBezTo>
                    <a:pt x="357" y="56"/>
                    <a:pt x="357" y="31"/>
                    <a:pt x="341" y="15"/>
                  </a:cubicBezTo>
                  <a:cubicBezTo>
                    <a:pt x="326" y="0"/>
                    <a:pt x="301" y="0"/>
                    <a:pt x="285" y="15"/>
                  </a:cubicBezTo>
                  <a:cubicBezTo>
                    <a:pt x="133" y="168"/>
                    <a:pt x="133" y="168"/>
                    <a:pt x="133" y="168"/>
                  </a:cubicBezTo>
                  <a:cubicBezTo>
                    <a:pt x="72" y="107"/>
                    <a:pt x="72" y="107"/>
                    <a:pt x="72" y="107"/>
                  </a:cubicBezTo>
                  <a:cubicBezTo>
                    <a:pt x="56" y="91"/>
                    <a:pt x="31" y="91"/>
                    <a:pt x="15" y="107"/>
                  </a:cubicBezTo>
                  <a:cubicBezTo>
                    <a:pt x="0" y="123"/>
                    <a:pt x="0" y="148"/>
                    <a:pt x="15" y="164"/>
                  </a:cubicBezTo>
                  <a:lnTo>
                    <a:pt x="104" y="25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sp>
          <p:nvSpPr>
            <p:cNvPr id="107" name="Freeform 10">
              <a:extLst>
                <a:ext uri="{FF2B5EF4-FFF2-40B4-BE49-F238E27FC236}">
                  <a16:creationId xmlns:a16="http://schemas.microsoft.com/office/drawing/2014/main" id="{A5FFED25-A4FD-2FC8-B656-CDCA935E6306}"/>
                </a:ext>
              </a:extLst>
            </p:cNvPr>
            <p:cNvSpPr>
              <a:spLocks/>
            </p:cNvSpPr>
            <p:nvPr/>
          </p:nvSpPr>
          <p:spPr bwMode="auto">
            <a:xfrm>
              <a:off x="5064125" y="2252663"/>
              <a:ext cx="115887" cy="87313"/>
            </a:xfrm>
            <a:custGeom>
              <a:avLst/>
              <a:gdLst>
                <a:gd name="T0" fmla="*/ 133 w 357"/>
                <a:gd name="T1" fmla="*/ 264 h 264"/>
                <a:gd name="T2" fmla="*/ 161 w 357"/>
                <a:gd name="T3" fmla="*/ 253 h 264"/>
                <a:gd name="T4" fmla="*/ 341 w 357"/>
                <a:gd name="T5" fmla="*/ 72 h 264"/>
                <a:gd name="T6" fmla="*/ 341 w 357"/>
                <a:gd name="T7" fmla="*/ 15 h 264"/>
                <a:gd name="T8" fmla="*/ 285 w 357"/>
                <a:gd name="T9" fmla="*/ 15 h 264"/>
                <a:gd name="T10" fmla="*/ 133 w 357"/>
                <a:gd name="T11" fmla="*/ 168 h 264"/>
                <a:gd name="T12" fmla="*/ 72 w 357"/>
                <a:gd name="T13" fmla="*/ 107 h 264"/>
                <a:gd name="T14" fmla="*/ 15 w 357"/>
                <a:gd name="T15" fmla="*/ 107 h 264"/>
                <a:gd name="T16" fmla="*/ 15 w 357"/>
                <a:gd name="T17" fmla="*/ 164 h 264"/>
                <a:gd name="T18" fmla="*/ 104 w 357"/>
                <a:gd name="T19" fmla="*/ 253 h 264"/>
                <a:gd name="T20" fmla="*/ 133 w 357"/>
                <a:gd name="T21" fmla="*/ 264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57" h="264">
                  <a:moveTo>
                    <a:pt x="133" y="264"/>
                  </a:moveTo>
                  <a:cubicBezTo>
                    <a:pt x="143" y="264"/>
                    <a:pt x="153" y="260"/>
                    <a:pt x="161" y="253"/>
                  </a:cubicBezTo>
                  <a:cubicBezTo>
                    <a:pt x="341" y="72"/>
                    <a:pt x="341" y="72"/>
                    <a:pt x="341" y="72"/>
                  </a:cubicBezTo>
                  <a:cubicBezTo>
                    <a:pt x="357" y="56"/>
                    <a:pt x="357" y="31"/>
                    <a:pt x="341" y="15"/>
                  </a:cubicBezTo>
                  <a:cubicBezTo>
                    <a:pt x="326" y="0"/>
                    <a:pt x="301" y="0"/>
                    <a:pt x="285" y="15"/>
                  </a:cubicBezTo>
                  <a:cubicBezTo>
                    <a:pt x="133" y="168"/>
                    <a:pt x="133" y="168"/>
                    <a:pt x="133" y="168"/>
                  </a:cubicBezTo>
                  <a:cubicBezTo>
                    <a:pt x="72" y="107"/>
                    <a:pt x="72" y="107"/>
                    <a:pt x="72" y="107"/>
                  </a:cubicBezTo>
                  <a:cubicBezTo>
                    <a:pt x="56" y="91"/>
                    <a:pt x="31" y="91"/>
                    <a:pt x="15" y="107"/>
                  </a:cubicBezTo>
                  <a:cubicBezTo>
                    <a:pt x="0" y="123"/>
                    <a:pt x="0" y="148"/>
                    <a:pt x="15" y="164"/>
                  </a:cubicBezTo>
                  <a:cubicBezTo>
                    <a:pt x="104" y="253"/>
                    <a:pt x="104" y="253"/>
                    <a:pt x="104" y="253"/>
                  </a:cubicBezTo>
                  <a:cubicBezTo>
                    <a:pt x="112" y="260"/>
                    <a:pt x="122" y="264"/>
                    <a:pt x="133" y="2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sp>
          <p:nvSpPr>
            <p:cNvPr id="108" name="Freeform 11">
              <a:extLst>
                <a:ext uri="{FF2B5EF4-FFF2-40B4-BE49-F238E27FC236}">
                  <a16:creationId xmlns:a16="http://schemas.microsoft.com/office/drawing/2014/main" id="{A97BD1CB-84E1-2305-74BA-AD9776E05C61}"/>
                </a:ext>
              </a:extLst>
            </p:cNvPr>
            <p:cNvSpPr>
              <a:spLocks/>
            </p:cNvSpPr>
            <p:nvPr/>
          </p:nvSpPr>
          <p:spPr bwMode="auto">
            <a:xfrm>
              <a:off x="5078413" y="2398713"/>
              <a:ext cx="87312" cy="85725"/>
            </a:xfrm>
            <a:custGeom>
              <a:avLst/>
              <a:gdLst>
                <a:gd name="T0" fmla="*/ 16 w 269"/>
                <a:gd name="T1" fmla="*/ 253 h 264"/>
                <a:gd name="T2" fmla="*/ 44 w 269"/>
                <a:gd name="T3" fmla="*/ 264 h 264"/>
                <a:gd name="T4" fmla="*/ 72 w 269"/>
                <a:gd name="T5" fmla="*/ 253 h 264"/>
                <a:gd name="T6" fmla="*/ 134 w 269"/>
                <a:gd name="T7" fmla="*/ 191 h 264"/>
                <a:gd name="T8" fmla="*/ 196 w 269"/>
                <a:gd name="T9" fmla="*/ 253 h 264"/>
                <a:gd name="T10" fmla="*/ 225 w 269"/>
                <a:gd name="T11" fmla="*/ 264 h 264"/>
                <a:gd name="T12" fmla="*/ 253 w 269"/>
                <a:gd name="T13" fmla="*/ 253 h 264"/>
                <a:gd name="T14" fmla="*/ 253 w 269"/>
                <a:gd name="T15" fmla="*/ 196 h 264"/>
                <a:gd name="T16" fmla="*/ 191 w 269"/>
                <a:gd name="T17" fmla="*/ 134 h 264"/>
                <a:gd name="T18" fmla="*/ 253 w 269"/>
                <a:gd name="T19" fmla="*/ 72 h 264"/>
                <a:gd name="T20" fmla="*/ 253 w 269"/>
                <a:gd name="T21" fmla="*/ 15 h 264"/>
                <a:gd name="T22" fmla="*/ 196 w 269"/>
                <a:gd name="T23" fmla="*/ 15 h 264"/>
                <a:gd name="T24" fmla="*/ 134 w 269"/>
                <a:gd name="T25" fmla="*/ 77 h 264"/>
                <a:gd name="T26" fmla="*/ 72 w 269"/>
                <a:gd name="T27" fmla="*/ 15 h 264"/>
                <a:gd name="T28" fmla="*/ 16 w 269"/>
                <a:gd name="T29" fmla="*/ 15 h 264"/>
                <a:gd name="T30" fmla="*/ 16 w 269"/>
                <a:gd name="T31" fmla="*/ 72 h 264"/>
                <a:gd name="T32" fmla="*/ 78 w 269"/>
                <a:gd name="T33" fmla="*/ 134 h 264"/>
                <a:gd name="T34" fmla="*/ 16 w 269"/>
                <a:gd name="T35" fmla="*/ 196 h 264"/>
                <a:gd name="T36" fmla="*/ 16 w 269"/>
                <a:gd name="T37" fmla="*/ 253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69" h="264">
                  <a:moveTo>
                    <a:pt x="16" y="253"/>
                  </a:moveTo>
                  <a:cubicBezTo>
                    <a:pt x="24" y="260"/>
                    <a:pt x="34" y="264"/>
                    <a:pt x="44" y="264"/>
                  </a:cubicBezTo>
                  <a:cubicBezTo>
                    <a:pt x="54" y="264"/>
                    <a:pt x="65" y="260"/>
                    <a:pt x="72" y="253"/>
                  </a:cubicBezTo>
                  <a:cubicBezTo>
                    <a:pt x="134" y="191"/>
                    <a:pt x="134" y="191"/>
                    <a:pt x="134" y="191"/>
                  </a:cubicBezTo>
                  <a:cubicBezTo>
                    <a:pt x="196" y="253"/>
                    <a:pt x="196" y="253"/>
                    <a:pt x="196" y="253"/>
                  </a:cubicBezTo>
                  <a:cubicBezTo>
                    <a:pt x="204" y="260"/>
                    <a:pt x="214" y="264"/>
                    <a:pt x="225" y="264"/>
                  </a:cubicBezTo>
                  <a:cubicBezTo>
                    <a:pt x="235" y="264"/>
                    <a:pt x="245" y="260"/>
                    <a:pt x="253" y="253"/>
                  </a:cubicBezTo>
                  <a:cubicBezTo>
                    <a:pt x="269" y="237"/>
                    <a:pt x="269" y="212"/>
                    <a:pt x="253" y="196"/>
                  </a:cubicBezTo>
                  <a:cubicBezTo>
                    <a:pt x="191" y="134"/>
                    <a:pt x="191" y="134"/>
                    <a:pt x="191" y="134"/>
                  </a:cubicBezTo>
                  <a:cubicBezTo>
                    <a:pt x="253" y="72"/>
                    <a:pt x="253" y="72"/>
                    <a:pt x="253" y="72"/>
                  </a:cubicBezTo>
                  <a:cubicBezTo>
                    <a:pt x="269" y="56"/>
                    <a:pt x="269" y="31"/>
                    <a:pt x="253" y="15"/>
                  </a:cubicBezTo>
                  <a:cubicBezTo>
                    <a:pt x="237" y="0"/>
                    <a:pt x="212" y="0"/>
                    <a:pt x="196" y="15"/>
                  </a:cubicBezTo>
                  <a:cubicBezTo>
                    <a:pt x="134" y="77"/>
                    <a:pt x="134" y="77"/>
                    <a:pt x="134" y="77"/>
                  </a:cubicBezTo>
                  <a:cubicBezTo>
                    <a:pt x="72" y="15"/>
                    <a:pt x="72" y="15"/>
                    <a:pt x="72" y="15"/>
                  </a:cubicBezTo>
                  <a:cubicBezTo>
                    <a:pt x="57" y="0"/>
                    <a:pt x="31" y="0"/>
                    <a:pt x="16" y="15"/>
                  </a:cubicBezTo>
                  <a:cubicBezTo>
                    <a:pt x="0" y="31"/>
                    <a:pt x="0" y="56"/>
                    <a:pt x="16" y="72"/>
                  </a:cubicBezTo>
                  <a:cubicBezTo>
                    <a:pt x="78" y="134"/>
                    <a:pt x="78" y="134"/>
                    <a:pt x="78" y="134"/>
                  </a:cubicBezTo>
                  <a:cubicBezTo>
                    <a:pt x="16" y="196"/>
                    <a:pt x="16" y="196"/>
                    <a:pt x="16" y="196"/>
                  </a:cubicBezTo>
                  <a:cubicBezTo>
                    <a:pt x="0" y="212"/>
                    <a:pt x="0" y="237"/>
                    <a:pt x="16"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sp>
          <p:nvSpPr>
            <p:cNvPr id="109" name="Freeform 12">
              <a:extLst>
                <a:ext uri="{FF2B5EF4-FFF2-40B4-BE49-F238E27FC236}">
                  <a16:creationId xmlns:a16="http://schemas.microsoft.com/office/drawing/2014/main" id="{92C81494-459D-2356-63EE-5978CF2637ED}"/>
                </a:ext>
              </a:extLst>
            </p:cNvPr>
            <p:cNvSpPr>
              <a:spLocks noEditPoints="1"/>
            </p:cNvSpPr>
            <p:nvPr/>
          </p:nvSpPr>
          <p:spPr bwMode="auto">
            <a:xfrm>
              <a:off x="4776788" y="1939925"/>
              <a:ext cx="528637" cy="673100"/>
            </a:xfrm>
            <a:custGeom>
              <a:avLst/>
              <a:gdLst>
                <a:gd name="T0" fmla="*/ 1480 w 1616"/>
                <a:gd name="T1" fmla="*/ 0 h 2048"/>
                <a:gd name="T2" fmla="*/ 136 w 1616"/>
                <a:gd name="T3" fmla="*/ 0 h 2048"/>
                <a:gd name="T4" fmla="*/ 0 w 1616"/>
                <a:gd name="T5" fmla="*/ 136 h 2048"/>
                <a:gd name="T6" fmla="*/ 0 w 1616"/>
                <a:gd name="T7" fmla="*/ 1912 h 2048"/>
                <a:gd name="T8" fmla="*/ 136 w 1616"/>
                <a:gd name="T9" fmla="*/ 2048 h 2048"/>
                <a:gd name="T10" fmla="*/ 1480 w 1616"/>
                <a:gd name="T11" fmla="*/ 2048 h 2048"/>
                <a:gd name="T12" fmla="*/ 1616 w 1616"/>
                <a:gd name="T13" fmla="*/ 1912 h 2048"/>
                <a:gd name="T14" fmla="*/ 1616 w 1616"/>
                <a:gd name="T15" fmla="*/ 1480 h 2048"/>
                <a:gd name="T16" fmla="*/ 1616 w 1616"/>
                <a:gd name="T17" fmla="*/ 1398 h 2048"/>
                <a:gd name="T18" fmla="*/ 1616 w 1616"/>
                <a:gd name="T19" fmla="*/ 136 h 2048"/>
                <a:gd name="T20" fmla="*/ 1480 w 1616"/>
                <a:gd name="T21" fmla="*/ 0 h 2048"/>
                <a:gd name="T22" fmla="*/ 547 w 1616"/>
                <a:gd name="T23" fmla="*/ 80 h 2048"/>
                <a:gd name="T24" fmla="*/ 1069 w 1616"/>
                <a:gd name="T25" fmla="*/ 80 h 2048"/>
                <a:gd name="T26" fmla="*/ 1069 w 1616"/>
                <a:gd name="T27" fmla="*/ 243 h 2048"/>
                <a:gd name="T28" fmla="*/ 1024 w 1616"/>
                <a:gd name="T29" fmla="*/ 288 h 2048"/>
                <a:gd name="T30" fmla="*/ 592 w 1616"/>
                <a:gd name="T31" fmla="*/ 288 h 2048"/>
                <a:gd name="T32" fmla="*/ 547 w 1616"/>
                <a:gd name="T33" fmla="*/ 243 h 2048"/>
                <a:gd name="T34" fmla="*/ 547 w 1616"/>
                <a:gd name="T35" fmla="*/ 80 h 2048"/>
                <a:gd name="T36" fmla="*/ 1536 w 1616"/>
                <a:gd name="T37" fmla="*/ 1480 h 2048"/>
                <a:gd name="T38" fmla="*/ 1536 w 1616"/>
                <a:gd name="T39" fmla="*/ 1912 h 2048"/>
                <a:gd name="T40" fmla="*/ 1480 w 1616"/>
                <a:gd name="T41" fmla="*/ 1968 h 2048"/>
                <a:gd name="T42" fmla="*/ 136 w 1616"/>
                <a:gd name="T43" fmla="*/ 1968 h 2048"/>
                <a:gd name="T44" fmla="*/ 80 w 1616"/>
                <a:gd name="T45" fmla="*/ 1912 h 2048"/>
                <a:gd name="T46" fmla="*/ 80 w 1616"/>
                <a:gd name="T47" fmla="*/ 136 h 2048"/>
                <a:gd name="T48" fmla="*/ 136 w 1616"/>
                <a:gd name="T49" fmla="*/ 80 h 2048"/>
                <a:gd name="T50" fmla="*/ 467 w 1616"/>
                <a:gd name="T51" fmla="*/ 80 h 2048"/>
                <a:gd name="T52" fmla="*/ 467 w 1616"/>
                <a:gd name="T53" fmla="*/ 160 h 2048"/>
                <a:gd name="T54" fmla="*/ 200 w 1616"/>
                <a:gd name="T55" fmla="*/ 160 h 2048"/>
                <a:gd name="T56" fmla="*/ 160 w 1616"/>
                <a:gd name="T57" fmla="*/ 200 h 2048"/>
                <a:gd name="T58" fmla="*/ 160 w 1616"/>
                <a:gd name="T59" fmla="*/ 1848 h 2048"/>
                <a:gd name="T60" fmla="*/ 200 w 1616"/>
                <a:gd name="T61" fmla="*/ 1888 h 2048"/>
                <a:gd name="T62" fmla="*/ 648 w 1616"/>
                <a:gd name="T63" fmla="*/ 1888 h 2048"/>
                <a:gd name="T64" fmla="*/ 688 w 1616"/>
                <a:gd name="T65" fmla="*/ 1848 h 2048"/>
                <a:gd name="T66" fmla="*/ 648 w 1616"/>
                <a:gd name="T67" fmla="*/ 1808 h 2048"/>
                <a:gd name="T68" fmla="*/ 240 w 1616"/>
                <a:gd name="T69" fmla="*/ 1808 h 2048"/>
                <a:gd name="T70" fmla="*/ 240 w 1616"/>
                <a:gd name="T71" fmla="*/ 240 h 2048"/>
                <a:gd name="T72" fmla="*/ 467 w 1616"/>
                <a:gd name="T73" fmla="*/ 240 h 2048"/>
                <a:gd name="T74" fmla="*/ 467 w 1616"/>
                <a:gd name="T75" fmla="*/ 243 h 2048"/>
                <a:gd name="T76" fmla="*/ 592 w 1616"/>
                <a:gd name="T77" fmla="*/ 368 h 2048"/>
                <a:gd name="T78" fmla="*/ 1024 w 1616"/>
                <a:gd name="T79" fmla="*/ 368 h 2048"/>
                <a:gd name="T80" fmla="*/ 1149 w 1616"/>
                <a:gd name="T81" fmla="*/ 243 h 2048"/>
                <a:gd name="T82" fmla="*/ 1149 w 1616"/>
                <a:gd name="T83" fmla="*/ 240 h 2048"/>
                <a:gd name="T84" fmla="*/ 1376 w 1616"/>
                <a:gd name="T85" fmla="*/ 240 h 2048"/>
                <a:gd name="T86" fmla="*/ 1376 w 1616"/>
                <a:gd name="T87" fmla="*/ 1398 h 2048"/>
                <a:gd name="T88" fmla="*/ 1376 w 1616"/>
                <a:gd name="T89" fmla="*/ 1480 h 2048"/>
                <a:gd name="T90" fmla="*/ 1376 w 1616"/>
                <a:gd name="T91" fmla="*/ 1808 h 2048"/>
                <a:gd name="T92" fmla="*/ 968 w 1616"/>
                <a:gd name="T93" fmla="*/ 1808 h 2048"/>
                <a:gd name="T94" fmla="*/ 928 w 1616"/>
                <a:gd name="T95" fmla="*/ 1848 h 2048"/>
                <a:gd name="T96" fmla="*/ 968 w 1616"/>
                <a:gd name="T97" fmla="*/ 1888 h 2048"/>
                <a:gd name="T98" fmla="*/ 1416 w 1616"/>
                <a:gd name="T99" fmla="*/ 1888 h 2048"/>
                <a:gd name="T100" fmla="*/ 1456 w 1616"/>
                <a:gd name="T101" fmla="*/ 1848 h 2048"/>
                <a:gd name="T102" fmla="*/ 1456 w 1616"/>
                <a:gd name="T103" fmla="*/ 1480 h 2048"/>
                <a:gd name="T104" fmla="*/ 1456 w 1616"/>
                <a:gd name="T105" fmla="*/ 1398 h 2048"/>
                <a:gd name="T106" fmla="*/ 1456 w 1616"/>
                <a:gd name="T107" fmla="*/ 200 h 2048"/>
                <a:gd name="T108" fmla="*/ 1416 w 1616"/>
                <a:gd name="T109" fmla="*/ 160 h 2048"/>
                <a:gd name="T110" fmla="*/ 1149 w 1616"/>
                <a:gd name="T111" fmla="*/ 160 h 2048"/>
                <a:gd name="T112" fmla="*/ 1149 w 1616"/>
                <a:gd name="T113" fmla="*/ 80 h 2048"/>
                <a:gd name="T114" fmla="*/ 1480 w 1616"/>
                <a:gd name="T115" fmla="*/ 80 h 2048"/>
                <a:gd name="T116" fmla="*/ 1536 w 1616"/>
                <a:gd name="T117" fmla="*/ 136 h 2048"/>
                <a:gd name="T118" fmla="*/ 1536 w 1616"/>
                <a:gd name="T119" fmla="*/ 1398 h 2048"/>
                <a:gd name="T120" fmla="*/ 1536 w 1616"/>
                <a:gd name="T121" fmla="*/ 1480 h 20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616" h="2048">
                  <a:moveTo>
                    <a:pt x="1480" y="0"/>
                  </a:moveTo>
                  <a:cubicBezTo>
                    <a:pt x="136" y="0"/>
                    <a:pt x="136" y="0"/>
                    <a:pt x="136" y="0"/>
                  </a:cubicBezTo>
                  <a:cubicBezTo>
                    <a:pt x="61" y="0"/>
                    <a:pt x="0" y="61"/>
                    <a:pt x="0" y="136"/>
                  </a:cubicBezTo>
                  <a:cubicBezTo>
                    <a:pt x="0" y="1912"/>
                    <a:pt x="0" y="1912"/>
                    <a:pt x="0" y="1912"/>
                  </a:cubicBezTo>
                  <a:cubicBezTo>
                    <a:pt x="0" y="1987"/>
                    <a:pt x="61" y="2048"/>
                    <a:pt x="136" y="2048"/>
                  </a:cubicBezTo>
                  <a:cubicBezTo>
                    <a:pt x="1480" y="2048"/>
                    <a:pt x="1480" y="2048"/>
                    <a:pt x="1480" y="2048"/>
                  </a:cubicBezTo>
                  <a:cubicBezTo>
                    <a:pt x="1555" y="2048"/>
                    <a:pt x="1616" y="1987"/>
                    <a:pt x="1616" y="1912"/>
                  </a:cubicBezTo>
                  <a:cubicBezTo>
                    <a:pt x="1616" y="1480"/>
                    <a:pt x="1616" y="1480"/>
                    <a:pt x="1616" y="1480"/>
                  </a:cubicBezTo>
                  <a:cubicBezTo>
                    <a:pt x="1616" y="1398"/>
                    <a:pt x="1616" y="1398"/>
                    <a:pt x="1616" y="1398"/>
                  </a:cubicBezTo>
                  <a:cubicBezTo>
                    <a:pt x="1616" y="136"/>
                    <a:pt x="1616" y="136"/>
                    <a:pt x="1616" y="136"/>
                  </a:cubicBezTo>
                  <a:cubicBezTo>
                    <a:pt x="1616" y="61"/>
                    <a:pt x="1555" y="0"/>
                    <a:pt x="1480" y="0"/>
                  </a:cubicBezTo>
                  <a:close/>
                  <a:moveTo>
                    <a:pt x="547" y="80"/>
                  </a:moveTo>
                  <a:cubicBezTo>
                    <a:pt x="1069" y="80"/>
                    <a:pt x="1069" y="80"/>
                    <a:pt x="1069" y="80"/>
                  </a:cubicBezTo>
                  <a:cubicBezTo>
                    <a:pt x="1069" y="243"/>
                    <a:pt x="1069" y="243"/>
                    <a:pt x="1069" y="243"/>
                  </a:cubicBezTo>
                  <a:cubicBezTo>
                    <a:pt x="1069" y="268"/>
                    <a:pt x="1048" y="288"/>
                    <a:pt x="1024" y="288"/>
                  </a:cubicBezTo>
                  <a:cubicBezTo>
                    <a:pt x="592" y="288"/>
                    <a:pt x="592" y="288"/>
                    <a:pt x="592" y="288"/>
                  </a:cubicBezTo>
                  <a:cubicBezTo>
                    <a:pt x="568" y="288"/>
                    <a:pt x="547" y="268"/>
                    <a:pt x="547" y="243"/>
                  </a:cubicBezTo>
                  <a:lnTo>
                    <a:pt x="547" y="80"/>
                  </a:lnTo>
                  <a:close/>
                  <a:moveTo>
                    <a:pt x="1536" y="1480"/>
                  </a:moveTo>
                  <a:cubicBezTo>
                    <a:pt x="1536" y="1912"/>
                    <a:pt x="1536" y="1912"/>
                    <a:pt x="1536" y="1912"/>
                  </a:cubicBezTo>
                  <a:cubicBezTo>
                    <a:pt x="1536" y="1943"/>
                    <a:pt x="1511" y="1968"/>
                    <a:pt x="1480" y="1968"/>
                  </a:cubicBezTo>
                  <a:cubicBezTo>
                    <a:pt x="136" y="1968"/>
                    <a:pt x="136" y="1968"/>
                    <a:pt x="136" y="1968"/>
                  </a:cubicBezTo>
                  <a:cubicBezTo>
                    <a:pt x="105" y="1968"/>
                    <a:pt x="80" y="1943"/>
                    <a:pt x="80" y="1912"/>
                  </a:cubicBezTo>
                  <a:cubicBezTo>
                    <a:pt x="80" y="136"/>
                    <a:pt x="80" y="136"/>
                    <a:pt x="80" y="136"/>
                  </a:cubicBezTo>
                  <a:cubicBezTo>
                    <a:pt x="80" y="105"/>
                    <a:pt x="105" y="80"/>
                    <a:pt x="136" y="80"/>
                  </a:cubicBezTo>
                  <a:cubicBezTo>
                    <a:pt x="467" y="80"/>
                    <a:pt x="467" y="80"/>
                    <a:pt x="467" y="80"/>
                  </a:cubicBezTo>
                  <a:cubicBezTo>
                    <a:pt x="467" y="160"/>
                    <a:pt x="467" y="160"/>
                    <a:pt x="467" y="160"/>
                  </a:cubicBezTo>
                  <a:cubicBezTo>
                    <a:pt x="200" y="160"/>
                    <a:pt x="200" y="160"/>
                    <a:pt x="200" y="160"/>
                  </a:cubicBezTo>
                  <a:cubicBezTo>
                    <a:pt x="178" y="160"/>
                    <a:pt x="160" y="178"/>
                    <a:pt x="160" y="200"/>
                  </a:cubicBezTo>
                  <a:cubicBezTo>
                    <a:pt x="160" y="1848"/>
                    <a:pt x="160" y="1848"/>
                    <a:pt x="160" y="1848"/>
                  </a:cubicBezTo>
                  <a:cubicBezTo>
                    <a:pt x="160" y="1870"/>
                    <a:pt x="178" y="1888"/>
                    <a:pt x="200" y="1888"/>
                  </a:cubicBezTo>
                  <a:cubicBezTo>
                    <a:pt x="648" y="1888"/>
                    <a:pt x="648" y="1888"/>
                    <a:pt x="648" y="1888"/>
                  </a:cubicBezTo>
                  <a:cubicBezTo>
                    <a:pt x="670" y="1888"/>
                    <a:pt x="688" y="1870"/>
                    <a:pt x="688" y="1848"/>
                  </a:cubicBezTo>
                  <a:cubicBezTo>
                    <a:pt x="688" y="1826"/>
                    <a:pt x="670" y="1808"/>
                    <a:pt x="648" y="1808"/>
                  </a:cubicBezTo>
                  <a:cubicBezTo>
                    <a:pt x="240" y="1808"/>
                    <a:pt x="240" y="1808"/>
                    <a:pt x="240" y="1808"/>
                  </a:cubicBezTo>
                  <a:cubicBezTo>
                    <a:pt x="240" y="240"/>
                    <a:pt x="240" y="240"/>
                    <a:pt x="240" y="240"/>
                  </a:cubicBezTo>
                  <a:cubicBezTo>
                    <a:pt x="467" y="240"/>
                    <a:pt x="467" y="240"/>
                    <a:pt x="467" y="240"/>
                  </a:cubicBezTo>
                  <a:cubicBezTo>
                    <a:pt x="467" y="243"/>
                    <a:pt x="467" y="243"/>
                    <a:pt x="467" y="243"/>
                  </a:cubicBezTo>
                  <a:cubicBezTo>
                    <a:pt x="467" y="312"/>
                    <a:pt x="523" y="368"/>
                    <a:pt x="592" y="368"/>
                  </a:cubicBezTo>
                  <a:cubicBezTo>
                    <a:pt x="1024" y="368"/>
                    <a:pt x="1024" y="368"/>
                    <a:pt x="1024" y="368"/>
                  </a:cubicBezTo>
                  <a:cubicBezTo>
                    <a:pt x="1093" y="368"/>
                    <a:pt x="1149" y="312"/>
                    <a:pt x="1149" y="243"/>
                  </a:cubicBezTo>
                  <a:cubicBezTo>
                    <a:pt x="1149" y="240"/>
                    <a:pt x="1149" y="240"/>
                    <a:pt x="1149" y="240"/>
                  </a:cubicBezTo>
                  <a:cubicBezTo>
                    <a:pt x="1376" y="240"/>
                    <a:pt x="1376" y="240"/>
                    <a:pt x="1376" y="240"/>
                  </a:cubicBezTo>
                  <a:cubicBezTo>
                    <a:pt x="1376" y="1398"/>
                    <a:pt x="1376" y="1398"/>
                    <a:pt x="1376" y="1398"/>
                  </a:cubicBezTo>
                  <a:cubicBezTo>
                    <a:pt x="1376" y="1480"/>
                    <a:pt x="1376" y="1480"/>
                    <a:pt x="1376" y="1480"/>
                  </a:cubicBezTo>
                  <a:cubicBezTo>
                    <a:pt x="1376" y="1808"/>
                    <a:pt x="1376" y="1808"/>
                    <a:pt x="1376" y="1808"/>
                  </a:cubicBezTo>
                  <a:cubicBezTo>
                    <a:pt x="968" y="1808"/>
                    <a:pt x="968" y="1808"/>
                    <a:pt x="968" y="1808"/>
                  </a:cubicBezTo>
                  <a:cubicBezTo>
                    <a:pt x="946" y="1808"/>
                    <a:pt x="928" y="1826"/>
                    <a:pt x="928" y="1848"/>
                  </a:cubicBezTo>
                  <a:cubicBezTo>
                    <a:pt x="928" y="1870"/>
                    <a:pt x="946" y="1888"/>
                    <a:pt x="968" y="1888"/>
                  </a:cubicBezTo>
                  <a:cubicBezTo>
                    <a:pt x="1416" y="1888"/>
                    <a:pt x="1416" y="1888"/>
                    <a:pt x="1416" y="1888"/>
                  </a:cubicBezTo>
                  <a:cubicBezTo>
                    <a:pt x="1438" y="1888"/>
                    <a:pt x="1456" y="1870"/>
                    <a:pt x="1456" y="1848"/>
                  </a:cubicBezTo>
                  <a:cubicBezTo>
                    <a:pt x="1456" y="1480"/>
                    <a:pt x="1456" y="1480"/>
                    <a:pt x="1456" y="1480"/>
                  </a:cubicBezTo>
                  <a:cubicBezTo>
                    <a:pt x="1456" y="1398"/>
                    <a:pt x="1456" y="1398"/>
                    <a:pt x="1456" y="1398"/>
                  </a:cubicBezTo>
                  <a:cubicBezTo>
                    <a:pt x="1456" y="200"/>
                    <a:pt x="1456" y="200"/>
                    <a:pt x="1456" y="200"/>
                  </a:cubicBezTo>
                  <a:cubicBezTo>
                    <a:pt x="1456" y="178"/>
                    <a:pt x="1438" y="160"/>
                    <a:pt x="1416" y="160"/>
                  </a:cubicBezTo>
                  <a:cubicBezTo>
                    <a:pt x="1149" y="160"/>
                    <a:pt x="1149" y="160"/>
                    <a:pt x="1149" y="160"/>
                  </a:cubicBezTo>
                  <a:cubicBezTo>
                    <a:pt x="1149" y="80"/>
                    <a:pt x="1149" y="80"/>
                    <a:pt x="1149" y="80"/>
                  </a:cubicBezTo>
                  <a:cubicBezTo>
                    <a:pt x="1480" y="80"/>
                    <a:pt x="1480" y="80"/>
                    <a:pt x="1480" y="80"/>
                  </a:cubicBezTo>
                  <a:cubicBezTo>
                    <a:pt x="1511" y="80"/>
                    <a:pt x="1536" y="105"/>
                    <a:pt x="1536" y="136"/>
                  </a:cubicBezTo>
                  <a:cubicBezTo>
                    <a:pt x="1536" y="1398"/>
                    <a:pt x="1536" y="1398"/>
                    <a:pt x="1536" y="1398"/>
                  </a:cubicBezTo>
                  <a:lnTo>
                    <a:pt x="1536" y="148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bg1"/>
                </a:solidFill>
              </a:endParaRPr>
            </a:p>
          </p:txBody>
        </p:sp>
      </p:grpSp>
    </p:spTree>
    <p:extLst>
      <p:ext uri="{BB962C8B-B14F-4D97-AF65-F5344CB8AC3E}">
        <p14:creationId xmlns:p14="http://schemas.microsoft.com/office/powerpoint/2010/main" val="409371195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DFCC26-4BB4-42AA-270A-2F964F655B00}"/>
              </a:ext>
            </a:extLst>
          </p:cNvPr>
          <p:cNvSpPr>
            <a:spLocks noGrp="1"/>
          </p:cNvSpPr>
          <p:nvPr>
            <p:ph type="title"/>
          </p:nvPr>
        </p:nvSpPr>
        <p:spPr/>
        <p:txBody>
          <a:bodyPr/>
          <a:lstStyle/>
          <a:p>
            <a:r>
              <a:rPr lang="en-US" dirty="0"/>
              <a:t>Workday Dashboards</a:t>
            </a:r>
          </a:p>
        </p:txBody>
      </p:sp>
      <p:pic>
        <p:nvPicPr>
          <p:cNvPr id="7" name="Content Placeholder 6">
            <a:extLst>
              <a:ext uri="{FF2B5EF4-FFF2-40B4-BE49-F238E27FC236}">
                <a16:creationId xmlns:a16="http://schemas.microsoft.com/office/drawing/2014/main" id="{02359790-945F-AA97-A50D-7E7E57792E4D}"/>
              </a:ext>
            </a:extLst>
          </p:cNvPr>
          <p:cNvPicPr>
            <a:picLocks noGrp="1" noChangeAspect="1"/>
          </p:cNvPicPr>
          <p:nvPr>
            <p:ph idx="1"/>
          </p:nvPr>
        </p:nvPicPr>
        <p:blipFill>
          <a:blip r:embed="rId3">
            <a:extLst>
              <a:ext uri="{28A0092B-C50C-407E-A947-70E740481C1C}">
                <a14:useLocalDpi xmlns:a14="http://schemas.microsoft.com/office/drawing/2010/main" val="0"/>
              </a:ext>
            </a:extLst>
          </a:blip>
          <a:srcRect/>
          <a:stretch/>
        </p:blipFill>
        <p:spPr>
          <a:xfrm>
            <a:off x="6652826" y="1680286"/>
            <a:ext cx="5246568" cy="3659948"/>
          </a:xfrm>
        </p:spPr>
      </p:pic>
      <p:sp>
        <p:nvSpPr>
          <p:cNvPr id="4" name="Slide Number Placeholder 3">
            <a:extLst>
              <a:ext uri="{FF2B5EF4-FFF2-40B4-BE49-F238E27FC236}">
                <a16:creationId xmlns:a16="http://schemas.microsoft.com/office/drawing/2014/main" id="{F0334BF5-0050-F3C5-F587-FAA0BE944D99}"/>
              </a:ext>
            </a:extLst>
          </p:cNvPr>
          <p:cNvSpPr>
            <a:spLocks noGrp="1"/>
          </p:cNvSpPr>
          <p:nvPr>
            <p:ph type="sldNum" sz="quarter" idx="12"/>
          </p:nvPr>
        </p:nvSpPr>
        <p:spPr/>
        <p:txBody>
          <a:bodyPr/>
          <a:lstStyle/>
          <a:p>
            <a:fld id="{FD0882FC-4526-4F55-8D94-153238F064C3}" type="slidenum">
              <a:rPr lang="en-US" smtClean="0"/>
              <a:pPr/>
              <a:t>12</a:t>
            </a:fld>
            <a:endParaRPr lang="en-US"/>
          </a:p>
        </p:txBody>
      </p:sp>
      <p:grpSp>
        <p:nvGrpSpPr>
          <p:cNvPr id="8" name="Group 7">
            <a:extLst>
              <a:ext uri="{FF2B5EF4-FFF2-40B4-BE49-F238E27FC236}">
                <a16:creationId xmlns:a16="http://schemas.microsoft.com/office/drawing/2014/main" id="{68150CBC-FFC1-F7ED-00D3-9098F1211B25}"/>
              </a:ext>
            </a:extLst>
          </p:cNvPr>
          <p:cNvGrpSpPr/>
          <p:nvPr/>
        </p:nvGrpSpPr>
        <p:grpSpPr>
          <a:xfrm>
            <a:off x="1578279" y="1642240"/>
            <a:ext cx="1690502" cy="1551972"/>
            <a:chOff x="2832243" y="986920"/>
            <a:chExt cx="1690502" cy="1551972"/>
          </a:xfrm>
        </p:grpSpPr>
        <p:sp>
          <p:nvSpPr>
            <p:cNvPr id="9" name="Freeform 24">
              <a:extLst>
                <a:ext uri="{FF2B5EF4-FFF2-40B4-BE49-F238E27FC236}">
                  <a16:creationId xmlns:a16="http://schemas.microsoft.com/office/drawing/2014/main" id="{82C686DC-8B53-7778-6678-8C7BA66FCDE8}"/>
                </a:ext>
              </a:extLst>
            </p:cNvPr>
            <p:cNvSpPr>
              <a:spLocks/>
            </p:cNvSpPr>
            <p:nvPr/>
          </p:nvSpPr>
          <p:spPr bwMode="auto">
            <a:xfrm>
              <a:off x="2832243" y="986920"/>
              <a:ext cx="1690502" cy="1551971"/>
            </a:xfrm>
            <a:custGeom>
              <a:avLst/>
              <a:gdLst>
                <a:gd name="T0" fmla="*/ 1153 w 1627"/>
                <a:gd name="T1" fmla="*/ 1209 h 1493"/>
                <a:gd name="T2" fmla="*/ 1314 w 1627"/>
                <a:gd name="T3" fmla="*/ 1280 h 1493"/>
                <a:gd name="T4" fmla="*/ 1296 w 1627"/>
                <a:gd name="T5" fmla="*/ 1105 h 1493"/>
                <a:gd name="T6" fmla="*/ 1627 w 1627"/>
                <a:gd name="T7" fmla="*/ 1007 h 1493"/>
                <a:gd name="T8" fmla="*/ 1627 w 1627"/>
                <a:gd name="T9" fmla="*/ 0 h 1493"/>
                <a:gd name="T10" fmla="*/ 0 w 1627"/>
                <a:gd name="T11" fmla="*/ 1182 h 1493"/>
                <a:gd name="T12" fmla="*/ 957 w 1627"/>
                <a:gd name="T13" fmla="*/ 1493 h 1493"/>
                <a:gd name="T14" fmla="*/ 1153 w 1627"/>
                <a:gd name="T15" fmla="*/ 1209 h 14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27" h="1493">
                  <a:moveTo>
                    <a:pt x="1153" y="1209"/>
                  </a:moveTo>
                  <a:cubicBezTo>
                    <a:pt x="1314" y="1280"/>
                    <a:pt x="1314" y="1280"/>
                    <a:pt x="1314" y="1280"/>
                  </a:cubicBezTo>
                  <a:cubicBezTo>
                    <a:pt x="1296" y="1105"/>
                    <a:pt x="1296" y="1105"/>
                    <a:pt x="1296" y="1105"/>
                  </a:cubicBezTo>
                  <a:cubicBezTo>
                    <a:pt x="1394" y="1049"/>
                    <a:pt x="1507" y="1014"/>
                    <a:pt x="1627" y="1007"/>
                  </a:cubicBezTo>
                  <a:cubicBezTo>
                    <a:pt x="1627" y="0"/>
                    <a:pt x="1627" y="0"/>
                    <a:pt x="1627" y="0"/>
                  </a:cubicBezTo>
                  <a:cubicBezTo>
                    <a:pt x="875" y="20"/>
                    <a:pt x="239" y="507"/>
                    <a:pt x="0" y="1182"/>
                  </a:cubicBezTo>
                  <a:cubicBezTo>
                    <a:pt x="957" y="1493"/>
                    <a:pt x="957" y="1493"/>
                    <a:pt x="957" y="1493"/>
                  </a:cubicBezTo>
                  <a:cubicBezTo>
                    <a:pt x="1000" y="1384"/>
                    <a:pt x="1068" y="1287"/>
                    <a:pt x="1153" y="1209"/>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Freeform 30">
              <a:extLst>
                <a:ext uri="{FF2B5EF4-FFF2-40B4-BE49-F238E27FC236}">
                  <a16:creationId xmlns:a16="http://schemas.microsoft.com/office/drawing/2014/main" id="{29EFD6DF-9B64-331A-C0A3-D1F9A97304FD}"/>
                </a:ext>
              </a:extLst>
            </p:cNvPr>
            <p:cNvSpPr>
              <a:spLocks/>
            </p:cNvSpPr>
            <p:nvPr/>
          </p:nvSpPr>
          <p:spPr bwMode="auto">
            <a:xfrm>
              <a:off x="3696844" y="1896378"/>
              <a:ext cx="825901" cy="642514"/>
            </a:xfrm>
            <a:custGeom>
              <a:avLst/>
              <a:gdLst>
                <a:gd name="T0" fmla="*/ 321 w 795"/>
                <a:gd name="T1" fmla="*/ 334 h 618"/>
                <a:gd name="T2" fmla="*/ 482 w 795"/>
                <a:gd name="T3" fmla="*/ 405 h 618"/>
                <a:gd name="T4" fmla="*/ 464 w 795"/>
                <a:gd name="T5" fmla="*/ 230 h 618"/>
                <a:gd name="T6" fmla="*/ 795 w 795"/>
                <a:gd name="T7" fmla="*/ 132 h 618"/>
                <a:gd name="T8" fmla="*/ 795 w 795"/>
                <a:gd name="T9" fmla="*/ 0 h 618"/>
                <a:gd name="T10" fmla="*/ 0 w 795"/>
                <a:gd name="T11" fmla="*/ 577 h 618"/>
                <a:gd name="T12" fmla="*/ 125 w 795"/>
                <a:gd name="T13" fmla="*/ 618 h 618"/>
                <a:gd name="T14" fmla="*/ 321 w 795"/>
                <a:gd name="T15" fmla="*/ 334 h 61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95" h="618">
                  <a:moveTo>
                    <a:pt x="321" y="334"/>
                  </a:moveTo>
                  <a:cubicBezTo>
                    <a:pt x="482" y="405"/>
                    <a:pt x="482" y="405"/>
                    <a:pt x="482" y="405"/>
                  </a:cubicBezTo>
                  <a:cubicBezTo>
                    <a:pt x="464" y="230"/>
                    <a:pt x="464" y="230"/>
                    <a:pt x="464" y="230"/>
                  </a:cubicBezTo>
                  <a:cubicBezTo>
                    <a:pt x="562" y="174"/>
                    <a:pt x="675" y="139"/>
                    <a:pt x="795" y="132"/>
                  </a:cubicBezTo>
                  <a:cubicBezTo>
                    <a:pt x="795" y="0"/>
                    <a:pt x="795" y="0"/>
                    <a:pt x="795" y="0"/>
                  </a:cubicBezTo>
                  <a:cubicBezTo>
                    <a:pt x="431" y="19"/>
                    <a:pt x="124" y="253"/>
                    <a:pt x="0" y="577"/>
                  </a:cubicBezTo>
                  <a:cubicBezTo>
                    <a:pt x="125" y="618"/>
                    <a:pt x="125" y="618"/>
                    <a:pt x="125" y="618"/>
                  </a:cubicBezTo>
                  <a:cubicBezTo>
                    <a:pt x="168" y="509"/>
                    <a:pt x="236" y="412"/>
                    <a:pt x="321" y="334"/>
                  </a:cubicBezTo>
                  <a:close/>
                </a:path>
              </a:pathLst>
            </a:custGeom>
            <a:solidFill>
              <a:schemeClr val="bg1">
                <a:alpha val="6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1" name="Group 10">
            <a:extLst>
              <a:ext uri="{FF2B5EF4-FFF2-40B4-BE49-F238E27FC236}">
                <a16:creationId xmlns:a16="http://schemas.microsoft.com/office/drawing/2014/main" id="{D151A7ED-A0F4-59E3-7336-4D8D8FB5065C}"/>
              </a:ext>
            </a:extLst>
          </p:cNvPr>
          <p:cNvGrpSpPr/>
          <p:nvPr/>
        </p:nvGrpSpPr>
        <p:grpSpPr>
          <a:xfrm>
            <a:off x="1472293" y="2965527"/>
            <a:ext cx="1335162" cy="1988230"/>
            <a:chOff x="2726257" y="2310207"/>
            <a:chExt cx="1335162" cy="1988230"/>
          </a:xfrm>
        </p:grpSpPr>
        <p:sp>
          <p:nvSpPr>
            <p:cNvPr id="12" name="Freeform 25">
              <a:extLst>
                <a:ext uri="{FF2B5EF4-FFF2-40B4-BE49-F238E27FC236}">
                  <a16:creationId xmlns:a16="http://schemas.microsoft.com/office/drawing/2014/main" id="{1B11CEDC-678D-0792-B304-EF2ABC3453D4}"/>
                </a:ext>
              </a:extLst>
            </p:cNvPr>
            <p:cNvSpPr>
              <a:spLocks/>
            </p:cNvSpPr>
            <p:nvPr/>
          </p:nvSpPr>
          <p:spPr bwMode="auto">
            <a:xfrm>
              <a:off x="2726257" y="2310207"/>
              <a:ext cx="1335162" cy="1988230"/>
            </a:xfrm>
            <a:custGeom>
              <a:avLst/>
              <a:gdLst>
                <a:gd name="T0" fmla="*/ 1075 w 1285"/>
                <a:gd name="T1" fmla="*/ 825 h 1912"/>
                <a:gd name="T2" fmla="*/ 1193 w 1285"/>
                <a:gd name="T3" fmla="*/ 693 h 1912"/>
                <a:gd name="T4" fmla="*/ 1020 w 1285"/>
                <a:gd name="T5" fmla="*/ 656 h 1912"/>
                <a:gd name="T6" fmla="*/ 1005 w 1285"/>
                <a:gd name="T7" fmla="*/ 504 h 1912"/>
                <a:gd name="T8" fmla="*/ 1029 w 1285"/>
                <a:gd name="T9" fmla="*/ 311 h 1912"/>
                <a:gd name="T10" fmla="*/ 72 w 1285"/>
                <a:gd name="T11" fmla="*/ 0 h 1912"/>
                <a:gd name="T12" fmla="*/ 0 w 1285"/>
                <a:gd name="T13" fmla="*/ 504 h 1912"/>
                <a:gd name="T14" fmla="*/ 694 w 1285"/>
                <a:gd name="T15" fmla="*/ 1912 h 1912"/>
                <a:gd name="T16" fmla="*/ 1285 w 1285"/>
                <a:gd name="T17" fmla="*/ 1098 h 1912"/>
                <a:gd name="T18" fmla="*/ 1075 w 1285"/>
                <a:gd name="T19" fmla="*/ 825 h 19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5" h="1912">
                  <a:moveTo>
                    <a:pt x="1075" y="825"/>
                  </a:moveTo>
                  <a:cubicBezTo>
                    <a:pt x="1193" y="693"/>
                    <a:pt x="1193" y="693"/>
                    <a:pt x="1193" y="693"/>
                  </a:cubicBezTo>
                  <a:cubicBezTo>
                    <a:pt x="1020" y="656"/>
                    <a:pt x="1020" y="656"/>
                    <a:pt x="1020" y="656"/>
                  </a:cubicBezTo>
                  <a:cubicBezTo>
                    <a:pt x="1010" y="607"/>
                    <a:pt x="1005" y="556"/>
                    <a:pt x="1005" y="504"/>
                  </a:cubicBezTo>
                  <a:cubicBezTo>
                    <a:pt x="1005" y="437"/>
                    <a:pt x="1014" y="373"/>
                    <a:pt x="1029" y="311"/>
                  </a:cubicBezTo>
                  <a:cubicBezTo>
                    <a:pt x="72" y="0"/>
                    <a:pt x="72" y="0"/>
                    <a:pt x="72" y="0"/>
                  </a:cubicBezTo>
                  <a:cubicBezTo>
                    <a:pt x="25" y="160"/>
                    <a:pt x="0" y="329"/>
                    <a:pt x="0" y="504"/>
                  </a:cubicBezTo>
                  <a:cubicBezTo>
                    <a:pt x="0" y="1077"/>
                    <a:pt x="272" y="1588"/>
                    <a:pt x="694" y="1912"/>
                  </a:cubicBezTo>
                  <a:cubicBezTo>
                    <a:pt x="1285" y="1098"/>
                    <a:pt x="1285" y="1098"/>
                    <a:pt x="1285" y="1098"/>
                  </a:cubicBezTo>
                  <a:cubicBezTo>
                    <a:pt x="1196" y="1025"/>
                    <a:pt x="1124" y="931"/>
                    <a:pt x="1075" y="825"/>
                  </a:cubicBezTo>
                  <a:close/>
                </a:path>
              </a:pathLst>
            </a:custGeom>
            <a:solidFill>
              <a:schemeClr val="accent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31">
              <a:extLst>
                <a:ext uri="{FF2B5EF4-FFF2-40B4-BE49-F238E27FC236}">
                  <a16:creationId xmlns:a16="http://schemas.microsoft.com/office/drawing/2014/main" id="{24DC6AC6-2087-F85C-8782-FE38FE9F0044}"/>
                </a:ext>
              </a:extLst>
            </p:cNvPr>
            <p:cNvSpPr>
              <a:spLocks/>
            </p:cNvSpPr>
            <p:nvPr/>
          </p:nvSpPr>
          <p:spPr bwMode="auto">
            <a:xfrm>
              <a:off x="3633516" y="2592104"/>
              <a:ext cx="427903" cy="971026"/>
            </a:xfrm>
            <a:custGeom>
              <a:avLst/>
              <a:gdLst>
                <a:gd name="T0" fmla="*/ 202 w 412"/>
                <a:gd name="T1" fmla="*/ 554 h 934"/>
                <a:gd name="T2" fmla="*/ 320 w 412"/>
                <a:gd name="T3" fmla="*/ 422 h 934"/>
                <a:gd name="T4" fmla="*/ 147 w 412"/>
                <a:gd name="T5" fmla="*/ 385 h 934"/>
                <a:gd name="T6" fmla="*/ 132 w 412"/>
                <a:gd name="T7" fmla="*/ 233 h 934"/>
                <a:gd name="T8" fmla="*/ 156 w 412"/>
                <a:gd name="T9" fmla="*/ 40 h 934"/>
                <a:gd name="T10" fmla="*/ 31 w 412"/>
                <a:gd name="T11" fmla="*/ 0 h 934"/>
                <a:gd name="T12" fmla="*/ 0 w 412"/>
                <a:gd name="T13" fmla="*/ 233 h 934"/>
                <a:gd name="T14" fmla="*/ 335 w 412"/>
                <a:gd name="T15" fmla="*/ 934 h 934"/>
                <a:gd name="T16" fmla="*/ 412 w 412"/>
                <a:gd name="T17" fmla="*/ 827 h 934"/>
                <a:gd name="T18" fmla="*/ 202 w 412"/>
                <a:gd name="T19" fmla="*/ 554 h 9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2" h="934">
                  <a:moveTo>
                    <a:pt x="202" y="554"/>
                  </a:moveTo>
                  <a:cubicBezTo>
                    <a:pt x="320" y="422"/>
                    <a:pt x="320" y="422"/>
                    <a:pt x="320" y="422"/>
                  </a:cubicBezTo>
                  <a:cubicBezTo>
                    <a:pt x="147" y="385"/>
                    <a:pt x="147" y="385"/>
                    <a:pt x="147" y="385"/>
                  </a:cubicBezTo>
                  <a:cubicBezTo>
                    <a:pt x="137" y="336"/>
                    <a:pt x="132" y="285"/>
                    <a:pt x="132" y="233"/>
                  </a:cubicBezTo>
                  <a:cubicBezTo>
                    <a:pt x="132" y="166"/>
                    <a:pt x="141" y="102"/>
                    <a:pt x="156" y="40"/>
                  </a:cubicBezTo>
                  <a:cubicBezTo>
                    <a:pt x="31" y="0"/>
                    <a:pt x="31" y="0"/>
                    <a:pt x="31" y="0"/>
                  </a:cubicBezTo>
                  <a:cubicBezTo>
                    <a:pt x="11" y="74"/>
                    <a:pt x="0" y="152"/>
                    <a:pt x="0" y="233"/>
                  </a:cubicBezTo>
                  <a:cubicBezTo>
                    <a:pt x="0" y="516"/>
                    <a:pt x="131" y="768"/>
                    <a:pt x="335" y="934"/>
                  </a:cubicBezTo>
                  <a:cubicBezTo>
                    <a:pt x="412" y="827"/>
                    <a:pt x="412" y="827"/>
                    <a:pt x="412" y="827"/>
                  </a:cubicBezTo>
                  <a:cubicBezTo>
                    <a:pt x="323" y="754"/>
                    <a:pt x="251" y="660"/>
                    <a:pt x="202" y="554"/>
                  </a:cubicBezTo>
                  <a:close/>
                </a:path>
              </a:pathLst>
            </a:custGeom>
            <a:solidFill>
              <a:schemeClr val="bg1">
                <a:alpha val="6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4" name="Group 13">
            <a:extLst>
              <a:ext uri="{FF2B5EF4-FFF2-40B4-BE49-F238E27FC236}">
                <a16:creationId xmlns:a16="http://schemas.microsoft.com/office/drawing/2014/main" id="{44F1C856-3D1A-0653-E321-CFA0A73A9BF8}"/>
              </a:ext>
            </a:extLst>
          </p:cNvPr>
          <p:cNvGrpSpPr/>
          <p:nvPr/>
        </p:nvGrpSpPr>
        <p:grpSpPr>
          <a:xfrm>
            <a:off x="3828617" y="2965527"/>
            <a:ext cx="1335162" cy="1988230"/>
            <a:chOff x="5082581" y="2310207"/>
            <a:chExt cx="1335162" cy="1988230"/>
          </a:xfrm>
        </p:grpSpPr>
        <p:sp>
          <p:nvSpPr>
            <p:cNvPr id="15" name="Freeform 26">
              <a:extLst>
                <a:ext uri="{FF2B5EF4-FFF2-40B4-BE49-F238E27FC236}">
                  <a16:creationId xmlns:a16="http://schemas.microsoft.com/office/drawing/2014/main" id="{B01EC15F-B275-0773-7457-83681AF6A892}"/>
                </a:ext>
              </a:extLst>
            </p:cNvPr>
            <p:cNvSpPr>
              <a:spLocks/>
            </p:cNvSpPr>
            <p:nvPr/>
          </p:nvSpPr>
          <p:spPr bwMode="auto">
            <a:xfrm>
              <a:off x="5082581" y="2310207"/>
              <a:ext cx="1335162" cy="1988230"/>
            </a:xfrm>
            <a:custGeom>
              <a:avLst/>
              <a:gdLst>
                <a:gd name="T0" fmla="*/ 1213 w 1285"/>
                <a:gd name="T1" fmla="*/ 0 h 1912"/>
                <a:gd name="T2" fmla="*/ 256 w 1285"/>
                <a:gd name="T3" fmla="*/ 311 h 1912"/>
                <a:gd name="T4" fmla="*/ 280 w 1285"/>
                <a:gd name="T5" fmla="*/ 504 h 1912"/>
                <a:gd name="T6" fmla="*/ 265 w 1285"/>
                <a:gd name="T7" fmla="*/ 656 h 1912"/>
                <a:gd name="T8" fmla="*/ 92 w 1285"/>
                <a:gd name="T9" fmla="*/ 693 h 1912"/>
                <a:gd name="T10" fmla="*/ 210 w 1285"/>
                <a:gd name="T11" fmla="*/ 825 h 1912"/>
                <a:gd name="T12" fmla="*/ 0 w 1285"/>
                <a:gd name="T13" fmla="*/ 1098 h 1912"/>
                <a:gd name="T14" fmla="*/ 592 w 1285"/>
                <a:gd name="T15" fmla="*/ 1912 h 1912"/>
                <a:gd name="T16" fmla="*/ 1285 w 1285"/>
                <a:gd name="T17" fmla="*/ 504 h 1912"/>
                <a:gd name="T18" fmla="*/ 1213 w 1285"/>
                <a:gd name="T19" fmla="*/ 0 h 19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5" h="1912">
                  <a:moveTo>
                    <a:pt x="1213" y="0"/>
                  </a:moveTo>
                  <a:cubicBezTo>
                    <a:pt x="256" y="311"/>
                    <a:pt x="256" y="311"/>
                    <a:pt x="256" y="311"/>
                  </a:cubicBezTo>
                  <a:cubicBezTo>
                    <a:pt x="272" y="373"/>
                    <a:pt x="280" y="437"/>
                    <a:pt x="280" y="504"/>
                  </a:cubicBezTo>
                  <a:cubicBezTo>
                    <a:pt x="280" y="556"/>
                    <a:pt x="275" y="607"/>
                    <a:pt x="265" y="656"/>
                  </a:cubicBezTo>
                  <a:cubicBezTo>
                    <a:pt x="92" y="693"/>
                    <a:pt x="92" y="693"/>
                    <a:pt x="92" y="693"/>
                  </a:cubicBezTo>
                  <a:cubicBezTo>
                    <a:pt x="210" y="825"/>
                    <a:pt x="210" y="825"/>
                    <a:pt x="210" y="825"/>
                  </a:cubicBezTo>
                  <a:cubicBezTo>
                    <a:pt x="161" y="931"/>
                    <a:pt x="89" y="1025"/>
                    <a:pt x="0" y="1098"/>
                  </a:cubicBezTo>
                  <a:cubicBezTo>
                    <a:pt x="592" y="1912"/>
                    <a:pt x="592" y="1912"/>
                    <a:pt x="592" y="1912"/>
                  </a:cubicBezTo>
                  <a:cubicBezTo>
                    <a:pt x="1014" y="1588"/>
                    <a:pt x="1285" y="1077"/>
                    <a:pt x="1285" y="504"/>
                  </a:cubicBezTo>
                  <a:cubicBezTo>
                    <a:pt x="1285" y="329"/>
                    <a:pt x="1260" y="160"/>
                    <a:pt x="1213" y="0"/>
                  </a:cubicBezTo>
                  <a:close/>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32">
              <a:extLst>
                <a:ext uri="{FF2B5EF4-FFF2-40B4-BE49-F238E27FC236}">
                  <a16:creationId xmlns:a16="http://schemas.microsoft.com/office/drawing/2014/main" id="{0DB13ECB-FD92-F23C-46F4-79AEF1C09FC3}"/>
                </a:ext>
              </a:extLst>
            </p:cNvPr>
            <p:cNvSpPr>
              <a:spLocks/>
            </p:cNvSpPr>
            <p:nvPr/>
          </p:nvSpPr>
          <p:spPr bwMode="auto">
            <a:xfrm>
              <a:off x="5082581" y="2592104"/>
              <a:ext cx="428343" cy="971026"/>
            </a:xfrm>
            <a:custGeom>
              <a:avLst/>
              <a:gdLst>
                <a:gd name="T0" fmla="*/ 412 w 412"/>
                <a:gd name="T1" fmla="*/ 233 h 934"/>
                <a:gd name="T2" fmla="*/ 381 w 412"/>
                <a:gd name="T3" fmla="*/ 0 h 934"/>
                <a:gd name="T4" fmla="*/ 256 w 412"/>
                <a:gd name="T5" fmla="*/ 40 h 934"/>
                <a:gd name="T6" fmla="*/ 280 w 412"/>
                <a:gd name="T7" fmla="*/ 233 h 934"/>
                <a:gd name="T8" fmla="*/ 265 w 412"/>
                <a:gd name="T9" fmla="*/ 385 h 934"/>
                <a:gd name="T10" fmla="*/ 92 w 412"/>
                <a:gd name="T11" fmla="*/ 422 h 934"/>
                <a:gd name="T12" fmla="*/ 210 w 412"/>
                <a:gd name="T13" fmla="*/ 554 h 934"/>
                <a:gd name="T14" fmla="*/ 0 w 412"/>
                <a:gd name="T15" fmla="*/ 827 h 934"/>
                <a:gd name="T16" fmla="*/ 78 w 412"/>
                <a:gd name="T17" fmla="*/ 934 h 934"/>
                <a:gd name="T18" fmla="*/ 412 w 412"/>
                <a:gd name="T19" fmla="*/ 233 h 9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2" h="934">
                  <a:moveTo>
                    <a:pt x="412" y="233"/>
                  </a:moveTo>
                  <a:cubicBezTo>
                    <a:pt x="412" y="152"/>
                    <a:pt x="401" y="74"/>
                    <a:pt x="381" y="0"/>
                  </a:cubicBezTo>
                  <a:cubicBezTo>
                    <a:pt x="256" y="40"/>
                    <a:pt x="256" y="40"/>
                    <a:pt x="256" y="40"/>
                  </a:cubicBezTo>
                  <a:cubicBezTo>
                    <a:pt x="272" y="102"/>
                    <a:pt x="280" y="166"/>
                    <a:pt x="280" y="233"/>
                  </a:cubicBezTo>
                  <a:cubicBezTo>
                    <a:pt x="280" y="285"/>
                    <a:pt x="275" y="336"/>
                    <a:pt x="265" y="385"/>
                  </a:cubicBezTo>
                  <a:cubicBezTo>
                    <a:pt x="92" y="422"/>
                    <a:pt x="92" y="422"/>
                    <a:pt x="92" y="422"/>
                  </a:cubicBezTo>
                  <a:cubicBezTo>
                    <a:pt x="210" y="554"/>
                    <a:pt x="210" y="554"/>
                    <a:pt x="210" y="554"/>
                  </a:cubicBezTo>
                  <a:cubicBezTo>
                    <a:pt x="161" y="660"/>
                    <a:pt x="89" y="754"/>
                    <a:pt x="0" y="827"/>
                  </a:cubicBezTo>
                  <a:cubicBezTo>
                    <a:pt x="78" y="934"/>
                    <a:pt x="78" y="934"/>
                    <a:pt x="78" y="934"/>
                  </a:cubicBezTo>
                  <a:cubicBezTo>
                    <a:pt x="281" y="768"/>
                    <a:pt x="412" y="516"/>
                    <a:pt x="412" y="233"/>
                  </a:cubicBezTo>
                  <a:close/>
                </a:path>
              </a:pathLst>
            </a:custGeom>
            <a:solidFill>
              <a:schemeClr val="bg1">
                <a:alpha val="6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7" name="Group 16">
            <a:extLst>
              <a:ext uri="{FF2B5EF4-FFF2-40B4-BE49-F238E27FC236}">
                <a16:creationId xmlns:a16="http://schemas.microsoft.com/office/drawing/2014/main" id="{C4475F10-0008-2456-D4C0-06AD074BF995}"/>
              </a:ext>
            </a:extLst>
          </p:cNvPr>
          <p:cNvGrpSpPr/>
          <p:nvPr/>
        </p:nvGrpSpPr>
        <p:grpSpPr>
          <a:xfrm>
            <a:off x="2273566" y="4126977"/>
            <a:ext cx="2089379" cy="1210265"/>
            <a:chOff x="3527530" y="3471657"/>
            <a:chExt cx="2089379" cy="1210265"/>
          </a:xfrm>
        </p:grpSpPr>
        <p:sp>
          <p:nvSpPr>
            <p:cNvPr id="18" name="Freeform 27">
              <a:extLst>
                <a:ext uri="{FF2B5EF4-FFF2-40B4-BE49-F238E27FC236}">
                  <a16:creationId xmlns:a16="http://schemas.microsoft.com/office/drawing/2014/main" id="{5F81B580-B25E-71E2-266E-55CCBC04B859}"/>
                </a:ext>
              </a:extLst>
            </p:cNvPr>
            <p:cNvSpPr>
              <a:spLocks/>
            </p:cNvSpPr>
            <p:nvPr/>
          </p:nvSpPr>
          <p:spPr bwMode="auto">
            <a:xfrm>
              <a:off x="3527530" y="3471657"/>
              <a:ext cx="2089379" cy="1210265"/>
            </a:xfrm>
            <a:custGeom>
              <a:avLst/>
              <a:gdLst>
                <a:gd name="T0" fmla="*/ 1094 w 2011"/>
                <a:gd name="T1" fmla="*/ 153 h 1164"/>
                <a:gd name="T2" fmla="*/ 1006 w 2011"/>
                <a:gd name="T3" fmla="*/ 0 h 1164"/>
                <a:gd name="T4" fmla="*/ 917 w 2011"/>
                <a:gd name="T5" fmla="*/ 153 h 1164"/>
                <a:gd name="T6" fmla="*/ 592 w 2011"/>
                <a:gd name="T7" fmla="*/ 38 h 1164"/>
                <a:gd name="T8" fmla="*/ 0 w 2011"/>
                <a:gd name="T9" fmla="*/ 852 h 1164"/>
                <a:gd name="T10" fmla="*/ 1006 w 2011"/>
                <a:gd name="T11" fmla="*/ 1164 h 1164"/>
                <a:gd name="T12" fmla="*/ 2011 w 2011"/>
                <a:gd name="T13" fmla="*/ 852 h 1164"/>
                <a:gd name="T14" fmla="*/ 1419 w 2011"/>
                <a:gd name="T15" fmla="*/ 38 h 1164"/>
                <a:gd name="T16" fmla="*/ 1094 w 2011"/>
                <a:gd name="T17" fmla="*/ 153 h 11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11" h="1164">
                  <a:moveTo>
                    <a:pt x="1094" y="153"/>
                  </a:moveTo>
                  <a:cubicBezTo>
                    <a:pt x="1006" y="0"/>
                    <a:pt x="1006" y="0"/>
                    <a:pt x="1006" y="0"/>
                  </a:cubicBezTo>
                  <a:cubicBezTo>
                    <a:pt x="917" y="153"/>
                    <a:pt x="917" y="153"/>
                    <a:pt x="917" y="153"/>
                  </a:cubicBezTo>
                  <a:cubicBezTo>
                    <a:pt x="798" y="139"/>
                    <a:pt x="688" y="99"/>
                    <a:pt x="592" y="38"/>
                  </a:cubicBezTo>
                  <a:cubicBezTo>
                    <a:pt x="0" y="852"/>
                    <a:pt x="0" y="852"/>
                    <a:pt x="0" y="852"/>
                  </a:cubicBezTo>
                  <a:cubicBezTo>
                    <a:pt x="286" y="1048"/>
                    <a:pt x="632" y="1164"/>
                    <a:pt x="1006" y="1164"/>
                  </a:cubicBezTo>
                  <a:cubicBezTo>
                    <a:pt x="1379" y="1164"/>
                    <a:pt x="1725" y="1048"/>
                    <a:pt x="2011" y="852"/>
                  </a:cubicBezTo>
                  <a:cubicBezTo>
                    <a:pt x="1419" y="38"/>
                    <a:pt x="1419" y="38"/>
                    <a:pt x="1419" y="38"/>
                  </a:cubicBezTo>
                  <a:cubicBezTo>
                    <a:pt x="1323" y="99"/>
                    <a:pt x="1213" y="139"/>
                    <a:pt x="1094" y="153"/>
                  </a:cubicBezTo>
                  <a:close/>
                </a:path>
              </a:pathLst>
            </a:custGeom>
            <a:solidFill>
              <a:schemeClr val="accent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33">
              <a:extLst>
                <a:ext uri="{FF2B5EF4-FFF2-40B4-BE49-F238E27FC236}">
                  <a16:creationId xmlns:a16="http://schemas.microsoft.com/office/drawing/2014/main" id="{04C3C945-2EA6-5E28-1A7E-D9D1EFC928DD}"/>
                </a:ext>
              </a:extLst>
            </p:cNvPr>
            <p:cNvSpPr>
              <a:spLocks/>
            </p:cNvSpPr>
            <p:nvPr/>
          </p:nvSpPr>
          <p:spPr bwMode="auto">
            <a:xfrm>
              <a:off x="4061419" y="3471657"/>
              <a:ext cx="1021162" cy="301687"/>
            </a:xfrm>
            <a:custGeom>
              <a:avLst/>
              <a:gdLst>
                <a:gd name="T0" fmla="*/ 580 w 983"/>
                <a:gd name="T1" fmla="*/ 153 h 290"/>
                <a:gd name="T2" fmla="*/ 492 w 983"/>
                <a:gd name="T3" fmla="*/ 0 h 290"/>
                <a:gd name="T4" fmla="*/ 403 w 983"/>
                <a:gd name="T5" fmla="*/ 153 h 290"/>
                <a:gd name="T6" fmla="*/ 78 w 983"/>
                <a:gd name="T7" fmla="*/ 38 h 290"/>
                <a:gd name="T8" fmla="*/ 0 w 983"/>
                <a:gd name="T9" fmla="*/ 144 h 290"/>
                <a:gd name="T10" fmla="*/ 492 w 983"/>
                <a:gd name="T11" fmla="*/ 290 h 290"/>
                <a:gd name="T12" fmla="*/ 983 w 983"/>
                <a:gd name="T13" fmla="*/ 144 h 290"/>
                <a:gd name="T14" fmla="*/ 905 w 983"/>
                <a:gd name="T15" fmla="*/ 38 h 290"/>
                <a:gd name="T16" fmla="*/ 580 w 983"/>
                <a:gd name="T17" fmla="*/ 153 h 2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3" h="290">
                  <a:moveTo>
                    <a:pt x="580" y="153"/>
                  </a:moveTo>
                  <a:cubicBezTo>
                    <a:pt x="492" y="0"/>
                    <a:pt x="492" y="0"/>
                    <a:pt x="492" y="0"/>
                  </a:cubicBezTo>
                  <a:cubicBezTo>
                    <a:pt x="403" y="153"/>
                    <a:pt x="403" y="153"/>
                    <a:pt x="403" y="153"/>
                  </a:cubicBezTo>
                  <a:cubicBezTo>
                    <a:pt x="284" y="139"/>
                    <a:pt x="174" y="99"/>
                    <a:pt x="78" y="38"/>
                  </a:cubicBezTo>
                  <a:cubicBezTo>
                    <a:pt x="0" y="144"/>
                    <a:pt x="0" y="144"/>
                    <a:pt x="0" y="144"/>
                  </a:cubicBezTo>
                  <a:cubicBezTo>
                    <a:pt x="142" y="236"/>
                    <a:pt x="310" y="290"/>
                    <a:pt x="492" y="290"/>
                  </a:cubicBezTo>
                  <a:cubicBezTo>
                    <a:pt x="673" y="290"/>
                    <a:pt x="841" y="236"/>
                    <a:pt x="983" y="144"/>
                  </a:cubicBezTo>
                  <a:cubicBezTo>
                    <a:pt x="905" y="38"/>
                    <a:pt x="905" y="38"/>
                    <a:pt x="905" y="38"/>
                  </a:cubicBezTo>
                  <a:cubicBezTo>
                    <a:pt x="809" y="99"/>
                    <a:pt x="699" y="139"/>
                    <a:pt x="580" y="153"/>
                  </a:cubicBezTo>
                  <a:close/>
                </a:path>
              </a:pathLst>
            </a:custGeom>
            <a:solidFill>
              <a:schemeClr val="bg1">
                <a:alpha val="6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20" name="Group 19">
            <a:extLst>
              <a:ext uri="{FF2B5EF4-FFF2-40B4-BE49-F238E27FC236}">
                <a16:creationId xmlns:a16="http://schemas.microsoft.com/office/drawing/2014/main" id="{D8FEEFB0-96D0-3C3B-25BD-986ED863E8BD}"/>
              </a:ext>
            </a:extLst>
          </p:cNvPr>
          <p:cNvGrpSpPr/>
          <p:nvPr/>
        </p:nvGrpSpPr>
        <p:grpSpPr>
          <a:xfrm>
            <a:off x="3368610" y="1642240"/>
            <a:ext cx="1690502" cy="1551972"/>
            <a:chOff x="4622574" y="986920"/>
            <a:chExt cx="1690502" cy="1551972"/>
          </a:xfrm>
        </p:grpSpPr>
        <p:sp>
          <p:nvSpPr>
            <p:cNvPr id="21" name="Freeform 28">
              <a:extLst>
                <a:ext uri="{FF2B5EF4-FFF2-40B4-BE49-F238E27FC236}">
                  <a16:creationId xmlns:a16="http://schemas.microsoft.com/office/drawing/2014/main" id="{3050D6E0-8954-E44E-33EB-CEF5257F499C}"/>
                </a:ext>
              </a:extLst>
            </p:cNvPr>
            <p:cNvSpPr>
              <a:spLocks/>
            </p:cNvSpPr>
            <p:nvPr/>
          </p:nvSpPr>
          <p:spPr bwMode="auto">
            <a:xfrm>
              <a:off x="4622574" y="986920"/>
              <a:ext cx="1690502" cy="1551971"/>
            </a:xfrm>
            <a:custGeom>
              <a:avLst/>
              <a:gdLst>
                <a:gd name="T0" fmla="*/ 312 w 1627"/>
                <a:gd name="T1" fmla="*/ 1280 h 1493"/>
                <a:gd name="T2" fmla="*/ 473 w 1627"/>
                <a:gd name="T3" fmla="*/ 1209 h 1493"/>
                <a:gd name="T4" fmla="*/ 669 w 1627"/>
                <a:gd name="T5" fmla="*/ 1493 h 1493"/>
                <a:gd name="T6" fmla="*/ 1627 w 1627"/>
                <a:gd name="T7" fmla="*/ 1182 h 1493"/>
                <a:gd name="T8" fmla="*/ 0 w 1627"/>
                <a:gd name="T9" fmla="*/ 0 h 1493"/>
                <a:gd name="T10" fmla="*/ 0 w 1627"/>
                <a:gd name="T11" fmla="*/ 1007 h 1493"/>
                <a:gd name="T12" fmla="*/ 331 w 1627"/>
                <a:gd name="T13" fmla="*/ 1105 h 1493"/>
                <a:gd name="T14" fmla="*/ 312 w 1627"/>
                <a:gd name="T15" fmla="*/ 1280 h 14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27" h="1493">
                  <a:moveTo>
                    <a:pt x="312" y="1280"/>
                  </a:moveTo>
                  <a:cubicBezTo>
                    <a:pt x="473" y="1209"/>
                    <a:pt x="473" y="1209"/>
                    <a:pt x="473" y="1209"/>
                  </a:cubicBezTo>
                  <a:cubicBezTo>
                    <a:pt x="559" y="1287"/>
                    <a:pt x="626" y="1384"/>
                    <a:pt x="669" y="1493"/>
                  </a:cubicBezTo>
                  <a:cubicBezTo>
                    <a:pt x="1627" y="1182"/>
                    <a:pt x="1627" y="1182"/>
                    <a:pt x="1627" y="1182"/>
                  </a:cubicBezTo>
                  <a:cubicBezTo>
                    <a:pt x="1387" y="507"/>
                    <a:pt x="752" y="20"/>
                    <a:pt x="0" y="0"/>
                  </a:cubicBezTo>
                  <a:cubicBezTo>
                    <a:pt x="0" y="1007"/>
                    <a:pt x="0" y="1007"/>
                    <a:pt x="0" y="1007"/>
                  </a:cubicBezTo>
                  <a:cubicBezTo>
                    <a:pt x="119" y="1014"/>
                    <a:pt x="232" y="1049"/>
                    <a:pt x="331" y="1105"/>
                  </a:cubicBezTo>
                  <a:lnTo>
                    <a:pt x="312" y="1280"/>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34">
              <a:extLst>
                <a:ext uri="{FF2B5EF4-FFF2-40B4-BE49-F238E27FC236}">
                  <a16:creationId xmlns:a16="http://schemas.microsoft.com/office/drawing/2014/main" id="{4B51A163-9E50-D152-0634-54D2DA4666FF}"/>
                </a:ext>
              </a:extLst>
            </p:cNvPr>
            <p:cNvSpPr>
              <a:spLocks/>
            </p:cNvSpPr>
            <p:nvPr/>
          </p:nvSpPr>
          <p:spPr bwMode="auto">
            <a:xfrm>
              <a:off x="4622574" y="1896378"/>
              <a:ext cx="825901" cy="642514"/>
            </a:xfrm>
            <a:custGeom>
              <a:avLst/>
              <a:gdLst>
                <a:gd name="T0" fmla="*/ 331 w 795"/>
                <a:gd name="T1" fmla="*/ 230 h 618"/>
                <a:gd name="T2" fmla="*/ 312 w 795"/>
                <a:gd name="T3" fmla="*/ 405 h 618"/>
                <a:gd name="T4" fmla="*/ 473 w 795"/>
                <a:gd name="T5" fmla="*/ 334 h 618"/>
                <a:gd name="T6" fmla="*/ 669 w 795"/>
                <a:gd name="T7" fmla="*/ 618 h 618"/>
                <a:gd name="T8" fmla="*/ 795 w 795"/>
                <a:gd name="T9" fmla="*/ 577 h 618"/>
                <a:gd name="T10" fmla="*/ 0 w 795"/>
                <a:gd name="T11" fmla="*/ 0 h 618"/>
                <a:gd name="T12" fmla="*/ 0 w 795"/>
                <a:gd name="T13" fmla="*/ 132 h 618"/>
                <a:gd name="T14" fmla="*/ 331 w 795"/>
                <a:gd name="T15" fmla="*/ 230 h 61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95" h="618">
                  <a:moveTo>
                    <a:pt x="331" y="230"/>
                  </a:moveTo>
                  <a:cubicBezTo>
                    <a:pt x="312" y="405"/>
                    <a:pt x="312" y="405"/>
                    <a:pt x="312" y="405"/>
                  </a:cubicBezTo>
                  <a:cubicBezTo>
                    <a:pt x="473" y="334"/>
                    <a:pt x="473" y="334"/>
                    <a:pt x="473" y="334"/>
                  </a:cubicBezTo>
                  <a:cubicBezTo>
                    <a:pt x="559" y="412"/>
                    <a:pt x="626" y="509"/>
                    <a:pt x="669" y="618"/>
                  </a:cubicBezTo>
                  <a:cubicBezTo>
                    <a:pt x="795" y="577"/>
                    <a:pt x="795" y="577"/>
                    <a:pt x="795" y="577"/>
                  </a:cubicBezTo>
                  <a:cubicBezTo>
                    <a:pt x="670" y="253"/>
                    <a:pt x="363" y="19"/>
                    <a:pt x="0" y="0"/>
                  </a:cubicBezTo>
                  <a:cubicBezTo>
                    <a:pt x="0" y="132"/>
                    <a:pt x="0" y="132"/>
                    <a:pt x="0" y="132"/>
                  </a:cubicBezTo>
                  <a:cubicBezTo>
                    <a:pt x="119" y="139"/>
                    <a:pt x="232" y="174"/>
                    <a:pt x="331" y="230"/>
                  </a:cubicBezTo>
                  <a:close/>
                </a:path>
              </a:pathLst>
            </a:custGeom>
            <a:solidFill>
              <a:schemeClr val="bg1">
                <a:alpha val="6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23" name="Freeform 231">
            <a:extLst>
              <a:ext uri="{FF2B5EF4-FFF2-40B4-BE49-F238E27FC236}">
                <a16:creationId xmlns:a16="http://schemas.microsoft.com/office/drawing/2014/main" id="{EFF74E50-BFBC-DE7C-2A8F-993C28DA4C3D}"/>
              </a:ext>
            </a:extLst>
          </p:cNvPr>
          <p:cNvSpPr>
            <a:spLocks noEditPoints="1"/>
          </p:cNvSpPr>
          <p:nvPr/>
        </p:nvSpPr>
        <p:spPr bwMode="auto">
          <a:xfrm>
            <a:off x="2850813" y="3025140"/>
            <a:ext cx="934446" cy="928322"/>
          </a:xfrm>
          <a:custGeom>
            <a:avLst/>
            <a:gdLst>
              <a:gd name="T0" fmla="*/ 158 w 192"/>
              <a:gd name="T1" fmla="*/ 70 h 192"/>
              <a:gd name="T2" fmla="*/ 175 w 192"/>
              <a:gd name="T3" fmla="*/ 44 h 192"/>
              <a:gd name="T4" fmla="*/ 140 w 192"/>
              <a:gd name="T5" fmla="*/ 20 h 192"/>
              <a:gd name="T6" fmla="*/ 119 w 192"/>
              <a:gd name="T7" fmla="*/ 29 h 192"/>
              <a:gd name="T8" fmla="*/ 85 w 192"/>
              <a:gd name="T9" fmla="*/ 0 h 192"/>
              <a:gd name="T10" fmla="*/ 71 w 192"/>
              <a:gd name="T11" fmla="*/ 34 h 192"/>
              <a:gd name="T12" fmla="*/ 52 w 192"/>
              <a:gd name="T13" fmla="*/ 20 h 192"/>
              <a:gd name="T14" fmla="*/ 17 w 192"/>
              <a:gd name="T15" fmla="*/ 44 h 192"/>
              <a:gd name="T16" fmla="*/ 34 w 192"/>
              <a:gd name="T17" fmla="*/ 70 h 192"/>
              <a:gd name="T18" fmla="*/ 0 w 192"/>
              <a:gd name="T19" fmla="*/ 85 h 192"/>
              <a:gd name="T20" fmla="*/ 29 w 192"/>
              <a:gd name="T21" fmla="*/ 119 h 192"/>
              <a:gd name="T22" fmla="*/ 20 w 192"/>
              <a:gd name="T23" fmla="*/ 140 h 192"/>
              <a:gd name="T24" fmla="*/ 36 w 192"/>
              <a:gd name="T25" fmla="*/ 172 h 192"/>
              <a:gd name="T26" fmla="*/ 70 w 192"/>
              <a:gd name="T27" fmla="*/ 158 h 192"/>
              <a:gd name="T28" fmla="*/ 85 w 192"/>
              <a:gd name="T29" fmla="*/ 192 h 192"/>
              <a:gd name="T30" fmla="*/ 119 w 192"/>
              <a:gd name="T31" fmla="*/ 163 h 192"/>
              <a:gd name="T32" fmla="*/ 140 w 192"/>
              <a:gd name="T33" fmla="*/ 172 h 192"/>
              <a:gd name="T34" fmla="*/ 175 w 192"/>
              <a:gd name="T35" fmla="*/ 148 h 192"/>
              <a:gd name="T36" fmla="*/ 158 w 192"/>
              <a:gd name="T37" fmla="*/ 122 h 192"/>
              <a:gd name="T38" fmla="*/ 192 w 192"/>
              <a:gd name="T39" fmla="*/ 107 h 192"/>
              <a:gd name="T40" fmla="*/ 149 w 192"/>
              <a:gd name="T41" fmla="*/ 118 h 192"/>
              <a:gd name="T42" fmla="*/ 165 w 192"/>
              <a:gd name="T43" fmla="*/ 148 h 192"/>
              <a:gd name="T44" fmla="*/ 147 w 192"/>
              <a:gd name="T45" fmla="*/ 165 h 192"/>
              <a:gd name="T46" fmla="*/ 109 w 192"/>
              <a:gd name="T47" fmla="*/ 163 h 192"/>
              <a:gd name="T48" fmla="*/ 85 w 192"/>
              <a:gd name="T49" fmla="*/ 182 h 192"/>
              <a:gd name="T50" fmla="*/ 74 w 192"/>
              <a:gd name="T51" fmla="*/ 149 h 192"/>
              <a:gd name="T52" fmla="*/ 45 w 192"/>
              <a:gd name="T53" fmla="*/ 165 h 192"/>
              <a:gd name="T54" fmla="*/ 27 w 192"/>
              <a:gd name="T55" fmla="*/ 148 h 192"/>
              <a:gd name="T56" fmla="*/ 43 w 192"/>
              <a:gd name="T57" fmla="*/ 118 h 192"/>
              <a:gd name="T58" fmla="*/ 10 w 192"/>
              <a:gd name="T59" fmla="*/ 107 h 192"/>
              <a:gd name="T60" fmla="*/ 29 w 192"/>
              <a:gd name="T61" fmla="*/ 84 h 192"/>
              <a:gd name="T62" fmla="*/ 27 w 192"/>
              <a:gd name="T63" fmla="*/ 45 h 192"/>
              <a:gd name="T64" fmla="*/ 43 w 192"/>
              <a:gd name="T65" fmla="*/ 27 h 192"/>
              <a:gd name="T66" fmla="*/ 74 w 192"/>
              <a:gd name="T67" fmla="*/ 43 h 192"/>
              <a:gd name="T68" fmla="*/ 85 w 192"/>
              <a:gd name="T69" fmla="*/ 10 h 192"/>
              <a:gd name="T70" fmla="*/ 109 w 192"/>
              <a:gd name="T71" fmla="*/ 29 h 192"/>
              <a:gd name="T72" fmla="*/ 147 w 192"/>
              <a:gd name="T73" fmla="*/ 27 h 192"/>
              <a:gd name="T74" fmla="*/ 165 w 192"/>
              <a:gd name="T75" fmla="*/ 45 h 192"/>
              <a:gd name="T76" fmla="*/ 163 w 192"/>
              <a:gd name="T77" fmla="*/ 84 h 192"/>
              <a:gd name="T78" fmla="*/ 182 w 192"/>
              <a:gd name="T79" fmla="*/ 107 h 192"/>
              <a:gd name="T80" fmla="*/ 149 w 192"/>
              <a:gd name="T81" fmla="*/ 118 h 192"/>
              <a:gd name="T82" fmla="*/ 96 w 192"/>
              <a:gd name="T83" fmla="*/ 129 h 192"/>
              <a:gd name="T84" fmla="*/ 96 w 192"/>
              <a:gd name="T85" fmla="*/ 119 h 192"/>
              <a:gd name="T86" fmla="*/ 119 w 192"/>
              <a:gd name="T87" fmla="*/ 96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92" h="192">
                <a:moveTo>
                  <a:pt x="181" y="74"/>
                </a:moveTo>
                <a:cubicBezTo>
                  <a:pt x="163" y="74"/>
                  <a:pt x="163" y="74"/>
                  <a:pt x="163" y="74"/>
                </a:cubicBezTo>
                <a:cubicBezTo>
                  <a:pt x="161" y="74"/>
                  <a:pt x="159" y="72"/>
                  <a:pt x="158" y="70"/>
                </a:cubicBezTo>
                <a:cubicBezTo>
                  <a:pt x="158" y="68"/>
                  <a:pt x="158" y="66"/>
                  <a:pt x="160" y="64"/>
                </a:cubicBezTo>
                <a:cubicBezTo>
                  <a:pt x="172" y="52"/>
                  <a:pt x="172" y="52"/>
                  <a:pt x="172" y="52"/>
                </a:cubicBezTo>
                <a:cubicBezTo>
                  <a:pt x="174" y="50"/>
                  <a:pt x="175" y="47"/>
                  <a:pt x="175" y="44"/>
                </a:cubicBezTo>
                <a:cubicBezTo>
                  <a:pt x="175" y="41"/>
                  <a:pt x="174" y="38"/>
                  <a:pt x="172" y="36"/>
                </a:cubicBezTo>
                <a:cubicBezTo>
                  <a:pt x="156" y="20"/>
                  <a:pt x="156" y="20"/>
                  <a:pt x="156" y="20"/>
                </a:cubicBezTo>
                <a:cubicBezTo>
                  <a:pt x="152" y="16"/>
                  <a:pt x="144" y="16"/>
                  <a:pt x="140" y="20"/>
                </a:cubicBezTo>
                <a:cubicBezTo>
                  <a:pt x="128" y="33"/>
                  <a:pt x="128" y="33"/>
                  <a:pt x="128" y="33"/>
                </a:cubicBezTo>
                <a:cubicBezTo>
                  <a:pt x="126" y="34"/>
                  <a:pt x="124" y="35"/>
                  <a:pt x="122" y="34"/>
                </a:cubicBezTo>
                <a:cubicBezTo>
                  <a:pt x="120" y="33"/>
                  <a:pt x="119" y="31"/>
                  <a:pt x="119" y="29"/>
                </a:cubicBezTo>
                <a:cubicBezTo>
                  <a:pt x="119" y="11"/>
                  <a:pt x="119" y="11"/>
                  <a:pt x="119" y="11"/>
                </a:cubicBezTo>
                <a:cubicBezTo>
                  <a:pt x="119" y="5"/>
                  <a:pt x="114" y="0"/>
                  <a:pt x="107" y="0"/>
                </a:cubicBezTo>
                <a:cubicBezTo>
                  <a:pt x="85" y="0"/>
                  <a:pt x="85" y="0"/>
                  <a:pt x="85" y="0"/>
                </a:cubicBezTo>
                <a:cubicBezTo>
                  <a:pt x="79" y="0"/>
                  <a:pt x="74" y="5"/>
                  <a:pt x="74" y="11"/>
                </a:cubicBezTo>
                <a:cubicBezTo>
                  <a:pt x="74" y="29"/>
                  <a:pt x="74" y="29"/>
                  <a:pt x="74" y="29"/>
                </a:cubicBezTo>
                <a:cubicBezTo>
                  <a:pt x="74" y="31"/>
                  <a:pt x="73" y="33"/>
                  <a:pt x="71" y="34"/>
                </a:cubicBezTo>
                <a:cubicBezTo>
                  <a:pt x="70" y="34"/>
                  <a:pt x="69" y="34"/>
                  <a:pt x="68" y="34"/>
                </a:cubicBezTo>
                <a:cubicBezTo>
                  <a:pt x="67" y="34"/>
                  <a:pt x="66" y="34"/>
                  <a:pt x="65" y="33"/>
                </a:cubicBezTo>
                <a:cubicBezTo>
                  <a:pt x="52" y="20"/>
                  <a:pt x="52" y="20"/>
                  <a:pt x="52" y="20"/>
                </a:cubicBezTo>
                <a:cubicBezTo>
                  <a:pt x="48" y="16"/>
                  <a:pt x="41" y="16"/>
                  <a:pt x="36" y="20"/>
                </a:cubicBezTo>
                <a:cubicBezTo>
                  <a:pt x="20" y="36"/>
                  <a:pt x="20" y="36"/>
                  <a:pt x="20" y="36"/>
                </a:cubicBezTo>
                <a:cubicBezTo>
                  <a:pt x="18" y="38"/>
                  <a:pt x="17" y="41"/>
                  <a:pt x="17" y="44"/>
                </a:cubicBezTo>
                <a:cubicBezTo>
                  <a:pt x="17" y="47"/>
                  <a:pt x="18" y="50"/>
                  <a:pt x="20" y="52"/>
                </a:cubicBezTo>
                <a:cubicBezTo>
                  <a:pt x="33" y="65"/>
                  <a:pt x="33" y="65"/>
                  <a:pt x="33" y="65"/>
                </a:cubicBezTo>
                <a:cubicBezTo>
                  <a:pt x="34" y="66"/>
                  <a:pt x="35" y="68"/>
                  <a:pt x="34" y="70"/>
                </a:cubicBezTo>
                <a:cubicBezTo>
                  <a:pt x="33" y="72"/>
                  <a:pt x="31" y="74"/>
                  <a:pt x="29" y="74"/>
                </a:cubicBezTo>
                <a:cubicBezTo>
                  <a:pt x="11" y="74"/>
                  <a:pt x="11" y="74"/>
                  <a:pt x="11" y="74"/>
                </a:cubicBezTo>
                <a:cubicBezTo>
                  <a:pt x="5" y="74"/>
                  <a:pt x="0" y="79"/>
                  <a:pt x="0" y="85"/>
                </a:cubicBezTo>
                <a:cubicBezTo>
                  <a:pt x="0" y="107"/>
                  <a:pt x="0" y="107"/>
                  <a:pt x="0" y="107"/>
                </a:cubicBezTo>
                <a:cubicBezTo>
                  <a:pt x="0" y="114"/>
                  <a:pt x="5" y="119"/>
                  <a:pt x="11" y="119"/>
                </a:cubicBezTo>
                <a:cubicBezTo>
                  <a:pt x="29" y="119"/>
                  <a:pt x="29" y="119"/>
                  <a:pt x="29" y="119"/>
                </a:cubicBezTo>
                <a:cubicBezTo>
                  <a:pt x="31" y="119"/>
                  <a:pt x="33" y="120"/>
                  <a:pt x="34" y="122"/>
                </a:cubicBezTo>
                <a:cubicBezTo>
                  <a:pt x="35" y="124"/>
                  <a:pt x="34" y="126"/>
                  <a:pt x="33" y="128"/>
                </a:cubicBezTo>
                <a:cubicBezTo>
                  <a:pt x="20" y="140"/>
                  <a:pt x="20" y="140"/>
                  <a:pt x="20" y="140"/>
                </a:cubicBezTo>
                <a:cubicBezTo>
                  <a:pt x="18" y="142"/>
                  <a:pt x="17" y="145"/>
                  <a:pt x="17" y="148"/>
                </a:cubicBezTo>
                <a:cubicBezTo>
                  <a:pt x="17" y="151"/>
                  <a:pt x="18" y="154"/>
                  <a:pt x="20" y="156"/>
                </a:cubicBezTo>
                <a:cubicBezTo>
                  <a:pt x="36" y="172"/>
                  <a:pt x="36" y="172"/>
                  <a:pt x="36" y="172"/>
                </a:cubicBezTo>
                <a:cubicBezTo>
                  <a:pt x="40" y="176"/>
                  <a:pt x="48" y="176"/>
                  <a:pt x="52" y="172"/>
                </a:cubicBezTo>
                <a:cubicBezTo>
                  <a:pt x="65" y="159"/>
                  <a:pt x="65" y="159"/>
                  <a:pt x="65" y="159"/>
                </a:cubicBezTo>
                <a:cubicBezTo>
                  <a:pt x="66" y="158"/>
                  <a:pt x="68" y="157"/>
                  <a:pt x="70" y="158"/>
                </a:cubicBezTo>
                <a:cubicBezTo>
                  <a:pt x="73" y="159"/>
                  <a:pt x="74" y="161"/>
                  <a:pt x="74" y="163"/>
                </a:cubicBezTo>
                <a:cubicBezTo>
                  <a:pt x="74" y="181"/>
                  <a:pt x="74" y="181"/>
                  <a:pt x="74" y="181"/>
                </a:cubicBezTo>
                <a:cubicBezTo>
                  <a:pt x="74" y="187"/>
                  <a:pt x="79" y="192"/>
                  <a:pt x="85" y="192"/>
                </a:cubicBezTo>
                <a:cubicBezTo>
                  <a:pt x="107" y="192"/>
                  <a:pt x="107" y="192"/>
                  <a:pt x="107" y="192"/>
                </a:cubicBezTo>
                <a:cubicBezTo>
                  <a:pt x="114" y="192"/>
                  <a:pt x="119" y="187"/>
                  <a:pt x="119" y="181"/>
                </a:cubicBezTo>
                <a:cubicBezTo>
                  <a:pt x="119" y="163"/>
                  <a:pt x="119" y="163"/>
                  <a:pt x="119" y="163"/>
                </a:cubicBezTo>
                <a:cubicBezTo>
                  <a:pt x="119" y="161"/>
                  <a:pt x="120" y="159"/>
                  <a:pt x="122" y="158"/>
                </a:cubicBezTo>
                <a:cubicBezTo>
                  <a:pt x="124" y="157"/>
                  <a:pt x="126" y="158"/>
                  <a:pt x="128" y="159"/>
                </a:cubicBezTo>
                <a:cubicBezTo>
                  <a:pt x="140" y="172"/>
                  <a:pt x="140" y="172"/>
                  <a:pt x="140" y="172"/>
                </a:cubicBezTo>
                <a:cubicBezTo>
                  <a:pt x="144" y="176"/>
                  <a:pt x="152" y="176"/>
                  <a:pt x="156" y="172"/>
                </a:cubicBezTo>
                <a:cubicBezTo>
                  <a:pt x="172" y="156"/>
                  <a:pt x="172" y="156"/>
                  <a:pt x="172" y="156"/>
                </a:cubicBezTo>
                <a:cubicBezTo>
                  <a:pt x="174" y="154"/>
                  <a:pt x="175" y="151"/>
                  <a:pt x="175" y="148"/>
                </a:cubicBezTo>
                <a:cubicBezTo>
                  <a:pt x="175" y="145"/>
                  <a:pt x="174" y="142"/>
                  <a:pt x="172" y="140"/>
                </a:cubicBezTo>
                <a:cubicBezTo>
                  <a:pt x="160" y="128"/>
                  <a:pt x="160" y="128"/>
                  <a:pt x="160" y="128"/>
                </a:cubicBezTo>
                <a:cubicBezTo>
                  <a:pt x="158" y="126"/>
                  <a:pt x="158" y="124"/>
                  <a:pt x="158" y="122"/>
                </a:cubicBezTo>
                <a:cubicBezTo>
                  <a:pt x="159" y="120"/>
                  <a:pt x="161" y="119"/>
                  <a:pt x="163" y="119"/>
                </a:cubicBezTo>
                <a:cubicBezTo>
                  <a:pt x="181" y="119"/>
                  <a:pt x="181" y="119"/>
                  <a:pt x="181" y="119"/>
                </a:cubicBezTo>
                <a:cubicBezTo>
                  <a:pt x="187" y="119"/>
                  <a:pt x="192" y="114"/>
                  <a:pt x="192" y="107"/>
                </a:cubicBezTo>
                <a:cubicBezTo>
                  <a:pt x="192" y="85"/>
                  <a:pt x="192" y="85"/>
                  <a:pt x="192" y="85"/>
                </a:cubicBezTo>
                <a:cubicBezTo>
                  <a:pt x="192" y="79"/>
                  <a:pt x="187" y="74"/>
                  <a:pt x="181" y="74"/>
                </a:cubicBezTo>
                <a:close/>
                <a:moveTo>
                  <a:pt x="149" y="118"/>
                </a:moveTo>
                <a:cubicBezTo>
                  <a:pt x="147" y="124"/>
                  <a:pt x="148" y="130"/>
                  <a:pt x="152" y="135"/>
                </a:cubicBezTo>
                <a:cubicBezTo>
                  <a:pt x="165" y="147"/>
                  <a:pt x="165" y="147"/>
                  <a:pt x="165" y="147"/>
                </a:cubicBezTo>
                <a:cubicBezTo>
                  <a:pt x="165" y="147"/>
                  <a:pt x="165" y="148"/>
                  <a:pt x="165" y="148"/>
                </a:cubicBezTo>
                <a:cubicBezTo>
                  <a:pt x="165" y="148"/>
                  <a:pt x="165" y="149"/>
                  <a:pt x="165" y="149"/>
                </a:cubicBezTo>
                <a:cubicBezTo>
                  <a:pt x="149" y="165"/>
                  <a:pt x="149" y="165"/>
                  <a:pt x="149" y="165"/>
                </a:cubicBezTo>
                <a:cubicBezTo>
                  <a:pt x="148" y="166"/>
                  <a:pt x="148" y="165"/>
                  <a:pt x="147" y="165"/>
                </a:cubicBezTo>
                <a:cubicBezTo>
                  <a:pt x="135" y="152"/>
                  <a:pt x="135" y="152"/>
                  <a:pt x="135" y="152"/>
                </a:cubicBezTo>
                <a:cubicBezTo>
                  <a:pt x="130" y="148"/>
                  <a:pt x="124" y="147"/>
                  <a:pt x="118" y="149"/>
                </a:cubicBezTo>
                <a:cubicBezTo>
                  <a:pt x="112" y="151"/>
                  <a:pt x="109" y="157"/>
                  <a:pt x="109" y="163"/>
                </a:cubicBezTo>
                <a:cubicBezTo>
                  <a:pt x="109" y="181"/>
                  <a:pt x="109" y="181"/>
                  <a:pt x="109" y="181"/>
                </a:cubicBezTo>
                <a:cubicBezTo>
                  <a:pt x="109" y="181"/>
                  <a:pt x="108" y="182"/>
                  <a:pt x="107" y="182"/>
                </a:cubicBezTo>
                <a:cubicBezTo>
                  <a:pt x="85" y="182"/>
                  <a:pt x="85" y="182"/>
                  <a:pt x="85" y="182"/>
                </a:cubicBezTo>
                <a:cubicBezTo>
                  <a:pt x="84" y="182"/>
                  <a:pt x="84" y="181"/>
                  <a:pt x="84" y="181"/>
                </a:cubicBezTo>
                <a:cubicBezTo>
                  <a:pt x="84" y="163"/>
                  <a:pt x="84" y="163"/>
                  <a:pt x="84" y="163"/>
                </a:cubicBezTo>
                <a:cubicBezTo>
                  <a:pt x="84" y="157"/>
                  <a:pt x="80" y="151"/>
                  <a:pt x="74" y="149"/>
                </a:cubicBezTo>
                <a:cubicBezTo>
                  <a:pt x="72" y="148"/>
                  <a:pt x="70" y="148"/>
                  <a:pt x="68" y="148"/>
                </a:cubicBezTo>
                <a:cubicBezTo>
                  <a:pt x="64" y="148"/>
                  <a:pt x="60" y="149"/>
                  <a:pt x="58" y="152"/>
                </a:cubicBezTo>
                <a:cubicBezTo>
                  <a:pt x="45" y="165"/>
                  <a:pt x="45" y="165"/>
                  <a:pt x="45" y="165"/>
                </a:cubicBezTo>
                <a:cubicBezTo>
                  <a:pt x="45" y="165"/>
                  <a:pt x="44" y="165"/>
                  <a:pt x="43" y="165"/>
                </a:cubicBezTo>
                <a:cubicBezTo>
                  <a:pt x="27" y="149"/>
                  <a:pt x="27" y="149"/>
                  <a:pt x="27" y="149"/>
                </a:cubicBezTo>
                <a:cubicBezTo>
                  <a:pt x="27" y="149"/>
                  <a:pt x="27" y="148"/>
                  <a:pt x="27" y="148"/>
                </a:cubicBezTo>
                <a:cubicBezTo>
                  <a:pt x="27" y="148"/>
                  <a:pt x="27" y="147"/>
                  <a:pt x="27" y="147"/>
                </a:cubicBezTo>
                <a:cubicBezTo>
                  <a:pt x="40" y="135"/>
                  <a:pt x="40" y="135"/>
                  <a:pt x="40" y="135"/>
                </a:cubicBezTo>
                <a:cubicBezTo>
                  <a:pt x="44" y="130"/>
                  <a:pt x="46" y="124"/>
                  <a:pt x="43" y="118"/>
                </a:cubicBezTo>
                <a:cubicBezTo>
                  <a:pt x="41" y="112"/>
                  <a:pt x="35" y="109"/>
                  <a:pt x="29" y="109"/>
                </a:cubicBezTo>
                <a:cubicBezTo>
                  <a:pt x="11" y="109"/>
                  <a:pt x="11" y="109"/>
                  <a:pt x="11" y="109"/>
                </a:cubicBezTo>
                <a:cubicBezTo>
                  <a:pt x="11" y="109"/>
                  <a:pt x="10" y="108"/>
                  <a:pt x="10" y="107"/>
                </a:cubicBezTo>
                <a:cubicBezTo>
                  <a:pt x="10" y="85"/>
                  <a:pt x="10" y="85"/>
                  <a:pt x="10" y="85"/>
                </a:cubicBezTo>
                <a:cubicBezTo>
                  <a:pt x="10" y="84"/>
                  <a:pt x="11" y="84"/>
                  <a:pt x="11" y="84"/>
                </a:cubicBezTo>
                <a:cubicBezTo>
                  <a:pt x="29" y="84"/>
                  <a:pt x="29" y="84"/>
                  <a:pt x="29" y="84"/>
                </a:cubicBezTo>
                <a:cubicBezTo>
                  <a:pt x="35" y="84"/>
                  <a:pt x="41" y="80"/>
                  <a:pt x="43" y="74"/>
                </a:cubicBezTo>
                <a:cubicBezTo>
                  <a:pt x="46" y="68"/>
                  <a:pt x="44" y="62"/>
                  <a:pt x="40" y="57"/>
                </a:cubicBezTo>
                <a:cubicBezTo>
                  <a:pt x="27" y="45"/>
                  <a:pt x="27" y="45"/>
                  <a:pt x="27" y="45"/>
                </a:cubicBezTo>
                <a:cubicBezTo>
                  <a:pt x="27" y="45"/>
                  <a:pt x="27" y="44"/>
                  <a:pt x="27" y="44"/>
                </a:cubicBezTo>
                <a:cubicBezTo>
                  <a:pt x="27" y="44"/>
                  <a:pt x="27" y="43"/>
                  <a:pt x="27" y="43"/>
                </a:cubicBezTo>
                <a:cubicBezTo>
                  <a:pt x="43" y="27"/>
                  <a:pt x="43" y="27"/>
                  <a:pt x="43" y="27"/>
                </a:cubicBezTo>
                <a:cubicBezTo>
                  <a:pt x="44" y="27"/>
                  <a:pt x="45" y="27"/>
                  <a:pt x="45" y="27"/>
                </a:cubicBezTo>
                <a:cubicBezTo>
                  <a:pt x="58" y="40"/>
                  <a:pt x="58" y="40"/>
                  <a:pt x="58" y="40"/>
                </a:cubicBezTo>
                <a:cubicBezTo>
                  <a:pt x="62" y="44"/>
                  <a:pt x="68" y="45"/>
                  <a:pt x="74" y="43"/>
                </a:cubicBezTo>
                <a:cubicBezTo>
                  <a:pt x="80" y="40"/>
                  <a:pt x="84" y="35"/>
                  <a:pt x="84" y="29"/>
                </a:cubicBezTo>
                <a:cubicBezTo>
                  <a:pt x="84" y="11"/>
                  <a:pt x="84" y="11"/>
                  <a:pt x="84" y="11"/>
                </a:cubicBezTo>
                <a:cubicBezTo>
                  <a:pt x="84" y="10"/>
                  <a:pt x="84" y="10"/>
                  <a:pt x="85" y="10"/>
                </a:cubicBezTo>
                <a:cubicBezTo>
                  <a:pt x="107" y="10"/>
                  <a:pt x="107" y="10"/>
                  <a:pt x="107" y="10"/>
                </a:cubicBezTo>
                <a:cubicBezTo>
                  <a:pt x="108" y="10"/>
                  <a:pt x="109" y="10"/>
                  <a:pt x="109" y="11"/>
                </a:cubicBezTo>
                <a:cubicBezTo>
                  <a:pt x="109" y="29"/>
                  <a:pt x="109" y="29"/>
                  <a:pt x="109" y="29"/>
                </a:cubicBezTo>
                <a:cubicBezTo>
                  <a:pt x="109" y="35"/>
                  <a:pt x="112" y="40"/>
                  <a:pt x="118" y="43"/>
                </a:cubicBezTo>
                <a:cubicBezTo>
                  <a:pt x="124" y="45"/>
                  <a:pt x="131" y="44"/>
                  <a:pt x="135" y="40"/>
                </a:cubicBezTo>
                <a:cubicBezTo>
                  <a:pt x="147" y="27"/>
                  <a:pt x="147" y="27"/>
                  <a:pt x="147" y="27"/>
                </a:cubicBezTo>
                <a:cubicBezTo>
                  <a:pt x="148" y="27"/>
                  <a:pt x="148" y="26"/>
                  <a:pt x="149" y="27"/>
                </a:cubicBezTo>
                <a:cubicBezTo>
                  <a:pt x="165" y="43"/>
                  <a:pt x="165" y="43"/>
                  <a:pt x="165" y="43"/>
                </a:cubicBezTo>
                <a:cubicBezTo>
                  <a:pt x="166" y="44"/>
                  <a:pt x="166" y="44"/>
                  <a:pt x="165" y="45"/>
                </a:cubicBezTo>
                <a:cubicBezTo>
                  <a:pt x="152" y="57"/>
                  <a:pt x="152" y="57"/>
                  <a:pt x="152" y="57"/>
                </a:cubicBezTo>
                <a:cubicBezTo>
                  <a:pt x="148" y="62"/>
                  <a:pt x="147" y="68"/>
                  <a:pt x="149" y="74"/>
                </a:cubicBezTo>
                <a:cubicBezTo>
                  <a:pt x="152" y="80"/>
                  <a:pt x="157" y="84"/>
                  <a:pt x="163" y="84"/>
                </a:cubicBezTo>
                <a:cubicBezTo>
                  <a:pt x="181" y="84"/>
                  <a:pt x="181" y="84"/>
                  <a:pt x="181" y="84"/>
                </a:cubicBezTo>
                <a:cubicBezTo>
                  <a:pt x="182" y="84"/>
                  <a:pt x="182" y="84"/>
                  <a:pt x="182" y="85"/>
                </a:cubicBezTo>
                <a:cubicBezTo>
                  <a:pt x="182" y="107"/>
                  <a:pt x="182" y="107"/>
                  <a:pt x="182" y="107"/>
                </a:cubicBezTo>
                <a:cubicBezTo>
                  <a:pt x="182" y="108"/>
                  <a:pt x="182" y="109"/>
                  <a:pt x="181" y="109"/>
                </a:cubicBezTo>
                <a:cubicBezTo>
                  <a:pt x="163" y="109"/>
                  <a:pt x="163" y="109"/>
                  <a:pt x="163" y="109"/>
                </a:cubicBezTo>
                <a:cubicBezTo>
                  <a:pt x="157" y="109"/>
                  <a:pt x="152" y="112"/>
                  <a:pt x="149" y="118"/>
                </a:cubicBezTo>
                <a:close/>
                <a:moveTo>
                  <a:pt x="96" y="63"/>
                </a:moveTo>
                <a:cubicBezTo>
                  <a:pt x="78" y="63"/>
                  <a:pt x="63" y="78"/>
                  <a:pt x="63" y="96"/>
                </a:cubicBezTo>
                <a:cubicBezTo>
                  <a:pt x="63" y="114"/>
                  <a:pt x="78" y="129"/>
                  <a:pt x="96" y="129"/>
                </a:cubicBezTo>
                <a:cubicBezTo>
                  <a:pt x="114" y="129"/>
                  <a:pt x="129" y="114"/>
                  <a:pt x="129" y="96"/>
                </a:cubicBezTo>
                <a:cubicBezTo>
                  <a:pt x="129" y="78"/>
                  <a:pt x="114" y="63"/>
                  <a:pt x="96" y="63"/>
                </a:cubicBezTo>
                <a:close/>
                <a:moveTo>
                  <a:pt x="96" y="119"/>
                </a:moveTo>
                <a:cubicBezTo>
                  <a:pt x="83" y="119"/>
                  <a:pt x="73" y="109"/>
                  <a:pt x="73" y="96"/>
                </a:cubicBezTo>
                <a:cubicBezTo>
                  <a:pt x="73" y="83"/>
                  <a:pt x="83" y="73"/>
                  <a:pt x="96" y="73"/>
                </a:cubicBezTo>
                <a:cubicBezTo>
                  <a:pt x="109" y="73"/>
                  <a:pt x="119" y="83"/>
                  <a:pt x="119" y="96"/>
                </a:cubicBezTo>
                <a:cubicBezTo>
                  <a:pt x="119" y="109"/>
                  <a:pt x="109" y="119"/>
                  <a:pt x="96" y="119"/>
                </a:cubicBezTo>
                <a:close/>
              </a:path>
            </a:pathLst>
          </a:custGeom>
          <a:solidFill>
            <a:schemeClr val="tx1">
              <a:lumMod val="75000"/>
              <a:lumOff val="25000"/>
            </a:schemeClr>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24" name="Inhaltsplatzhalter 4">
            <a:extLst>
              <a:ext uri="{FF2B5EF4-FFF2-40B4-BE49-F238E27FC236}">
                <a16:creationId xmlns:a16="http://schemas.microsoft.com/office/drawing/2014/main" id="{3DDFA1B7-DED2-D0EB-4C2F-021EAF953ACB}"/>
              </a:ext>
            </a:extLst>
          </p:cNvPr>
          <p:cNvSpPr txBox="1">
            <a:spLocks/>
          </p:cNvSpPr>
          <p:nvPr/>
        </p:nvSpPr>
        <p:spPr>
          <a:xfrm flipH="1">
            <a:off x="4883144" y="1483520"/>
            <a:ext cx="1624746" cy="1068178"/>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nSpc>
                <a:spcPct val="110000"/>
              </a:lnSpc>
              <a:spcAft>
                <a:spcPts val="0"/>
              </a:spcAft>
              <a:buNone/>
            </a:pPr>
            <a:r>
              <a:rPr lang="en-US" sz="1600" dirty="0">
                <a:solidFill>
                  <a:schemeClr val="accent5"/>
                </a:solidFill>
                <a:latin typeface="+mn-lt"/>
              </a:rPr>
              <a:t>Visualize data through charts and numbers side by side</a:t>
            </a:r>
            <a:endParaRPr lang="en-US" sz="1100" dirty="0">
              <a:solidFill>
                <a:schemeClr val="accent5"/>
              </a:solidFill>
              <a:latin typeface="+mn-lt"/>
            </a:endParaRPr>
          </a:p>
        </p:txBody>
      </p:sp>
      <p:sp>
        <p:nvSpPr>
          <p:cNvPr id="25" name="Inhaltsplatzhalter 4">
            <a:extLst>
              <a:ext uri="{FF2B5EF4-FFF2-40B4-BE49-F238E27FC236}">
                <a16:creationId xmlns:a16="http://schemas.microsoft.com/office/drawing/2014/main" id="{8142D58C-3650-5A9F-3B33-E37EE9094251}"/>
              </a:ext>
            </a:extLst>
          </p:cNvPr>
          <p:cNvSpPr txBox="1">
            <a:spLocks/>
          </p:cNvSpPr>
          <p:nvPr/>
        </p:nvSpPr>
        <p:spPr>
          <a:xfrm flipH="1">
            <a:off x="2293216" y="5352834"/>
            <a:ext cx="2202982" cy="797334"/>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10000"/>
              </a:lnSpc>
              <a:spcAft>
                <a:spcPts val="0"/>
              </a:spcAft>
              <a:buNone/>
            </a:pPr>
            <a:r>
              <a:rPr lang="en-US" sz="1600" dirty="0">
                <a:solidFill>
                  <a:schemeClr val="accent4"/>
                </a:solidFill>
                <a:latin typeface="+mn-lt"/>
              </a:rPr>
              <a:t>Analyze historical data to improve future planning</a:t>
            </a:r>
            <a:endParaRPr lang="en-US" sz="1100" dirty="0">
              <a:solidFill>
                <a:schemeClr val="tx1">
                  <a:lumMod val="75000"/>
                  <a:lumOff val="25000"/>
                </a:schemeClr>
              </a:solidFill>
              <a:latin typeface="+mn-lt"/>
            </a:endParaRPr>
          </a:p>
        </p:txBody>
      </p:sp>
      <p:sp>
        <p:nvSpPr>
          <p:cNvPr id="26" name="Inhaltsplatzhalter 4">
            <a:extLst>
              <a:ext uri="{FF2B5EF4-FFF2-40B4-BE49-F238E27FC236}">
                <a16:creationId xmlns:a16="http://schemas.microsoft.com/office/drawing/2014/main" id="{DDEBBA24-10FB-987F-20E0-45694A02096C}"/>
              </a:ext>
            </a:extLst>
          </p:cNvPr>
          <p:cNvSpPr txBox="1">
            <a:spLocks/>
          </p:cNvSpPr>
          <p:nvPr/>
        </p:nvSpPr>
        <p:spPr>
          <a:xfrm flipH="1">
            <a:off x="197368" y="1597456"/>
            <a:ext cx="1394648" cy="797847"/>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r">
              <a:lnSpc>
                <a:spcPct val="110000"/>
              </a:lnSpc>
              <a:spcAft>
                <a:spcPts val="0"/>
              </a:spcAft>
              <a:buNone/>
            </a:pPr>
            <a:r>
              <a:rPr lang="en-US" sz="1600" dirty="0">
                <a:solidFill>
                  <a:schemeClr val="accent1"/>
                </a:solidFill>
                <a:latin typeface="+mn-lt"/>
              </a:rPr>
              <a:t>Monitor &amp; drive business performance</a:t>
            </a:r>
            <a:endParaRPr lang="en-US" sz="1100" dirty="0">
              <a:solidFill>
                <a:schemeClr val="tx1">
                  <a:lumMod val="75000"/>
                  <a:lumOff val="25000"/>
                </a:schemeClr>
              </a:solidFill>
              <a:latin typeface="+mn-lt"/>
            </a:endParaRPr>
          </a:p>
        </p:txBody>
      </p:sp>
      <p:sp>
        <p:nvSpPr>
          <p:cNvPr id="27" name="Inhaltsplatzhalter 4">
            <a:extLst>
              <a:ext uri="{FF2B5EF4-FFF2-40B4-BE49-F238E27FC236}">
                <a16:creationId xmlns:a16="http://schemas.microsoft.com/office/drawing/2014/main" id="{AF249881-AF78-4DBB-CF44-733911FFB2B7}"/>
              </a:ext>
            </a:extLst>
          </p:cNvPr>
          <p:cNvSpPr txBox="1">
            <a:spLocks/>
          </p:cNvSpPr>
          <p:nvPr/>
        </p:nvSpPr>
        <p:spPr>
          <a:xfrm flipH="1">
            <a:off x="61286" y="3795507"/>
            <a:ext cx="1394648" cy="1610377"/>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r">
              <a:lnSpc>
                <a:spcPct val="110000"/>
              </a:lnSpc>
              <a:spcAft>
                <a:spcPts val="0"/>
              </a:spcAft>
              <a:buNone/>
            </a:pPr>
            <a:r>
              <a:rPr lang="en-US" sz="1600" dirty="0">
                <a:solidFill>
                  <a:schemeClr val="accent5"/>
                </a:solidFill>
                <a:latin typeface="+mn-lt"/>
              </a:rPr>
              <a:t>Collaborate by adding notes and sharing insights with team members</a:t>
            </a:r>
            <a:endParaRPr lang="en-US" sz="1100" dirty="0">
              <a:solidFill>
                <a:schemeClr val="tx1">
                  <a:lumMod val="75000"/>
                  <a:lumOff val="25000"/>
                </a:schemeClr>
              </a:solidFill>
              <a:latin typeface="+mn-lt"/>
            </a:endParaRPr>
          </a:p>
        </p:txBody>
      </p:sp>
      <p:sp>
        <p:nvSpPr>
          <p:cNvPr id="28" name="Inhaltsplatzhalter 4">
            <a:extLst>
              <a:ext uri="{FF2B5EF4-FFF2-40B4-BE49-F238E27FC236}">
                <a16:creationId xmlns:a16="http://schemas.microsoft.com/office/drawing/2014/main" id="{9D3E4065-5ACB-ACCA-B6E5-110A1DD1EE10}"/>
              </a:ext>
            </a:extLst>
          </p:cNvPr>
          <p:cNvSpPr txBox="1">
            <a:spLocks/>
          </p:cNvSpPr>
          <p:nvPr/>
        </p:nvSpPr>
        <p:spPr>
          <a:xfrm flipH="1">
            <a:off x="5162512" y="3698206"/>
            <a:ext cx="1490314" cy="13390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nSpc>
                <a:spcPct val="110000"/>
              </a:lnSpc>
              <a:spcAft>
                <a:spcPts val="0"/>
              </a:spcAft>
              <a:buNone/>
            </a:pPr>
            <a:r>
              <a:rPr lang="en-US" sz="1600" dirty="0">
                <a:solidFill>
                  <a:schemeClr val="accent3"/>
                </a:solidFill>
                <a:latin typeface="+mn-lt"/>
              </a:rPr>
              <a:t>Enter data directly on dashboards and see real-time updates</a:t>
            </a:r>
            <a:endParaRPr lang="en-US" sz="1600" dirty="0">
              <a:solidFill>
                <a:schemeClr val="tx1">
                  <a:lumMod val="75000"/>
                  <a:lumOff val="25000"/>
                </a:schemeClr>
              </a:solidFill>
              <a:latin typeface="+mn-lt"/>
            </a:endParaRPr>
          </a:p>
        </p:txBody>
      </p:sp>
      <p:sp>
        <p:nvSpPr>
          <p:cNvPr id="32" name="Freeform 240">
            <a:extLst>
              <a:ext uri="{FF2B5EF4-FFF2-40B4-BE49-F238E27FC236}">
                <a16:creationId xmlns:a16="http://schemas.microsoft.com/office/drawing/2014/main" id="{A73217DA-FFD7-0038-6A04-6B202EFA42C6}"/>
              </a:ext>
            </a:extLst>
          </p:cNvPr>
          <p:cNvSpPr>
            <a:spLocks noEditPoints="1"/>
          </p:cNvSpPr>
          <p:nvPr/>
        </p:nvSpPr>
        <p:spPr bwMode="auto">
          <a:xfrm>
            <a:off x="3913903" y="2163262"/>
            <a:ext cx="390072" cy="393258"/>
          </a:xfrm>
          <a:custGeom>
            <a:avLst/>
            <a:gdLst>
              <a:gd name="T0" fmla="*/ 5586 w 13670"/>
              <a:gd name="T1" fmla="*/ 8048 h 13780"/>
              <a:gd name="T2" fmla="*/ 5202 w 13670"/>
              <a:gd name="T3" fmla="*/ 13396 h 13780"/>
              <a:gd name="T4" fmla="*/ 8116 w 13670"/>
              <a:gd name="T5" fmla="*/ 13780 h 13780"/>
              <a:gd name="T6" fmla="*/ 8499 w 13670"/>
              <a:gd name="T7" fmla="*/ 8431 h 13780"/>
              <a:gd name="T8" fmla="*/ 7733 w 13670"/>
              <a:gd name="T9" fmla="*/ 13013 h 13780"/>
              <a:gd name="T10" fmla="*/ 5969 w 13670"/>
              <a:gd name="T11" fmla="*/ 8815 h 13780"/>
              <a:gd name="T12" fmla="*/ 7733 w 13670"/>
              <a:gd name="T13" fmla="*/ 13013 h 13780"/>
              <a:gd name="T14" fmla="*/ 10589 w 13670"/>
              <a:gd name="T15" fmla="*/ 5038 h 13780"/>
              <a:gd name="T16" fmla="*/ 10205 w 13670"/>
              <a:gd name="T17" fmla="*/ 13396 h 13780"/>
              <a:gd name="T18" fmla="*/ 13138 w 13670"/>
              <a:gd name="T19" fmla="*/ 13780 h 13780"/>
              <a:gd name="T20" fmla="*/ 13522 w 13670"/>
              <a:gd name="T21" fmla="*/ 5421 h 13780"/>
              <a:gd name="T22" fmla="*/ 12755 w 13670"/>
              <a:gd name="T23" fmla="*/ 13013 h 13780"/>
              <a:gd name="T24" fmla="*/ 10972 w 13670"/>
              <a:gd name="T25" fmla="*/ 5805 h 13780"/>
              <a:gd name="T26" fmla="*/ 12755 w 13670"/>
              <a:gd name="T27" fmla="*/ 13013 h 13780"/>
              <a:gd name="T28" fmla="*/ 563 w 13670"/>
              <a:gd name="T29" fmla="*/ 9907 h 13780"/>
              <a:gd name="T30" fmla="*/ 180 w 13670"/>
              <a:gd name="T31" fmla="*/ 13396 h 13780"/>
              <a:gd name="T32" fmla="*/ 3113 w 13670"/>
              <a:gd name="T33" fmla="*/ 13780 h 13780"/>
              <a:gd name="T34" fmla="*/ 3496 w 13670"/>
              <a:gd name="T35" fmla="*/ 10291 h 13780"/>
              <a:gd name="T36" fmla="*/ 2729 w 13670"/>
              <a:gd name="T37" fmla="*/ 13013 h 13780"/>
              <a:gd name="T38" fmla="*/ 946 w 13670"/>
              <a:gd name="T39" fmla="*/ 10674 h 13780"/>
              <a:gd name="T40" fmla="*/ 2729 w 13670"/>
              <a:gd name="T41" fmla="*/ 13013 h 13780"/>
              <a:gd name="T42" fmla="*/ 13311 w 13670"/>
              <a:gd name="T43" fmla="*/ 265 h 13780"/>
              <a:gd name="T44" fmla="*/ 9410 w 13670"/>
              <a:gd name="T45" fmla="*/ 370 h 13780"/>
              <a:gd name="T46" fmla="*/ 12234 w 13670"/>
              <a:gd name="T47" fmla="*/ 950 h 13780"/>
              <a:gd name="T48" fmla="*/ 4224 w 13670"/>
              <a:gd name="T49" fmla="*/ 1779 h 13780"/>
              <a:gd name="T50" fmla="*/ 160 w 13670"/>
              <a:gd name="T51" fmla="*/ 5211 h 13780"/>
              <a:gd name="T52" fmla="*/ 429 w 13670"/>
              <a:gd name="T53" fmla="*/ 5882 h 13780"/>
              <a:gd name="T54" fmla="*/ 4014 w 13670"/>
              <a:gd name="T55" fmla="*/ 2584 h 13780"/>
              <a:gd name="T56" fmla="*/ 7924 w 13670"/>
              <a:gd name="T57" fmla="*/ 5287 h 13780"/>
              <a:gd name="T58" fmla="*/ 12640 w 13670"/>
              <a:gd name="T59" fmla="*/ 3850 h 13780"/>
              <a:gd name="T60" fmla="*/ 13023 w 13670"/>
              <a:gd name="T61" fmla="*/ 4252 h 13780"/>
              <a:gd name="T62" fmla="*/ 13656 w 13670"/>
              <a:gd name="T63" fmla="*/ 667 h 137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3670" h="13780">
                <a:moveTo>
                  <a:pt x="8116" y="8048"/>
                </a:moveTo>
                <a:cubicBezTo>
                  <a:pt x="5586" y="8048"/>
                  <a:pt x="5586" y="8048"/>
                  <a:pt x="5586" y="8048"/>
                </a:cubicBezTo>
                <a:cubicBezTo>
                  <a:pt x="5374" y="8048"/>
                  <a:pt x="5202" y="8219"/>
                  <a:pt x="5202" y="8431"/>
                </a:cubicBezTo>
                <a:cubicBezTo>
                  <a:pt x="5202" y="13396"/>
                  <a:pt x="5202" y="13396"/>
                  <a:pt x="5202" y="13396"/>
                </a:cubicBezTo>
                <a:cubicBezTo>
                  <a:pt x="5202" y="13608"/>
                  <a:pt x="5374" y="13780"/>
                  <a:pt x="5586" y="13780"/>
                </a:cubicBezTo>
                <a:cubicBezTo>
                  <a:pt x="8116" y="13780"/>
                  <a:pt x="8116" y="13780"/>
                  <a:pt x="8116" y="13780"/>
                </a:cubicBezTo>
                <a:cubicBezTo>
                  <a:pt x="8328" y="13780"/>
                  <a:pt x="8499" y="13608"/>
                  <a:pt x="8499" y="13396"/>
                </a:cubicBezTo>
                <a:cubicBezTo>
                  <a:pt x="8499" y="8431"/>
                  <a:pt x="8499" y="8431"/>
                  <a:pt x="8499" y="8431"/>
                </a:cubicBezTo>
                <a:cubicBezTo>
                  <a:pt x="8499" y="8219"/>
                  <a:pt x="8328" y="8048"/>
                  <a:pt x="8116" y="8048"/>
                </a:cubicBezTo>
                <a:close/>
                <a:moveTo>
                  <a:pt x="7733" y="13013"/>
                </a:moveTo>
                <a:cubicBezTo>
                  <a:pt x="5969" y="13013"/>
                  <a:pt x="5969" y="13013"/>
                  <a:pt x="5969" y="13013"/>
                </a:cubicBezTo>
                <a:cubicBezTo>
                  <a:pt x="5969" y="8815"/>
                  <a:pt x="5969" y="8815"/>
                  <a:pt x="5969" y="8815"/>
                </a:cubicBezTo>
                <a:cubicBezTo>
                  <a:pt x="7733" y="8815"/>
                  <a:pt x="7733" y="8815"/>
                  <a:pt x="7733" y="8815"/>
                </a:cubicBezTo>
                <a:lnTo>
                  <a:pt x="7733" y="13013"/>
                </a:lnTo>
                <a:close/>
                <a:moveTo>
                  <a:pt x="13138" y="5038"/>
                </a:moveTo>
                <a:cubicBezTo>
                  <a:pt x="10589" y="5038"/>
                  <a:pt x="10589" y="5038"/>
                  <a:pt x="10589" y="5038"/>
                </a:cubicBezTo>
                <a:cubicBezTo>
                  <a:pt x="10377" y="5038"/>
                  <a:pt x="10205" y="5210"/>
                  <a:pt x="10205" y="5421"/>
                </a:cubicBezTo>
                <a:cubicBezTo>
                  <a:pt x="10205" y="13396"/>
                  <a:pt x="10205" y="13396"/>
                  <a:pt x="10205" y="13396"/>
                </a:cubicBezTo>
                <a:cubicBezTo>
                  <a:pt x="10205" y="13608"/>
                  <a:pt x="10377" y="13780"/>
                  <a:pt x="10589" y="13780"/>
                </a:cubicBezTo>
                <a:cubicBezTo>
                  <a:pt x="13138" y="13780"/>
                  <a:pt x="13138" y="13780"/>
                  <a:pt x="13138" y="13780"/>
                </a:cubicBezTo>
                <a:cubicBezTo>
                  <a:pt x="13350" y="13780"/>
                  <a:pt x="13522" y="13608"/>
                  <a:pt x="13522" y="13396"/>
                </a:cubicBezTo>
                <a:cubicBezTo>
                  <a:pt x="13522" y="5421"/>
                  <a:pt x="13522" y="5421"/>
                  <a:pt x="13522" y="5421"/>
                </a:cubicBezTo>
                <a:cubicBezTo>
                  <a:pt x="13522" y="5210"/>
                  <a:pt x="13350" y="5038"/>
                  <a:pt x="13138" y="5038"/>
                </a:cubicBezTo>
                <a:close/>
                <a:moveTo>
                  <a:pt x="12755" y="13013"/>
                </a:moveTo>
                <a:cubicBezTo>
                  <a:pt x="10972" y="13013"/>
                  <a:pt x="10972" y="13013"/>
                  <a:pt x="10972" y="13013"/>
                </a:cubicBezTo>
                <a:cubicBezTo>
                  <a:pt x="10972" y="5805"/>
                  <a:pt x="10972" y="5805"/>
                  <a:pt x="10972" y="5805"/>
                </a:cubicBezTo>
                <a:cubicBezTo>
                  <a:pt x="12755" y="5805"/>
                  <a:pt x="12755" y="5805"/>
                  <a:pt x="12755" y="5805"/>
                </a:cubicBezTo>
                <a:lnTo>
                  <a:pt x="12755" y="13013"/>
                </a:lnTo>
                <a:close/>
                <a:moveTo>
                  <a:pt x="3113" y="9907"/>
                </a:moveTo>
                <a:cubicBezTo>
                  <a:pt x="563" y="9907"/>
                  <a:pt x="563" y="9907"/>
                  <a:pt x="563" y="9907"/>
                </a:cubicBezTo>
                <a:cubicBezTo>
                  <a:pt x="351" y="9907"/>
                  <a:pt x="180" y="10079"/>
                  <a:pt x="180" y="10291"/>
                </a:cubicBezTo>
                <a:cubicBezTo>
                  <a:pt x="180" y="13396"/>
                  <a:pt x="180" y="13396"/>
                  <a:pt x="180" y="13396"/>
                </a:cubicBezTo>
                <a:cubicBezTo>
                  <a:pt x="180" y="13608"/>
                  <a:pt x="351" y="13780"/>
                  <a:pt x="563" y="13780"/>
                </a:cubicBezTo>
                <a:cubicBezTo>
                  <a:pt x="3113" y="13780"/>
                  <a:pt x="3113" y="13780"/>
                  <a:pt x="3113" y="13780"/>
                </a:cubicBezTo>
                <a:cubicBezTo>
                  <a:pt x="3324" y="13780"/>
                  <a:pt x="3496" y="13608"/>
                  <a:pt x="3496" y="13396"/>
                </a:cubicBezTo>
                <a:cubicBezTo>
                  <a:pt x="3496" y="10291"/>
                  <a:pt x="3496" y="10291"/>
                  <a:pt x="3496" y="10291"/>
                </a:cubicBezTo>
                <a:cubicBezTo>
                  <a:pt x="3496" y="10079"/>
                  <a:pt x="3324" y="9907"/>
                  <a:pt x="3113" y="9907"/>
                </a:cubicBezTo>
                <a:close/>
                <a:moveTo>
                  <a:pt x="2729" y="13013"/>
                </a:moveTo>
                <a:cubicBezTo>
                  <a:pt x="946" y="13013"/>
                  <a:pt x="946" y="13013"/>
                  <a:pt x="946" y="13013"/>
                </a:cubicBezTo>
                <a:cubicBezTo>
                  <a:pt x="946" y="10674"/>
                  <a:pt x="946" y="10674"/>
                  <a:pt x="946" y="10674"/>
                </a:cubicBezTo>
                <a:cubicBezTo>
                  <a:pt x="2729" y="10674"/>
                  <a:pt x="2729" y="10674"/>
                  <a:pt x="2729" y="10674"/>
                </a:cubicBezTo>
                <a:cubicBezTo>
                  <a:pt x="2729" y="13013"/>
                  <a:pt x="2729" y="13013"/>
                  <a:pt x="2729" y="13013"/>
                </a:cubicBezTo>
                <a:close/>
                <a:moveTo>
                  <a:pt x="13560" y="399"/>
                </a:moveTo>
                <a:cubicBezTo>
                  <a:pt x="13502" y="319"/>
                  <a:pt x="13410" y="269"/>
                  <a:pt x="13311" y="265"/>
                </a:cubicBezTo>
                <a:cubicBezTo>
                  <a:pt x="9822" y="16"/>
                  <a:pt x="9822" y="16"/>
                  <a:pt x="9822" y="16"/>
                </a:cubicBezTo>
                <a:cubicBezTo>
                  <a:pt x="9610" y="0"/>
                  <a:pt x="9426" y="158"/>
                  <a:pt x="9410" y="370"/>
                </a:cubicBezTo>
                <a:cubicBezTo>
                  <a:pt x="9394" y="582"/>
                  <a:pt x="9553" y="766"/>
                  <a:pt x="9765" y="782"/>
                </a:cubicBezTo>
                <a:cubicBezTo>
                  <a:pt x="12234" y="950"/>
                  <a:pt x="12234" y="950"/>
                  <a:pt x="12234" y="950"/>
                </a:cubicBezTo>
                <a:cubicBezTo>
                  <a:pt x="7694" y="4501"/>
                  <a:pt x="7694" y="4501"/>
                  <a:pt x="7694" y="4501"/>
                </a:cubicBezTo>
                <a:cubicBezTo>
                  <a:pt x="4224" y="1779"/>
                  <a:pt x="4224" y="1779"/>
                  <a:pt x="4224" y="1779"/>
                </a:cubicBezTo>
                <a:cubicBezTo>
                  <a:pt x="4076" y="1662"/>
                  <a:pt x="3865" y="1670"/>
                  <a:pt x="3726" y="1798"/>
                </a:cubicBezTo>
                <a:cubicBezTo>
                  <a:pt x="160" y="5211"/>
                  <a:pt x="160" y="5211"/>
                  <a:pt x="160" y="5211"/>
                </a:cubicBezTo>
                <a:cubicBezTo>
                  <a:pt x="9" y="5354"/>
                  <a:pt x="0" y="5593"/>
                  <a:pt x="141" y="5747"/>
                </a:cubicBezTo>
                <a:cubicBezTo>
                  <a:pt x="210" y="5836"/>
                  <a:pt x="317" y="5886"/>
                  <a:pt x="429" y="5882"/>
                </a:cubicBezTo>
                <a:cubicBezTo>
                  <a:pt x="530" y="5880"/>
                  <a:pt x="626" y="5839"/>
                  <a:pt x="697" y="5767"/>
                </a:cubicBezTo>
                <a:cubicBezTo>
                  <a:pt x="4014" y="2584"/>
                  <a:pt x="4014" y="2584"/>
                  <a:pt x="4014" y="2584"/>
                </a:cubicBezTo>
                <a:cubicBezTo>
                  <a:pt x="7445" y="5287"/>
                  <a:pt x="7445" y="5287"/>
                  <a:pt x="7445" y="5287"/>
                </a:cubicBezTo>
                <a:cubicBezTo>
                  <a:pt x="7585" y="5399"/>
                  <a:pt x="7784" y="5399"/>
                  <a:pt x="7924" y="5287"/>
                </a:cubicBezTo>
                <a:cubicBezTo>
                  <a:pt x="12832" y="1468"/>
                  <a:pt x="12832" y="1468"/>
                  <a:pt x="12832" y="1468"/>
                </a:cubicBezTo>
                <a:cubicBezTo>
                  <a:pt x="12640" y="3850"/>
                  <a:pt x="12640" y="3850"/>
                  <a:pt x="12640" y="3850"/>
                </a:cubicBezTo>
                <a:cubicBezTo>
                  <a:pt x="12639" y="4058"/>
                  <a:pt x="12797" y="4232"/>
                  <a:pt x="13004" y="4252"/>
                </a:cubicBezTo>
                <a:cubicBezTo>
                  <a:pt x="13023" y="4252"/>
                  <a:pt x="13023" y="4252"/>
                  <a:pt x="13023" y="4252"/>
                </a:cubicBezTo>
                <a:cubicBezTo>
                  <a:pt x="13221" y="4253"/>
                  <a:pt x="13387" y="4104"/>
                  <a:pt x="13407" y="3907"/>
                </a:cubicBezTo>
                <a:cubicBezTo>
                  <a:pt x="13656" y="667"/>
                  <a:pt x="13656" y="667"/>
                  <a:pt x="13656" y="667"/>
                </a:cubicBezTo>
                <a:cubicBezTo>
                  <a:pt x="13670" y="568"/>
                  <a:pt x="13634" y="467"/>
                  <a:pt x="13560" y="399"/>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34" name="Freeform 6">
            <a:extLst>
              <a:ext uri="{FF2B5EF4-FFF2-40B4-BE49-F238E27FC236}">
                <a16:creationId xmlns:a16="http://schemas.microsoft.com/office/drawing/2014/main" id="{E7E61AC3-F757-97EC-CB17-16A8CDCD8FC2}"/>
              </a:ext>
            </a:extLst>
          </p:cNvPr>
          <p:cNvSpPr>
            <a:spLocks noEditPoints="1"/>
          </p:cNvSpPr>
          <p:nvPr/>
        </p:nvSpPr>
        <p:spPr bwMode="auto">
          <a:xfrm>
            <a:off x="2285520" y="2098671"/>
            <a:ext cx="436978" cy="453026"/>
          </a:xfrm>
          <a:custGeom>
            <a:avLst/>
            <a:gdLst>
              <a:gd name="T0" fmla="*/ 1096 w 3186"/>
              <a:gd name="T1" fmla="*/ 376 h 3299"/>
              <a:gd name="T2" fmla="*/ 815 w 3186"/>
              <a:gd name="T3" fmla="*/ 495 h 3299"/>
              <a:gd name="T4" fmla="*/ 586 w 3186"/>
              <a:gd name="T5" fmla="*/ 692 h 3299"/>
              <a:gd name="T6" fmla="*/ 426 w 3186"/>
              <a:gd name="T7" fmla="*/ 949 h 3299"/>
              <a:gd name="T8" fmla="*/ 352 w 3186"/>
              <a:gd name="T9" fmla="*/ 1251 h 3299"/>
              <a:gd name="T10" fmla="*/ 376 w 3186"/>
              <a:gd name="T11" fmla="*/ 1568 h 3299"/>
              <a:gd name="T12" fmla="*/ 496 w 3186"/>
              <a:gd name="T13" fmla="*/ 1849 h 3299"/>
              <a:gd name="T14" fmla="*/ 692 w 3186"/>
              <a:gd name="T15" fmla="*/ 2079 h 3299"/>
              <a:gd name="T16" fmla="*/ 950 w 3186"/>
              <a:gd name="T17" fmla="*/ 2239 h 3299"/>
              <a:gd name="T18" fmla="*/ 1252 w 3186"/>
              <a:gd name="T19" fmla="*/ 2313 h 3299"/>
              <a:gd name="T20" fmla="*/ 1569 w 3186"/>
              <a:gd name="T21" fmla="*/ 2288 h 3299"/>
              <a:gd name="T22" fmla="*/ 1851 w 3186"/>
              <a:gd name="T23" fmla="*/ 2169 h 3299"/>
              <a:gd name="T24" fmla="*/ 2080 w 3186"/>
              <a:gd name="T25" fmla="*/ 1972 h 3299"/>
              <a:gd name="T26" fmla="*/ 2240 w 3186"/>
              <a:gd name="T27" fmla="*/ 1714 h 3299"/>
              <a:gd name="T28" fmla="*/ 2314 w 3186"/>
              <a:gd name="T29" fmla="*/ 1412 h 3299"/>
              <a:gd name="T30" fmla="*/ 2289 w 3186"/>
              <a:gd name="T31" fmla="*/ 1096 h 3299"/>
              <a:gd name="T32" fmla="*/ 2170 w 3186"/>
              <a:gd name="T33" fmla="*/ 813 h 3299"/>
              <a:gd name="T34" fmla="*/ 1973 w 3186"/>
              <a:gd name="T35" fmla="*/ 584 h 3299"/>
              <a:gd name="T36" fmla="*/ 1715 w 3186"/>
              <a:gd name="T37" fmla="*/ 425 h 3299"/>
              <a:gd name="T38" fmla="*/ 1413 w 3186"/>
              <a:gd name="T39" fmla="*/ 350 h 3299"/>
              <a:gd name="T40" fmla="*/ 1513 w 3186"/>
              <a:gd name="T41" fmla="*/ 12 h 3299"/>
              <a:gd name="T42" fmla="*/ 1851 w 3186"/>
              <a:gd name="T43" fmla="*/ 105 h 3299"/>
              <a:gd name="T44" fmla="*/ 2146 w 3186"/>
              <a:gd name="T45" fmla="*/ 278 h 3299"/>
              <a:gd name="T46" fmla="*/ 2388 w 3186"/>
              <a:gd name="T47" fmla="*/ 518 h 3299"/>
              <a:gd name="T48" fmla="*/ 2561 w 3186"/>
              <a:gd name="T49" fmla="*/ 813 h 3299"/>
              <a:gd name="T50" fmla="*/ 2653 w 3186"/>
              <a:gd name="T51" fmla="*/ 1151 h 3299"/>
              <a:gd name="T52" fmla="*/ 2655 w 3186"/>
              <a:gd name="T53" fmla="*/ 1502 h 3299"/>
              <a:gd name="T54" fmla="*/ 2570 w 3186"/>
              <a:gd name="T55" fmla="*/ 1827 h 3299"/>
              <a:gd name="T56" fmla="*/ 2405 w 3186"/>
              <a:gd name="T57" fmla="*/ 2122 h 3299"/>
              <a:gd name="T58" fmla="*/ 3173 w 3186"/>
              <a:gd name="T59" fmla="*/ 3056 h 3299"/>
              <a:gd name="T60" fmla="*/ 3180 w 3186"/>
              <a:gd name="T61" fmla="*/ 3172 h 3299"/>
              <a:gd name="T62" fmla="*/ 3113 w 3186"/>
              <a:gd name="T63" fmla="*/ 3267 h 3299"/>
              <a:gd name="T64" fmla="*/ 3013 w 3186"/>
              <a:gd name="T65" fmla="*/ 3299 h 3299"/>
              <a:gd name="T66" fmla="*/ 2909 w 3186"/>
              <a:gd name="T67" fmla="*/ 3264 h 3299"/>
              <a:gd name="T68" fmla="*/ 1957 w 3186"/>
              <a:gd name="T69" fmla="*/ 2508 h 3299"/>
              <a:gd name="T70" fmla="*/ 1655 w 3186"/>
              <a:gd name="T71" fmla="*/ 2625 h 3299"/>
              <a:gd name="T72" fmla="*/ 1333 w 3186"/>
              <a:gd name="T73" fmla="*/ 2664 h 3299"/>
              <a:gd name="T74" fmla="*/ 979 w 3186"/>
              <a:gd name="T75" fmla="*/ 2616 h 3299"/>
              <a:gd name="T76" fmla="*/ 661 w 3186"/>
              <a:gd name="T77" fmla="*/ 2481 h 3299"/>
              <a:gd name="T78" fmla="*/ 391 w 3186"/>
              <a:gd name="T79" fmla="*/ 2273 h 3299"/>
              <a:gd name="T80" fmla="*/ 183 w 3186"/>
              <a:gd name="T81" fmla="*/ 2003 h 3299"/>
              <a:gd name="T82" fmla="*/ 48 w 3186"/>
              <a:gd name="T83" fmla="*/ 1685 h 3299"/>
              <a:gd name="T84" fmla="*/ 0 w 3186"/>
              <a:gd name="T85" fmla="*/ 1332 h 3299"/>
              <a:gd name="T86" fmla="*/ 48 w 3186"/>
              <a:gd name="T87" fmla="*/ 978 h 3299"/>
              <a:gd name="T88" fmla="*/ 183 w 3186"/>
              <a:gd name="T89" fmla="*/ 660 h 3299"/>
              <a:gd name="T90" fmla="*/ 391 w 3186"/>
              <a:gd name="T91" fmla="*/ 391 h 3299"/>
              <a:gd name="T92" fmla="*/ 661 w 3186"/>
              <a:gd name="T93" fmla="*/ 182 h 3299"/>
              <a:gd name="T94" fmla="*/ 979 w 3186"/>
              <a:gd name="T95" fmla="*/ 47 h 3299"/>
              <a:gd name="T96" fmla="*/ 1333 w 3186"/>
              <a:gd name="T97" fmla="*/ 0 h 3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186" h="3299">
                <a:moveTo>
                  <a:pt x="1333" y="347"/>
                </a:moveTo>
                <a:lnTo>
                  <a:pt x="1252" y="350"/>
                </a:lnTo>
                <a:lnTo>
                  <a:pt x="1173" y="361"/>
                </a:lnTo>
                <a:lnTo>
                  <a:pt x="1096" y="376"/>
                </a:lnTo>
                <a:lnTo>
                  <a:pt x="1022" y="398"/>
                </a:lnTo>
                <a:lnTo>
                  <a:pt x="950" y="425"/>
                </a:lnTo>
                <a:lnTo>
                  <a:pt x="881" y="458"/>
                </a:lnTo>
                <a:lnTo>
                  <a:pt x="815" y="495"/>
                </a:lnTo>
                <a:lnTo>
                  <a:pt x="752" y="538"/>
                </a:lnTo>
                <a:lnTo>
                  <a:pt x="692" y="584"/>
                </a:lnTo>
                <a:lnTo>
                  <a:pt x="636" y="636"/>
                </a:lnTo>
                <a:lnTo>
                  <a:pt x="586" y="692"/>
                </a:lnTo>
                <a:lnTo>
                  <a:pt x="538" y="750"/>
                </a:lnTo>
                <a:lnTo>
                  <a:pt x="496" y="813"/>
                </a:lnTo>
                <a:lnTo>
                  <a:pt x="458" y="879"/>
                </a:lnTo>
                <a:lnTo>
                  <a:pt x="426" y="949"/>
                </a:lnTo>
                <a:lnTo>
                  <a:pt x="398" y="1021"/>
                </a:lnTo>
                <a:lnTo>
                  <a:pt x="376" y="1096"/>
                </a:lnTo>
                <a:lnTo>
                  <a:pt x="361" y="1172"/>
                </a:lnTo>
                <a:lnTo>
                  <a:pt x="352" y="1251"/>
                </a:lnTo>
                <a:lnTo>
                  <a:pt x="348" y="1332"/>
                </a:lnTo>
                <a:lnTo>
                  <a:pt x="352" y="1412"/>
                </a:lnTo>
                <a:lnTo>
                  <a:pt x="361" y="1492"/>
                </a:lnTo>
                <a:lnTo>
                  <a:pt x="376" y="1568"/>
                </a:lnTo>
                <a:lnTo>
                  <a:pt x="398" y="1642"/>
                </a:lnTo>
                <a:lnTo>
                  <a:pt x="426" y="1714"/>
                </a:lnTo>
                <a:lnTo>
                  <a:pt x="458" y="1783"/>
                </a:lnTo>
                <a:lnTo>
                  <a:pt x="496" y="1849"/>
                </a:lnTo>
                <a:lnTo>
                  <a:pt x="538" y="1912"/>
                </a:lnTo>
                <a:lnTo>
                  <a:pt x="586" y="1972"/>
                </a:lnTo>
                <a:lnTo>
                  <a:pt x="636" y="2028"/>
                </a:lnTo>
                <a:lnTo>
                  <a:pt x="692" y="2079"/>
                </a:lnTo>
                <a:lnTo>
                  <a:pt x="752" y="2126"/>
                </a:lnTo>
                <a:lnTo>
                  <a:pt x="815" y="2169"/>
                </a:lnTo>
                <a:lnTo>
                  <a:pt x="881" y="2206"/>
                </a:lnTo>
                <a:lnTo>
                  <a:pt x="950" y="2239"/>
                </a:lnTo>
                <a:lnTo>
                  <a:pt x="1022" y="2266"/>
                </a:lnTo>
                <a:lnTo>
                  <a:pt x="1096" y="2288"/>
                </a:lnTo>
                <a:lnTo>
                  <a:pt x="1173" y="2303"/>
                </a:lnTo>
                <a:lnTo>
                  <a:pt x="1252" y="2313"/>
                </a:lnTo>
                <a:lnTo>
                  <a:pt x="1333" y="2316"/>
                </a:lnTo>
                <a:lnTo>
                  <a:pt x="1413" y="2313"/>
                </a:lnTo>
                <a:lnTo>
                  <a:pt x="1492" y="2303"/>
                </a:lnTo>
                <a:lnTo>
                  <a:pt x="1569" y="2288"/>
                </a:lnTo>
                <a:lnTo>
                  <a:pt x="1644" y="2266"/>
                </a:lnTo>
                <a:lnTo>
                  <a:pt x="1715" y="2239"/>
                </a:lnTo>
                <a:lnTo>
                  <a:pt x="1785" y="2206"/>
                </a:lnTo>
                <a:lnTo>
                  <a:pt x="1851" y="2169"/>
                </a:lnTo>
                <a:lnTo>
                  <a:pt x="1914" y="2126"/>
                </a:lnTo>
                <a:lnTo>
                  <a:pt x="1973" y="2079"/>
                </a:lnTo>
                <a:lnTo>
                  <a:pt x="2029" y="2028"/>
                </a:lnTo>
                <a:lnTo>
                  <a:pt x="2080" y="1972"/>
                </a:lnTo>
                <a:lnTo>
                  <a:pt x="2128" y="1912"/>
                </a:lnTo>
                <a:lnTo>
                  <a:pt x="2170" y="1849"/>
                </a:lnTo>
                <a:lnTo>
                  <a:pt x="2207" y="1783"/>
                </a:lnTo>
                <a:lnTo>
                  <a:pt x="2240" y="1714"/>
                </a:lnTo>
                <a:lnTo>
                  <a:pt x="2267" y="1642"/>
                </a:lnTo>
                <a:lnTo>
                  <a:pt x="2289" y="1568"/>
                </a:lnTo>
                <a:lnTo>
                  <a:pt x="2305" y="1492"/>
                </a:lnTo>
                <a:lnTo>
                  <a:pt x="2314" y="1412"/>
                </a:lnTo>
                <a:lnTo>
                  <a:pt x="2318" y="1332"/>
                </a:lnTo>
                <a:lnTo>
                  <a:pt x="2314" y="1251"/>
                </a:lnTo>
                <a:lnTo>
                  <a:pt x="2305" y="1172"/>
                </a:lnTo>
                <a:lnTo>
                  <a:pt x="2289" y="1096"/>
                </a:lnTo>
                <a:lnTo>
                  <a:pt x="2267" y="1021"/>
                </a:lnTo>
                <a:lnTo>
                  <a:pt x="2240" y="949"/>
                </a:lnTo>
                <a:lnTo>
                  <a:pt x="2207" y="879"/>
                </a:lnTo>
                <a:lnTo>
                  <a:pt x="2170" y="813"/>
                </a:lnTo>
                <a:lnTo>
                  <a:pt x="2128" y="750"/>
                </a:lnTo>
                <a:lnTo>
                  <a:pt x="2080" y="692"/>
                </a:lnTo>
                <a:lnTo>
                  <a:pt x="2029" y="636"/>
                </a:lnTo>
                <a:lnTo>
                  <a:pt x="1973" y="584"/>
                </a:lnTo>
                <a:lnTo>
                  <a:pt x="1914" y="538"/>
                </a:lnTo>
                <a:lnTo>
                  <a:pt x="1851" y="495"/>
                </a:lnTo>
                <a:lnTo>
                  <a:pt x="1785" y="458"/>
                </a:lnTo>
                <a:lnTo>
                  <a:pt x="1715" y="425"/>
                </a:lnTo>
                <a:lnTo>
                  <a:pt x="1644" y="398"/>
                </a:lnTo>
                <a:lnTo>
                  <a:pt x="1569" y="376"/>
                </a:lnTo>
                <a:lnTo>
                  <a:pt x="1492" y="361"/>
                </a:lnTo>
                <a:lnTo>
                  <a:pt x="1413" y="350"/>
                </a:lnTo>
                <a:lnTo>
                  <a:pt x="1333" y="347"/>
                </a:lnTo>
                <a:close/>
                <a:moveTo>
                  <a:pt x="1333" y="0"/>
                </a:moveTo>
                <a:lnTo>
                  <a:pt x="1423" y="3"/>
                </a:lnTo>
                <a:lnTo>
                  <a:pt x="1513" y="12"/>
                </a:lnTo>
                <a:lnTo>
                  <a:pt x="1601" y="27"/>
                </a:lnTo>
                <a:lnTo>
                  <a:pt x="1686" y="47"/>
                </a:lnTo>
                <a:lnTo>
                  <a:pt x="1770" y="73"/>
                </a:lnTo>
                <a:lnTo>
                  <a:pt x="1851" y="105"/>
                </a:lnTo>
                <a:lnTo>
                  <a:pt x="1930" y="141"/>
                </a:lnTo>
                <a:lnTo>
                  <a:pt x="2005" y="182"/>
                </a:lnTo>
                <a:lnTo>
                  <a:pt x="2077" y="228"/>
                </a:lnTo>
                <a:lnTo>
                  <a:pt x="2146" y="278"/>
                </a:lnTo>
                <a:lnTo>
                  <a:pt x="2212" y="332"/>
                </a:lnTo>
                <a:lnTo>
                  <a:pt x="2274" y="391"/>
                </a:lnTo>
                <a:lnTo>
                  <a:pt x="2333" y="452"/>
                </a:lnTo>
                <a:lnTo>
                  <a:pt x="2388" y="518"/>
                </a:lnTo>
                <a:lnTo>
                  <a:pt x="2437" y="588"/>
                </a:lnTo>
                <a:lnTo>
                  <a:pt x="2484" y="660"/>
                </a:lnTo>
                <a:lnTo>
                  <a:pt x="2524" y="736"/>
                </a:lnTo>
                <a:lnTo>
                  <a:pt x="2561" y="813"/>
                </a:lnTo>
                <a:lnTo>
                  <a:pt x="2592" y="895"/>
                </a:lnTo>
                <a:lnTo>
                  <a:pt x="2618" y="978"/>
                </a:lnTo>
                <a:lnTo>
                  <a:pt x="2638" y="1064"/>
                </a:lnTo>
                <a:lnTo>
                  <a:pt x="2653" y="1151"/>
                </a:lnTo>
                <a:lnTo>
                  <a:pt x="2662" y="1241"/>
                </a:lnTo>
                <a:lnTo>
                  <a:pt x="2665" y="1332"/>
                </a:lnTo>
                <a:lnTo>
                  <a:pt x="2663" y="1417"/>
                </a:lnTo>
                <a:lnTo>
                  <a:pt x="2655" y="1502"/>
                </a:lnTo>
                <a:lnTo>
                  <a:pt x="2641" y="1585"/>
                </a:lnTo>
                <a:lnTo>
                  <a:pt x="2623" y="1667"/>
                </a:lnTo>
                <a:lnTo>
                  <a:pt x="2598" y="1748"/>
                </a:lnTo>
                <a:lnTo>
                  <a:pt x="2570" y="1827"/>
                </a:lnTo>
                <a:lnTo>
                  <a:pt x="2536" y="1904"/>
                </a:lnTo>
                <a:lnTo>
                  <a:pt x="2497" y="1979"/>
                </a:lnTo>
                <a:lnTo>
                  <a:pt x="2454" y="2051"/>
                </a:lnTo>
                <a:lnTo>
                  <a:pt x="2405" y="2122"/>
                </a:lnTo>
                <a:lnTo>
                  <a:pt x="2353" y="2189"/>
                </a:lnTo>
                <a:lnTo>
                  <a:pt x="3137" y="3004"/>
                </a:lnTo>
                <a:lnTo>
                  <a:pt x="3158" y="3029"/>
                </a:lnTo>
                <a:lnTo>
                  <a:pt x="3173" y="3056"/>
                </a:lnTo>
                <a:lnTo>
                  <a:pt x="3182" y="3084"/>
                </a:lnTo>
                <a:lnTo>
                  <a:pt x="3186" y="3113"/>
                </a:lnTo>
                <a:lnTo>
                  <a:pt x="3186" y="3143"/>
                </a:lnTo>
                <a:lnTo>
                  <a:pt x="3180" y="3172"/>
                </a:lnTo>
                <a:lnTo>
                  <a:pt x="3169" y="3200"/>
                </a:lnTo>
                <a:lnTo>
                  <a:pt x="3154" y="3227"/>
                </a:lnTo>
                <a:lnTo>
                  <a:pt x="3133" y="3250"/>
                </a:lnTo>
                <a:lnTo>
                  <a:pt x="3113" y="3267"/>
                </a:lnTo>
                <a:lnTo>
                  <a:pt x="3090" y="3280"/>
                </a:lnTo>
                <a:lnTo>
                  <a:pt x="3065" y="3291"/>
                </a:lnTo>
                <a:lnTo>
                  <a:pt x="3040" y="3297"/>
                </a:lnTo>
                <a:lnTo>
                  <a:pt x="3013" y="3299"/>
                </a:lnTo>
                <a:lnTo>
                  <a:pt x="2985" y="3297"/>
                </a:lnTo>
                <a:lnTo>
                  <a:pt x="2958" y="3290"/>
                </a:lnTo>
                <a:lnTo>
                  <a:pt x="2932" y="3279"/>
                </a:lnTo>
                <a:lnTo>
                  <a:pt x="2909" y="3264"/>
                </a:lnTo>
                <a:lnTo>
                  <a:pt x="2888" y="3245"/>
                </a:lnTo>
                <a:lnTo>
                  <a:pt x="2096" y="2423"/>
                </a:lnTo>
                <a:lnTo>
                  <a:pt x="2028" y="2468"/>
                </a:lnTo>
                <a:lnTo>
                  <a:pt x="1957" y="2508"/>
                </a:lnTo>
                <a:lnTo>
                  <a:pt x="1884" y="2544"/>
                </a:lnTo>
                <a:lnTo>
                  <a:pt x="1810" y="2576"/>
                </a:lnTo>
                <a:lnTo>
                  <a:pt x="1734" y="2602"/>
                </a:lnTo>
                <a:lnTo>
                  <a:pt x="1655" y="2625"/>
                </a:lnTo>
                <a:lnTo>
                  <a:pt x="1577" y="2641"/>
                </a:lnTo>
                <a:lnTo>
                  <a:pt x="1497" y="2653"/>
                </a:lnTo>
                <a:lnTo>
                  <a:pt x="1415" y="2661"/>
                </a:lnTo>
                <a:lnTo>
                  <a:pt x="1333" y="2664"/>
                </a:lnTo>
                <a:lnTo>
                  <a:pt x="1242" y="2661"/>
                </a:lnTo>
                <a:lnTo>
                  <a:pt x="1152" y="2651"/>
                </a:lnTo>
                <a:lnTo>
                  <a:pt x="1064" y="2637"/>
                </a:lnTo>
                <a:lnTo>
                  <a:pt x="979" y="2616"/>
                </a:lnTo>
                <a:lnTo>
                  <a:pt x="895" y="2590"/>
                </a:lnTo>
                <a:lnTo>
                  <a:pt x="815" y="2559"/>
                </a:lnTo>
                <a:lnTo>
                  <a:pt x="736" y="2523"/>
                </a:lnTo>
                <a:lnTo>
                  <a:pt x="661" y="2481"/>
                </a:lnTo>
                <a:lnTo>
                  <a:pt x="588" y="2436"/>
                </a:lnTo>
                <a:lnTo>
                  <a:pt x="519" y="2385"/>
                </a:lnTo>
                <a:lnTo>
                  <a:pt x="453" y="2332"/>
                </a:lnTo>
                <a:lnTo>
                  <a:pt x="391" y="2273"/>
                </a:lnTo>
                <a:lnTo>
                  <a:pt x="333" y="2211"/>
                </a:lnTo>
                <a:lnTo>
                  <a:pt x="278" y="2145"/>
                </a:lnTo>
                <a:lnTo>
                  <a:pt x="228" y="2076"/>
                </a:lnTo>
                <a:lnTo>
                  <a:pt x="183" y="2003"/>
                </a:lnTo>
                <a:lnTo>
                  <a:pt x="141" y="1928"/>
                </a:lnTo>
                <a:lnTo>
                  <a:pt x="105" y="1849"/>
                </a:lnTo>
                <a:lnTo>
                  <a:pt x="74" y="1769"/>
                </a:lnTo>
                <a:lnTo>
                  <a:pt x="48" y="1685"/>
                </a:lnTo>
                <a:lnTo>
                  <a:pt x="28" y="1600"/>
                </a:lnTo>
                <a:lnTo>
                  <a:pt x="12" y="1512"/>
                </a:lnTo>
                <a:lnTo>
                  <a:pt x="3" y="1423"/>
                </a:lnTo>
                <a:lnTo>
                  <a:pt x="0" y="1332"/>
                </a:lnTo>
                <a:lnTo>
                  <a:pt x="3" y="1241"/>
                </a:lnTo>
                <a:lnTo>
                  <a:pt x="12" y="1151"/>
                </a:lnTo>
                <a:lnTo>
                  <a:pt x="28" y="1064"/>
                </a:lnTo>
                <a:lnTo>
                  <a:pt x="48" y="978"/>
                </a:lnTo>
                <a:lnTo>
                  <a:pt x="74" y="895"/>
                </a:lnTo>
                <a:lnTo>
                  <a:pt x="105" y="813"/>
                </a:lnTo>
                <a:lnTo>
                  <a:pt x="141" y="736"/>
                </a:lnTo>
                <a:lnTo>
                  <a:pt x="183" y="660"/>
                </a:lnTo>
                <a:lnTo>
                  <a:pt x="228" y="588"/>
                </a:lnTo>
                <a:lnTo>
                  <a:pt x="278" y="518"/>
                </a:lnTo>
                <a:lnTo>
                  <a:pt x="333" y="452"/>
                </a:lnTo>
                <a:lnTo>
                  <a:pt x="391" y="391"/>
                </a:lnTo>
                <a:lnTo>
                  <a:pt x="453" y="332"/>
                </a:lnTo>
                <a:lnTo>
                  <a:pt x="519" y="278"/>
                </a:lnTo>
                <a:lnTo>
                  <a:pt x="588" y="228"/>
                </a:lnTo>
                <a:lnTo>
                  <a:pt x="661" y="182"/>
                </a:lnTo>
                <a:lnTo>
                  <a:pt x="736" y="141"/>
                </a:lnTo>
                <a:lnTo>
                  <a:pt x="815" y="105"/>
                </a:lnTo>
                <a:lnTo>
                  <a:pt x="895" y="73"/>
                </a:lnTo>
                <a:lnTo>
                  <a:pt x="979" y="47"/>
                </a:lnTo>
                <a:lnTo>
                  <a:pt x="1064" y="27"/>
                </a:lnTo>
                <a:lnTo>
                  <a:pt x="1152" y="12"/>
                </a:lnTo>
                <a:lnTo>
                  <a:pt x="1242" y="3"/>
                </a:lnTo>
                <a:lnTo>
                  <a:pt x="1333"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35" name="Group 34">
            <a:extLst>
              <a:ext uri="{FF2B5EF4-FFF2-40B4-BE49-F238E27FC236}">
                <a16:creationId xmlns:a16="http://schemas.microsoft.com/office/drawing/2014/main" id="{8FB19584-8FE6-354A-0D61-FE10B0CB2C50}"/>
              </a:ext>
            </a:extLst>
          </p:cNvPr>
          <p:cNvGrpSpPr/>
          <p:nvPr/>
        </p:nvGrpSpPr>
        <p:grpSpPr>
          <a:xfrm>
            <a:off x="4373182" y="3625712"/>
            <a:ext cx="579999" cy="582607"/>
            <a:chOff x="-1682750" y="3551238"/>
            <a:chExt cx="706437" cy="709612"/>
          </a:xfrm>
          <a:solidFill>
            <a:schemeClr val="bg1"/>
          </a:solidFill>
        </p:grpSpPr>
        <p:sp>
          <p:nvSpPr>
            <p:cNvPr id="36" name="Freeform 5">
              <a:extLst>
                <a:ext uri="{FF2B5EF4-FFF2-40B4-BE49-F238E27FC236}">
                  <a16:creationId xmlns:a16="http://schemas.microsoft.com/office/drawing/2014/main" id="{EE5ABCA8-C3C8-B794-B139-BA2BB8FA6985}"/>
                </a:ext>
              </a:extLst>
            </p:cNvPr>
            <p:cNvSpPr>
              <a:spLocks noEditPoints="1"/>
            </p:cNvSpPr>
            <p:nvPr/>
          </p:nvSpPr>
          <p:spPr bwMode="auto">
            <a:xfrm>
              <a:off x="-1682750" y="3551238"/>
              <a:ext cx="706437" cy="709612"/>
            </a:xfrm>
            <a:custGeom>
              <a:avLst/>
              <a:gdLst>
                <a:gd name="T0" fmla="*/ 5625 w 6000"/>
                <a:gd name="T1" fmla="*/ 875 h 6000"/>
                <a:gd name="T2" fmla="*/ 5125 w 6000"/>
                <a:gd name="T3" fmla="*/ 1125 h 6000"/>
                <a:gd name="T4" fmla="*/ 5750 w 6000"/>
                <a:gd name="T5" fmla="*/ 1250 h 6000"/>
                <a:gd name="T6" fmla="*/ 5127 w 6000"/>
                <a:gd name="T7" fmla="*/ 3963 h 6000"/>
                <a:gd name="T8" fmla="*/ 4875 w 6000"/>
                <a:gd name="T9" fmla="*/ 2267 h 6000"/>
                <a:gd name="T10" fmla="*/ 4750 w 6000"/>
                <a:gd name="T11" fmla="*/ 0 h 6000"/>
                <a:gd name="T12" fmla="*/ 2105 w 6000"/>
                <a:gd name="T13" fmla="*/ 2 h 6000"/>
                <a:gd name="T14" fmla="*/ 2095 w 6000"/>
                <a:gd name="T15" fmla="*/ 4 h 6000"/>
                <a:gd name="T16" fmla="*/ 2085 w 6000"/>
                <a:gd name="T17" fmla="*/ 7 h 6000"/>
                <a:gd name="T18" fmla="*/ 2074 w 6000"/>
                <a:gd name="T19" fmla="*/ 11 h 6000"/>
                <a:gd name="T20" fmla="*/ 2064 w 6000"/>
                <a:gd name="T21" fmla="*/ 16 h 6000"/>
                <a:gd name="T22" fmla="*/ 2052 w 6000"/>
                <a:gd name="T23" fmla="*/ 24 h 6000"/>
                <a:gd name="T24" fmla="*/ 2037 w 6000"/>
                <a:gd name="T25" fmla="*/ 37 h 6000"/>
                <a:gd name="T26" fmla="*/ 1125 w 6000"/>
                <a:gd name="T27" fmla="*/ 1000 h 6000"/>
                <a:gd name="T28" fmla="*/ 875 w 6000"/>
                <a:gd name="T29" fmla="*/ 3500 h 6000"/>
                <a:gd name="T30" fmla="*/ 1250 w 6000"/>
                <a:gd name="T31" fmla="*/ 3750 h 6000"/>
                <a:gd name="T32" fmla="*/ 2582 w 6000"/>
                <a:gd name="T33" fmla="*/ 3750 h 6000"/>
                <a:gd name="T34" fmla="*/ 4589 w 6000"/>
                <a:gd name="T35" fmla="*/ 4501 h 6000"/>
                <a:gd name="T36" fmla="*/ 375 w 6000"/>
                <a:gd name="T37" fmla="*/ 4875 h 6000"/>
                <a:gd name="T38" fmla="*/ 250 w 6000"/>
                <a:gd name="T39" fmla="*/ 1250 h 6000"/>
                <a:gd name="T40" fmla="*/ 875 w 6000"/>
                <a:gd name="T41" fmla="*/ 1125 h 6000"/>
                <a:gd name="T42" fmla="*/ 375 w 6000"/>
                <a:gd name="T43" fmla="*/ 875 h 6000"/>
                <a:gd name="T44" fmla="*/ 0 w 6000"/>
                <a:gd name="T45" fmla="*/ 4750 h 6000"/>
                <a:gd name="T46" fmla="*/ 2181 w 6000"/>
                <a:gd name="T47" fmla="*/ 5125 h 6000"/>
                <a:gd name="T48" fmla="*/ 1437 w 6000"/>
                <a:gd name="T49" fmla="*/ 5875 h 6000"/>
                <a:gd name="T50" fmla="*/ 4437 w 6000"/>
                <a:gd name="T51" fmla="*/ 6000 h 6000"/>
                <a:gd name="T52" fmla="*/ 4437 w 6000"/>
                <a:gd name="T53" fmla="*/ 5750 h 6000"/>
                <a:gd name="T54" fmla="*/ 5212 w 6000"/>
                <a:gd name="T55" fmla="*/ 5125 h 6000"/>
                <a:gd name="T56" fmla="*/ 5619 w 6000"/>
                <a:gd name="T57" fmla="*/ 5375 h 6000"/>
                <a:gd name="T58" fmla="*/ 5999 w 6000"/>
                <a:gd name="T59" fmla="*/ 5000 h 6000"/>
                <a:gd name="T60" fmla="*/ 6000 w 6000"/>
                <a:gd name="T61" fmla="*/ 1250 h 6000"/>
                <a:gd name="T62" fmla="*/ 2164 w 6000"/>
                <a:gd name="T63" fmla="*/ 5750 h 6000"/>
                <a:gd name="T64" fmla="*/ 3562 w 6000"/>
                <a:gd name="T65" fmla="*/ 5125 h 6000"/>
                <a:gd name="T66" fmla="*/ 1375 w 6000"/>
                <a:gd name="T67" fmla="*/ 3500 h 6000"/>
                <a:gd name="T68" fmla="*/ 2000 w 6000"/>
                <a:gd name="T69" fmla="*/ 427 h 6000"/>
                <a:gd name="T70" fmla="*/ 1750 w 6000"/>
                <a:gd name="T71" fmla="*/ 875 h 6000"/>
                <a:gd name="T72" fmla="*/ 2125 w 6000"/>
                <a:gd name="T73" fmla="*/ 1125 h 6000"/>
                <a:gd name="T74" fmla="*/ 2250 w 6000"/>
                <a:gd name="T75" fmla="*/ 250 h 6000"/>
                <a:gd name="T76" fmla="*/ 4625 w 6000"/>
                <a:gd name="T77" fmla="*/ 2075 h 6000"/>
                <a:gd name="T78" fmla="*/ 3323 w 6000"/>
                <a:gd name="T79" fmla="*/ 2000 h 6000"/>
                <a:gd name="T80" fmla="*/ 1750 w 6000"/>
                <a:gd name="T81" fmla="*/ 2250 h 6000"/>
                <a:gd name="T82" fmla="*/ 2661 w 6000"/>
                <a:gd name="T83" fmla="*/ 2625 h 6000"/>
                <a:gd name="T84" fmla="*/ 1750 w 6000"/>
                <a:gd name="T85" fmla="*/ 2875 h 6000"/>
                <a:gd name="T86" fmla="*/ 2500 w 6000"/>
                <a:gd name="T87" fmla="*/ 3278 h 6000"/>
                <a:gd name="T88" fmla="*/ 1375 w 6000"/>
                <a:gd name="T89" fmla="*/ 3500 h 6000"/>
                <a:gd name="T90" fmla="*/ 3903 w 6000"/>
                <a:gd name="T91" fmla="*/ 2125 h 6000"/>
                <a:gd name="T92" fmla="*/ 5056 w 6000"/>
                <a:gd name="T93" fmla="*/ 3278 h 6000"/>
                <a:gd name="T94" fmla="*/ 4713 w 6000"/>
                <a:gd name="T95" fmla="*/ 4098 h 6000"/>
                <a:gd name="T96" fmla="*/ 2750 w 6000"/>
                <a:gd name="T97" fmla="*/ 3278 h 6000"/>
                <a:gd name="T98" fmla="*/ 5171 w 6000"/>
                <a:gd name="T99" fmla="*/ 4362 h 6000"/>
                <a:gd name="T100" fmla="*/ 4802 w 6000"/>
                <a:gd name="T101" fmla="*/ 4363 h 6000"/>
                <a:gd name="T102" fmla="*/ 5527 w 6000"/>
                <a:gd name="T103" fmla="*/ 5087 h 6000"/>
                <a:gd name="T104" fmla="*/ 5348 w 6000"/>
                <a:gd name="T105" fmla="*/ 4539 h 6000"/>
                <a:gd name="T106" fmla="*/ 5750 w 6000"/>
                <a:gd name="T107" fmla="*/ 4995 h 6000"/>
                <a:gd name="T108" fmla="*/ 5712 w 6000"/>
                <a:gd name="T109" fmla="*/ 5087 h 6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000" h="6000">
                  <a:moveTo>
                    <a:pt x="6000" y="1250"/>
                  </a:moveTo>
                  <a:cubicBezTo>
                    <a:pt x="6000" y="1043"/>
                    <a:pt x="5832" y="875"/>
                    <a:pt x="5625" y="875"/>
                  </a:cubicBezTo>
                  <a:cubicBezTo>
                    <a:pt x="5125" y="875"/>
                    <a:pt x="5125" y="875"/>
                    <a:pt x="5125" y="875"/>
                  </a:cubicBezTo>
                  <a:cubicBezTo>
                    <a:pt x="5125" y="1125"/>
                    <a:pt x="5125" y="1125"/>
                    <a:pt x="5125" y="1125"/>
                  </a:cubicBezTo>
                  <a:cubicBezTo>
                    <a:pt x="5625" y="1125"/>
                    <a:pt x="5625" y="1125"/>
                    <a:pt x="5625" y="1125"/>
                  </a:cubicBezTo>
                  <a:cubicBezTo>
                    <a:pt x="5694" y="1125"/>
                    <a:pt x="5750" y="1181"/>
                    <a:pt x="5750" y="1250"/>
                  </a:cubicBezTo>
                  <a:cubicBezTo>
                    <a:pt x="5750" y="4586"/>
                    <a:pt x="5750" y="4586"/>
                    <a:pt x="5750" y="4586"/>
                  </a:cubicBezTo>
                  <a:cubicBezTo>
                    <a:pt x="5127" y="3963"/>
                    <a:pt x="5127" y="3963"/>
                    <a:pt x="5127" y="3963"/>
                  </a:cubicBezTo>
                  <a:cubicBezTo>
                    <a:pt x="5426" y="3429"/>
                    <a:pt x="5349" y="2740"/>
                    <a:pt x="4895" y="2286"/>
                  </a:cubicBezTo>
                  <a:cubicBezTo>
                    <a:pt x="4888" y="2279"/>
                    <a:pt x="4882" y="2273"/>
                    <a:pt x="4875" y="2267"/>
                  </a:cubicBezTo>
                  <a:cubicBezTo>
                    <a:pt x="4875" y="125"/>
                    <a:pt x="4875" y="125"/>
                    <a:pt x="4875" y="125"/>
                  </a:cubicBezTo>
                  <a:cubicBezTo>
                    <a:pt x="4875" y="56"/>
                    <a:pt x="4819" y="0"/>
                    <a:pt x="4750" y="0"/>
                  </a:cubicBezTo>
                  <a:cubicBezTo>
                    <a:pt x="2125" y="0"/>
                    <a:pt x="2125" y="0"/>
                    <a:pt x="2125" y="0"/>
                  </a:cubicBezTo>
                  <a:cubicBezTo>
                    <a:pt x="2118" y="0"/>
                    <a:pt x="2112" y="1"/>
                    <a:pt x="2105" y="2"/>
                  </a:cubicBezTo>
                  <a:cubicBezTo>
                    <a:pt x="2104" y="2"/>
                    <a:pt x="2102" y="2"/>
                    <a:pt x="2101" y="2"/>
                  </a:cubicBezTo>
                  <a:cubicBezTo>
                    <a:pt x="2099" y="3"/>
                    <a:pt x="2097" y="3"/>
                    <a:pt x="2095" y="4"/>
                  </a:cubicBezTo>
                  <a:cubicBezTo>
                    <a:pt x="2093" y="4"/>
                    <a:pt x="2091" y="5"/>
                    <a:pt x="2089" y="5"/>
                  </a:cubicBezTo>
                  <a:cubicBezTo>
                    <a:pt x="2088" y="6"/>
                    <a:pt x="2086" y="6"/>
                    <a:pt x="2085" y="7"/>
                  </a:cubicBezTo>
                  <a:cubicBezTo>
                    <a:pt x="2082" y="8"/>
                    <a:pt x="2080" y="8"/>
                    <a:pt x="2077" y="9"/>
                  </a:cubicBezTo>
                  <a:cubicBezTo>
                    <a:pt x="2076" y="10"/>
                    <a:pt x="2075" y="10"/>
                    <a:pt x="2074" y="11"/>
                  </a:cubicBezTo>
                  <a:cubicBezTo>
                    <a:pt x="2072" y="12"/>
                    <a:pt x="2069" y="13"/>
                    <a:pt x="2066" y="15"/>
                  </a:cubicBezTo>
                  <a:cubicBezTo>
                    <a:pt x="2065" y="15"/>
                    <a:pt x="2065" y="16"/>
                    <a:pt x="2064" y="16"/>
                  </a:cubicBezTo>
                  <a:cubicBezTo>
                    <a:pt x="2061" y="18"/>
                    <a:pt x="2058" y="19"/>
                    <a:pt x="2056" y="21"/>
                  </a:cubicBezTo>
                  <a:cubicBezTo>
                    <a:pt x="2054" y="22"/>
                    <a:pt x="2053" y="23"/>
                    <a:pt x="2052" y="24"/>
                  </a:cubicBezTo>
                  <a:cubicBezTo>
                    <a:pt x="2050" y="25"/>
                    <a:pt x="2048" y="27"/>
                    <a:pt x="2046" y="28"/>
                  </a:cubicBezTo>
                  <a:cubicBezTo>
                    <a:pt x="2043" y="31"/>
                    <a:pt x="2040" y="34"/>
                    <a:pt x="2037" y="37"/>
                  </a:cubicBezTo>
                  <a:cubicBezTo>
                    <a:pt x="1162" y="912"/>
                    <a:pt x="1162" y="912"/>
                    <a:pt x="1162" y="912"/>
                  </a:cubicBezTo>
                  <a:cubicBezTo>
                    <a:pt x="1138" y="935"/>
                    <a:pt x="1125" y="967"/>
                    <a:pt x="1125" y="1000"/>
                  </a:cubicBezTo>
                  <a:cubicBezTo>
                    <a:pt x="1125" y="3500"/>
                    <a:pt x="1125" y="3500"/>
                    <a:pt x="1125" y="3500"/>
                  </a:cubicBezTo>
                  <a:cubicBezTo>
                    <a:pt x="875" y="3500"/>
                    <a:pt x="875" y="3500"/>
                    <a:pt x="875" y="3500"/>
                  </a:cubicBezTo>
                  <a:cubicBezTo>
                    <a:pt x="875" y="3750"/>
                    <a:pt x="875" y="3750"/>
                    <a:pt x="875" y="3750"/>
                  </a:cubicBezTo>
                  <a:cubicBezTo>
                    <a:pt x="1250" y="3750"/>
                    <a:pt x="1250" y="3750"/>
                    <a:pt x="1250" y="3750"/>
                  </a:cubicBezTo>
                  <a:cubicBezTo>
                    <a:pt x="1375" y="3750"/>
                    <a:pt x="1375" y="3750"/>
                    <a:pt x="1375" y="3750"/>
                  </a:cubicBezTo>
                  <a:cubicBezTo>
                    <a:pt x="2582" y="3750"/>
                    <a:pt x="2582" y="3750"/>
                    <a:pt x="2582" y="3750"/>
                  </a:cubicBezTo>
                  <a:cubicBezTo>
                    <a:pt x="2775" y="4292"/>
                    <a:pt x="3294" y="4681"/>
                    <a:pt x="3903" y="4681"/>
                  </a:cubicBezTo>
                  <a:cubicBezTo>
                    <a:pt x="4145" y="4680"/>
                    <a:pt x="4381" y="4618"/>
                    <a:pt x="4589" y="4501"/>
                  </a:cubicBezTo>
                  <a:cubicBezTo>
                    <a:pt x="4962" y="4875"/>
                    <a:pt x="4962" y="4875"/>
                    <a:pt x="4962" y="4875"/>
                  </a:cubicBezTo>
                  <a:cubicBezTo>
                    <a:pt x="375" y="4875"/>
                    <a:pt x="375" y="4875"/>
                    <a:pt x="375" y="4875"/>
                  </a:cubicBezTo>
                  <a:cubicBezTo>
                    <a:pt x="306" y="4875"/>
                    <a:pt x="250" y="4819"/>
                    <a:pt x="250" y="4750"/>
                  </a:cubicBezTo>
                  <a:cubicBezTo>
                    <a:pt x="250" y="1250"/>
                    <a:pt x="250" y="1250"/>
                    <a:pt x="250" y="1250"/>
                  </a:cubicBezTo>
                  <a:cubicBezTo>
                    <a:pt x="250" y="1181"/>
                    <a:pt x="306" y="1125"/>
                    <a:pt x="375" y="1125"/>
                  </a:cubicBezTo>
                  <a:cubicBezTo>
                    <a:pt x="875" y="1125"/>
                    <a:pt x="875" y="1125"/>
                    <a:pt x="875" y="1125"/>
                  </a:cubicBezTo>
                  <a:cubicBezTo>
                    <a:pt x="875" y="875"/>
                    <a:pt x="875" y="875"/>
                    <a:pt x="875" y="875"/>
                  </a:cubicBezTo>
                  <a:cubicBezTo>
                    <a:pt x="375" y="875"/>
                    <a:pt x="375" y="875"/>
                    <a:pt x="375" y="875"/>
                  </a:cubicBezTo>
                  <a:cubicBezTo>
                    <a:pt x="168" y="875"/>
                    <a:pt x="0" y="1043"/>
                    <a:pt x="0" y="1250"/>
                  </a:cubicBezTo>
                  <a:cubicBezTo>
                    <a:pt x="0" y="4750"/>
                    <a:pt x="0" y="4750"/>
                    <a:pt x="0" y="4750"/>
                  </a:cubicBezTo>
                  <a:cubicBezTo>
                    <a:pt x="0" y="4957"/>
                    <a:pt x="168" y="5125"/>
                    <a:pt x="375" y="5125"/>
                  </a:cubicBezTo>
                  <a:cubicBezTo>
                    <a:pt x="2181" y="5125"/>
                    <a:pt x="2181" y="5125"/>
                    <a:pt x="2181" y="5125"/>
                  </a:cubicBezTo>
                  <a:cubicBezTo>
                    <a:pt x="2121" y="5726"/>
                    <a:pt x="1622" y="5749"/>
                    <a:pt x="1562" y="5750"/>
                  </a:cubicBezTo>
                  <a:cubicBezTo>
                    <a:pt x="1493" y="5750"/>
                    <a:pt x="1437" y="5806"/>
                    <a:pt x="1437" y="5875"/>
                  </a:cubicBezTo>
                  <a:cubicBezTo>
                    <a:pt x="1437" y="5944"/>
                    <a:pt x="1493" y="6000"/>
                    <a:pt x="1562" y="6000"/>
                  </a:cubicBezTo>
                  <a:cubicBezTo>
                    <a:pt x="4437" y="6000"/>
                    <a:pt x="4437" y="6000"/>
                    <a:pt x="4437" y="6000"/>
                  </a:cubicBezTo>
                  <a:cubicBezTo>
                    <a:pt x="4507" y="6000"/>
                    <a:pt x="4562" y="5944"/>
                    <a:pt x="4562" y="5875"/>
                  </a:cubicBezTo>
                  <a:cubicBezTo>
                    <a:pt x="4562" y="5806"/>
                    <a:pt x="4507" y="5750"/>
                    <a:pt x="4437" y="5750"/>
                  </a:cubicBezTo>
                  <a:cubicBezTo>
                    <a:pt x="4414" y="5750"/>
                    <a:pt x="3882" y="5742"/>
                    <a:pt x="3819" y="5125"/>
                  </a:cubicBezTo>
                  <a:cubicBezTo>
                    <a:pt x="5212" y="5125"/>
                    <a:pt x="5212" y="5125"/>
                    <a:pt x="5212" y="5125"/>
                  </a:cubicBezTo>
                  <a:cubicBezTo>
                    <a:pt x="5350" y="5264"/>
                    <a:pt x="5350" y="5264"/>
                    <a:pt x="5350" y="5264"/>
                  </a:cubicBezTo>
                  <a:cubicBezTo>
                    <a:pt x="5422" y="5335"/>
                    <a:pt x="5519" y="5375"/>
                    <a:pt x="5619" y="5375"/>
                  </a:cubicBezTo>
                  <a:cubicBezTo>
                    <a:pt x="5720" y="5375"/>
                    <a:pt x="5817" y="5334"/>
                    <a:pt x="5888" y="5263"/>
                  </a:cubicBezTo>
                  <a:cubicBezTo>
                    <a:pt x="5961" y="5190"/>
                    <a:pt x="5998" y="5095"/>
                    <a:pt x="5999" y="5000"/>
                  </a:cubicBezTo>
                  <a:cubicBezTo>
                    <a:pt x="6000" y="5000"/>
                    <a:pt x="6000" y="5000"/>
                    <a:pt x="6000" y="5000"/>
                  </a:cubicBezTo>
                  <a:lnTo>
                    <a:pt x="6000" y="1250"/>
                  </a:lnTo>
                  <a:close/>
                  <a:moveTo>
                    <a:pt x="3836" y="5750"/>
                  </a:moveTo>
                  <a:cubicBezTo>
                    <a:pt x="2164" y="5750"/>
                    <a:pt x="2164" y="5750"/>
                    <a:pt x="2164" y="5750"/>
                  </a:cubicBezTo>
                  <a:cubicBezTo>
                    <a:pt x="2327" y="5580"/>
                    <a:pt x="2424" y="5358"/>
                    <a:pt x="2438" y="5125"/>
                  </a:cubicBezTo>
                  <a:cubicBezTo>
                    <a:pt x="3562" y="5125"/>
                    <a:pt x="3562" y="5125"/>
                    <a:pt x="3562" y="5125"/>
                  </a:cubicBezTo>
                  <a:cubicBezTo>
                    <a:pt x="3576" y="5358"/>
                    <a:pt x="3673" y="5580"/>
                    <a:pt x="3836" y="5750"/>
                  </a:cubicBezTo>
                  <a:close/>
                  <a:moveTo>
                    <a:pt x="1375" y="3500"/>
                  </a:moveTo>
                  <a:cubicBezTo>
                    <a:pt x="1375" y="1052"/>
                    <a:pt x="1375" y="1052"/>
                    <a:pt x="1375" y="1052"/>
                  </a:cubicBezTo>
                  <a:cubicBezTo>
                    <a:pt x="2000" y="427"/>
                    <a:pt x="2000" y="427"/>
                    <a:pt x="2000" y="427"/>
                  </a:cubicBezTo>
                  <a:cubicBezTo>
                    <a:pt x="2000" y="875"/>
                    <a:pt x="2000" y="875"/>
                    <a:pt x="2000" y="875"/>
                  </a:cubicBezTo>
                  <a:cubicBezTo>
                    <a:pt x="1750" y="875"/>
                    <a:pt x="1750" y="875"/>
                    <a:pt x="1750" y="875"/>
                  </a:cubicBezTo>
                  <a:cubicBezTo>
                    <a:pt x="1750" y="1125"/>
                    <a:pt x="1750" y="1125"/>
                    <a:pt x="1750" y="1125"/>
                  </a:cubicBezTo>
                  <a:cubicBezTo>
                    <a:pt x="2125" y="1125"/>
                    <a:pt x="2125" y="1125"/>
                    <a:pt x="2125" y="1125"/>
                  </a:cubicBezTo>
                  <a:cubicBezTo>
                    <a:pt x="2194" y="1125"/>
                    <a:pt x="2250" y="1069"/>
                    <a:pt x="2250" y="1000"/>
                  </a:cubicBezTo>
                  <a:cubicBezTo>
                    <a:pt x="2250" y="250"/>
                    <a:pt x="2250" y="250"/>
                    <a:pt x="2250" y="250"/>
                  </a:cubicBezTo>
                  <a:cubicBezTo>
                    <a:pt x="4625" y="250"/>
                    <a:pt x="4625" y="250"/>
                    <a:pt x="4625" y="250"/>
                  </a:cubicBezTo>
                  <a:cubicBezTo>
                    <a:pt x="4625" y="2075"/>
                    <a:pt x="4625" y="2075"/>
                    <a:pt x="4625" y="2075"/>
                  </a:cubicBezTo>
                  <a:cubicBezTo>
                    <a:pt x="4409" y="1945"/>
                    <a:pt x="4159" y="1875"/>
                    <a:pt x="3903" y="1875"/>
                  </a:cubicBezTo>
                  <a:cubicBezTo>
                    <a:pt x="3696" y="1875"/>
                    <a:pt x="3500" y="1920"/>
                    <a:pt x="3323" y="2000"/>
                  </a:cubicBezTo>
                  <a:cubicBezTo>
                    <a:pt x="1750" y="2000"/>
                    <a:pt x="1750" y="2000"/>
                    <a:pt x="1750" y="2000"/>
                  </a:cubicBezTo>
                  <a:cubicBezTo>
                    <a:pt x="1750" y="2250"/>
                    <a:pt x="1750" y="2250"/>
                    <a:pt x="1750" y="2250"/>
                  </a:cubicBezTo>
                  <a:cubicBezTo>
                    <a:pt x="2948" y="2250"/>
                    <a:pt x="2948" y="2250"/>
                    <a:pt x="2948" y="2250"/>
                  </a:cubicBezTo>
                  <a:cubicBezTo>
                    <a:pt x="2833" y="2357"/>
                    <a:pt x="2735" y="2484"/>
                    <a:pt x="2661" y="2625"/>
                  </a:cubicBezTo>
                  <a:cubicBezTo>
                    <a:pt x="1750" y="2625"/>
                    <a:pt x="1750" y="2625"/>
                    <a:pt x="1750" y="2625"/>
                  </a:cubicBezTo>
                  <a:cubicBezTo>
                    <a:pt x="1750" y="2875"/>
                    <a:pt x="1750" y="2875"/>
                    <a:pt x="1750" y="2875"/>
                  </a:cubicBezTo>
                  <a:cubicBezTo>
                    <a:pt x="2559" y="2875"/>
                    <a:pt x="2559" y="2875"/>
                    <a:pt x="2559" y="2875"/>
                  </a:cubicBezTo>
                  <a:cubicBezTo>
                    <a:pt x="2521" y="3003"/>
                    <a:pt x="2500" y="3138"/>
                    <a:pt x="2500" y="3278"/>
                  </a:cubicBezTo>
                  <a:cubicBezTo>
                    <a:pt x="2500" y="3353"/>
                    <a:pt x="2506" y="3428"/>
                    <a:pt x="2518" y="3500"/>
                  </a:cubicBezTo>
                  <a:cubicBezTo>
                    <a:pt x="1375" y="3500"/>
                    <a:pt x="1375" y="3500"/>
                    <a:pt x="1375" y="3500"/>
                  </a:cubicBezTo>
                  <a:close/>
                  <a:moveTo>
                    <a:pt x="2750" y="3278"/>
                  </a:moveTo>
                  <a:cubicBezTo>
                    <a:pt x="2750" y="2641"/>
                    <a:pt x="3266" y="2125"/>
                    <a:pt x="3903" y="2125"/>
                  </a:cubicBezTo>
                  <a:cubicBezTo>
                    <a:pt x="4209" y="2124"/>
                    <a:pt x="4502" y="2246"/>
                    <a:pt x="4718" y="2462"/>
                  </a:cubicBezTo>
                  <a:cubicBezTo>
                    <a:pt x="4934" y="2679"/>
                    <a:pt x="5056" y="2972"/>
                    <a:pt x="5056" y="3278"/>
                  </a:cubicBezTo>
                  <a:cubicBezTo>
                    <a:pt x="5056" y="3593"/>
                    <a:pt x="4929" y="3879"/>
                    <a:pt x="4723" y="4088"/>
                  </a:cubicBezTo>
                  <a:cubicBezTo>
                    <a:pt x="4713" y="4098"/>
                    <a:pt x="4713" y="4098"/>
                    <a:pt x="4713" y="4098"/>
                  </a:cubicBezTo>
                  <a:cubicBezTo>
                    <a:pt x="4504" y="4304"/>
                    <a:pt x="4219" y="4430"/>
                    <a:pt x="3903" y="4430"/>
                  </a:cubicBezTo>
                  <a:cubicBezTo>
                    <a:pt x="3266" y="4431"/>
                    <a:pt x="2750" y="3915"/>
                    <a:pt x="2750" y="3278"/>
                  </a:cubicBezTo>
                  <a:close/>
                  <a:moveTo>
                    <a:pt x="4987" y="4178"/>
                  </a:moveTo>
                  <a:cubicBezTo>
                    <a:pt x="5171" y="4362"/>
                    <a:pt x="5171" y="4362"/>
                    <a:pt x="5171" y="4362"/>
                  </a:cubicBezTo>
                  <a:cubicBezTo>
                    <a:pt x="4987" y="4547"/>
                    <a:pt x="4987" y="4547"/>
                    <a:pt x="4987" y="4547"/>
                  </a:cubicBezTo>
                  <a:cubicBezTo>
                    <a:pt x="4802" y="4363"/>
                    <a:pt x="4802" y="4363"/>
                    <a:pt x="4802" y="4363"/>
                  </a:cubicBezTo>
                  <a:lnTo>
                    <a:pt x="4987" y="4178"/>
                  </a:lnTo>
                  <a:close/>
                  <a:moveTo>
                    <a:pt x="5527" y="5087"/>
                  </a:moveTo>
                  <a:cubicBezTo>
                    <a:pt x="5163" y="4724"/>
                    <a:pt x="5163" y="4724"/>
                    <a:pt x="5163" y="4724"/>
                  </a:cubicBezTo>
                  <a:cubicBezTo>
                    <a:pt x="5348" y="4539"/>
                    <a:pt x="5348" y="4539"/>
                    <a:pt x="5348" y="4539"/>
                  </a:cubicBezTo>
                  <a:cubicBezTo>
                    <a:pt x="5712" y="4903"/>
                    <a:pt x="5712" y="4903"/>
                    <a:pt x="5712" y="4903"/>
                  </a:cubicBezTo>
                  <a:cubicBezTo>
                    <a:pt x="5737" y="4928"/>
                    <a:pt x="5750" y="4961"/>
                    <a:pt x="5750" y="4995"/>
                  </a:cubicBezTo>
                  <a:cubicBezTo>
                    <a:pt x="5750" y="4996"/>
                    <a:pt x="5750" y="4996"/>
                    <a:pt x="5750" y="4996"/>
                  </a:cubicBezTo>
                  <a:cubicBezTo>
                    <a:pt x="5750" y="5029"/>
                    <a:pt x="5737" y="5062"/>
                    <a:pt x="5712" y="5087"/>
                  </a:cubicBezTo>
                  <a:cubicBezTo>
                    <a:pt x="5661" y="5138"/>
                    <a:pt x="5578" y="5138"/>
                    <a:pt x="5527" y="508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6">
              <a:extLst>
                <a:ext uri="{FF2B5EF4-FFF2-40B4-BE49-F238E27FC236}">
                  <a16:creationId xmlns:a16="http://schemas.microsoft.com/office/drawing/2014/main" id="{0E3A7FE3-1979-AFC4-4683-C7324E017EDA}"/>
                </a:ext>
              </a:extLst>
            </p:cNvPr>
            <p:cNvSpPr>
              <a:spLocks/>
            </p:cNvSpPr>
            <p:nvPr/>
          </p:nvSpPr>
          <p:spPr bwMode="auto">
            <a:xfrm>
              <a:off x="-1296988" y="3822700"/>
              <a:ext cx="147637" cy="63500"/>
            </a:xfrm>
            <a:custGeom>
              <a:avLst/>
              <a:gdLst>
                <a:gd name="T0" fmla="*/ 0 w 1261"/>
                <a:gd name="T1" fmla="*/ 347 h 524"/>
                <a:gd name="T2" fmla="*/ 177 w 1261"/>
                <a:gd name="T3" fmla="*/ 524 h 524"/>
                <a:gd name="T4" fmla="*/ 1085 w 1261"/>
                <a:gd name="T5" fmla="*/ 524 h 524"/>
                <a:gd name="T6" fmla="*/ 1261 w 1261"/>
                <a:gd name="T7" fmla="*/ 347 h 524"/>
                <a:gd name="T8" fmla="*/ 0 w 1261"/>
                <a:gd name="T9" fmla="*/ 347 h 524"/>
              </a:gdLst>
              <a:ahLst/>
              <a:cxnLst>
                <a:cxn ang="0">
                  <a:pos x="T0" y="T1"/>
                </a:cxn>
                <a:cxn ang="0">
                  <a:pos x="T2" y="T3"/>
                </a:cxn>
                <a:cxn ang="0">
                  <a:pos x="T4" y="T5"/>
                </a:cxn>
                <a:cxn ang="0">
                  <a:pos x="T6" y="T7"/>
                </a:cxn>
                <a:cxn ang="0">
                  <a:pos x="T8" y="T9"/>
                </a:cxn>
              </a:cxnLst>
              <a:rect l="0" t="0" r="r" b="b"/>
              <a:pathLst>
                <a:path w="1261" h="524">
                  <a:moveTo>
                    <a:pt x="0" y="347"/>
                  </a:moveTo>
                  <a:cubicBezTo>
                    <a:pt x="177" y="524"/>
                    <a:pt x="177" y="524"/>
                    <a:pt x="177" y="524"/>
                  </a:cubicBezTo>
                  <a:cubicBezTo>
                    <a:pt x="428" y="274"/>
                    <a:pt x="834" y="274"/>
                    <a:pt x="1085" y="524"/>
                  </a:cubicBezTo>
                  <a:cubicBezTo>
                    <a:pt x="1261" y="347"/>
                    <a:pt x="1261" y="347"/>
                    <a:pt x="1261" y="347"/>
                  </a:cubicBezTo>
                  <a:cubicBezTo>
                    <a:pt x="913" y="0"/>
                    <a:pt x="349" y="0"/>
                    <a:pt x="0" y="3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7">
              <a:extLst>
                <a:ext uri="{FF2B5EF4-FFF2-40B4-BE49-F238E27FC236}">
                  <a16:creationId xmlns:a16="http://schemas.microsoft.com/office/drawing/2014/main" id="{945D36B5-A45A-1DA6-DB4D-76AA28123CAC}"/>
                </a:ext>
              </a:extLst>
            </p:cNvPr>
            <p:cNvSpPr>
              <a:spLocks/>
            </p:cNvSpPr>
            <p:nvPr/>
          </p:nvSpPr>
          <p:spPr bwMode="auto">
            <a:xfrm>
              <a:off x="-1624013" y="4024313"/>
              <a:ext cx="74612" cy="74612"/>
            </a:xfrm>
            <a:custGeom>
              <a:avLst/>
              <a:gdLst>
                <a:gd name="T0" fmla="*/ 0 w 625"/>
                <a:gd name="T1" fmla="*/ 0 h 625"/>
                <a:gd name="T2" fmla="*/ 0 w 625"/>
                <a:gd name="T3" fmla="*/ 500 h 625"/>
                <a:gd name="T4" fmla="*/ 125 w 625"/>
                <a:gd name="T5" fmla="*/ 625 h 625"/>
                <a:gd name="T6" fmla="*/ 625 w 625"/>
                <a:gd name="T7" fmla="*/ 625 h 625"/>
                <a:gd name="T8" fmla="*/ 625 w 625"/>
                <a:gd name="T9" fmla="*/ 375 h 625"/>
                <a:gd name="T10" fmla="*/ 250 w 625"/>
                <a:gd name="T11" fmla="*/ 375 h 625"/>
                <a:gd name="T12" fmla="*/ 250 w 625"/>
                <a:gd name="T13" fmla="*/ 0 h 625"/>
                <a:gd name="T14" fmla="*/ 0 w 625"/>
                <a:gd name="T15" fmla="*/ 0 h 62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25" h="625">
                  <a:moveTo>
                    <a:pt x="0" y="0"/>
                  </a:moveTo>
                  <a:cubicBezTo>
                    <a:pt x="0" y="500"/>
                    <a:pt x="0" y="500"/>
                    <a:pt x="0" y="500"/>
                  </a:cubicBezTo>
                  <a:cubicBezTo>
                    <a:pt x="0" y="569"/>
                    <a:pt x="56" y="625"/>
                    <a:pt x="125" y="625"/>
                  </a:cubicBezTo>
                  <a:cubicBezTo>
                    <a:pt x="625" y="625"/>
                    <a:pt x="625" y="625"/>
                    <a:pt x="625" y="625"/>
                  </a:cubicBezTo>
                  <a:cubicBezTo>
                    <a:pt x="625" y="375"/>
                    <a:pt x="625" y="375"/>
                    <a:pt x="625" y="375"/>
                  </a:cubicBezTo>
                  <a:cubicBezTo>
                    <a:pt x="250" y="375"/>
                    <a:pt x="250" y="375"/>
                    <a:pt x="250" y="375"/>
                  </a:cubicBezTo>
                  <a:cubicBezTo>
                    <a:pt x="250" y="0"/>
                    <a:pt x="250" y="0"/>
                    <a:pt x="250" y="0"/>
                  </a:cubicBezTo>
                  <a:cubicBezTo>
                    <a:pt x="0" y="0"/>
                    <a:pt x="0" y="0"/>
                    <a:pt x="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Rectangle 8">
              <a:extLst>
                <a:ext uri="{FF2B5EF4-FFF2-40B4-BE49-F238E27FC236}">
                  <a16:creationId xmlns:a16="http://schemas.microsoft.com/office/drawing/2014/main" id="{18280489-1E10-29DE-5D16-49B91C5D7946}"/>
                </a:ext>
              </a:extLst>
            </p:cNvPr>
            <p:cNvSpPr>
              <a:spLocks noChangeArrowheads="1"/>
            </p:cNvSpPr>
            <p:nvPr/>
          </p:nvSpPr>
          <p:spPr bwMode="auto">
            <a:xfrm>
              <a:off x="-1520825" y="4068763"/>
              <a:ext cx="30162" cy="3016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Rectangle 9">
              <a:extLst>
                <a:ext uri="{FF2B5EF4-FFF2-40B4-BE49-F238E27FC236}">
                  <a16:creationId xmlns:a16="http://schemas.microsoft.com/office/drawing/2014/main" id="{0F5CAA84-46B0-8CB8-7727-D8C8ED1CBC6A}"/>
                </a:ext>
              </a:extLst>
            </p:cNvPr>
            <p:cNvSpPr>
              <a:spLocks noChangeArrowheads="1"/>
            </p:cNvSpPr>
            <p:nvPr/>
          </p:nvSpPr>
          <p:spPr bwMode="auto">
            <a:xfrm>
              <a:off x="-1476375" y="3714750"/>
              <a:ext cx="293687" cy="285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41" name="Group 40">
            <a:extLst>
              <a:ext uri="{FF2B5EF4-FFF2-40B4-BE49-F238E27FC236}">
                <a16:creationId xmlns:a16="http://schemas.microsoft.com/office/drawing/2014/main" id="{639CB528-C1A6-BE57-0988-B3FF464F17FE}"/>
              </a:ext>
            </a:extLst>
          </p:cNvPr>
          <p:cNvGrpSpPr/>
          <p:nvPr/>
        </p:nvGrpSpPr>
        <p:grpSpPr>
          <a:xfrm>
            <a:off x="1672471" y="3721536"/>
            <a:ext cx="600655" cy="606383"/>
            <a:chOff x="4478338" y="4321175"/>
            <a:chExt cx="998537" cy="1008063"/>
          </a:xfrm>
          <a:solidFill>
            <a:schemeClr val="bg1"/>
          </a:solidFill>
        </p:grpSpPr>
        <p:sp>
          <p:nvSpPr>
            <p:cNvPr id="42" name="Freeform 20">
              <a:extLst>
                <a:ext uri="{FF2B5EF4-FFF2-40B4-BE49-F238E27FC236}">
                  <a16:creationId xmlns:a16="http://schemas.microsoft.com/office/drawing/2014/main" id="{12A33E55-3998-0F56-549B-EA92D5DCE1C4}"/>
                </a:ext>
              </a:extLst>
            </p:cNvPr>
            <p:cNvSpPr>
              <a:spLocks noEditPoints="1"/>
            </p:cNvSpPr>
            <p:nvPr/>
          </p:nvSpPr>
          <p:spPr bwMode="auto">
            <a:xfrm>
              <a:off x="4478338" y="4321175"/>
              <a:ext cx="998537" cy="1008063"/>
            </a:xfrm>
            <a:custGeom>
              <a:avLst/>
              <a:gdLst>
                <a:gd name="T0" fmla="*/ 10382 w 12000"/>
                <a:gd name="T1" fmla="*/ 3486 h 12074"/>
                <a:gd name="T2" fmla="*/ 11776 w 12000"/>
                <a:gd name="T3" fmla="*/ 1011 h 12074"/>
                <a:gd name="T4" fmla="*/ 8588 w 12000"/>
                <a:gd name="T5" fmla="*/ 1692 h 12074"/>
                <a:gd name="T6" fmla="*/ 6880 w 12000"/>
                <a:gd name="T7" fmla="*/ 74 h 12074"/>
                <a:gd name="T8" fmla="*/ 4663 w 12000"/>
                <a:gd name="T9" fmla="*/ 1173 h 12074"/>
                <a:gd name="T10" fmla="*/ 2380 w 12000"/>
                <a:gd name="T11" fmla="*/ 1210 h 12074"/>
                <a:gd name="T12" fmla="*/ 1590 w 12000"/>
                <a:gd name="T13" fmla="*/ 3554 h 12074"/>
                <a:gd name="T14" fmla="*/ 0 w 12000"/>
                <a:gd name="T15" fmla="*/ 5194 h 12074"/>
                <a:gd name="T16" fmla="*/ 1099 w 12000"/>
                <a:gd name="T17" fmla="*/ 7411 h 12074"/>
                <a:gd name="T18" fmla="*/ 1136 w 12000"/>
                <a:gd name="T19" fmla="*/ 9694 h 12074"/>
                <a:gd name="T20" fmla="*/ 3480 w 12000"/>
                <a:gd name="T21" fmla="*/ 10484 h 12074"/>
                <a:gd name="T22" fmla="*/ 5120 w 12000"/>
                <a:gd name="T23" fmla="*/ 12074 h 12074"/>
                <a:gd name="T24" fmla="*/ 7337 w 12000"/>
                <a:gd name="T25" fmla="*/ 10975 h 12074"/>
                <a:gd name="T26" fmla="*/ 9620 w 12000"/>
                <a:gd name="T27" fmla="*/ 10938 h 12074"/>
                <a:gd name="T28" fmla="*/ 10410 w 12000"/>
                <a:gd name="T29" fmla="*/ 8594 h 12074"/>
                <a:gd name="T30" fmla="*/ 12000 w 12000"/>
                <a:gd name="T31" fmla="*/ 6954 h 12074"/>
                <a:gd name="T32" fmla="*/ 10313 w 12000"/>
                <a:gd name="T33" fmla="*/ 630 h 12074"/>
                <a:gd name="T34" fmla="*/ 11531 w 12000"/>
                <a:gd name="T35" fmla="*/ 1552 h 12074"/>
                <a:gd name="T36" fmla="*/ 9708 w 12000"/>
                <a:gd name="T37" fmla="*/ 1235 h 12074"/>
                <a:gd name="T38" fmla="*/ 9778 w 12000"/>
                <a:gd name="T39" fmla="*/ 1968 h 12074"/>
                <a:gd name="T40" fmla="*/ 8949 w 12000"/>
                <a:gd name="T41" fmla="*/ 3364 h 12074"/>
                <a:gd name="T42" fmla="*/ 10508 w 12000"/>
                <a:gd name="T43" fmla="*/ 2698 h 12074"/>
                <a:gd name="T44" fmla="*/ 6364 w 12000"/>
                <a:gd name="T45" fmla="*/ 6841 h 12074"/>
                <a:gd name="T46" fmla="*/ 7855 w 12000"/>
                <a:gd name="T47" fmla="*/ 4223 h 12074"/>
                <a:gd name="T48" fmla="*/ 5233 w 12000"/>
                <a:gd name="T49" fmla="*/ 5710 h 12074"/>
                <a:gd name="T50" fmla="*/ 9376 w 12000"/>
                <a:gd name="T51" fmla="*/ 1566 h 12074"/>
                <a:gd name="T52" fmla="*/ 5469 w 12000"/>
                <a:gd name="T53" fmla="*/ 6609 h 12074"/>
                <a:gd name="T54" fmla="*/ 5936 w 12000"/>
                <a:gd name="T55" fmla="*/ 7076 h 12074"/>
                <a:gd name="T56" fmla="*/ 4981 w 12000"/>
                <a:gd name="T57" fmla="*/ 7414 h 12074"/>
                <a:gd name="T58" fmla="*/ 4981 w 12000"/>
                <a:gd name="T59" fmla="*/ 7414 h 12074"/>
                <a:gd name="T60" fmla="*/ 10513 w 12000"/>
                <a:gd name="T61" fmla="*/ 7122 h 12074"/>
                <a:gd name="T62" fmla="*/ 10403 w 12000"/>
                <a:gd name="T63" fmla="*/ 9492 h 12074"/>
                <a:gd name="T64" fmla="*/ 8450 w 12000"/>
                <a:gd name="T65" fmla="*/ 10006 h 12074"/>
                <a:gd name="T66" fmla="*/ 6696 w 12000"/>
                <a:gd name="T67" fmla="*/ 11605 h 12074"/>
                <a:gd name="T68" fmla="*/ 4952 w 12000"/>
                <a:gd name="T69" fmla="*/ 10587 h 12074"/>
                <a:gd name="T70" fmla="*/ 2582 w 12000"/>
                <a:gd name="T71" fmla="*/ 10477 h 12074"/>
                <a:gd name="T72" fmla="*/ 2068 w 12000"/>
                <a:gd name="T73" fmla="*/ 8524 h 12074"/>
                <a:gd name="T74" fmla="*/ 469 w 12000"/>
                <a:gd name="T75" fmla="*/ 6771 h 12074"/>
                <a:gd name="T76" fmla="*/ 1487 w 12000"/>
                <a:gd name="T77" fmla="*/ 5026 h 12074"/>
                <a:gd name="T78" fmla="*/ 1597 w 12000"/>
                <a:gd name="T79" fmla="*/ 2656 h 12074"/>
                <a:gd name="T80" fmla="*/ 3550 w 12000"/>
                <a:gd name="T81" fmla="*/ 2142 h 12074"/>
                <a:gd name="T82" fmla="*/ 5303 w 12000"/>
                <a:gd name="T83" fmla="*/ 543 h 12074"/>
                <a:gd name="T84" fmla="*/ 7048 w 12000"/>
                <a:gd name="T85" fmla="*/ 1561 h 12074"/>
                <a:gd name="T86" fmla="*/ 6000 w 12000"/>
                <a:gd name="T87" fmla="*/ 2277 h 12074"/>
                <a:gd name="T88" fmla="*/ 4178 w 12000"/>
                <a:gd name="T89" fmla="*/ 3246 h 12074"/>
                <a:gd name="T90" fmla="*/ 7279 w 12000"/>
                <a:gd name="T91" fmla="*/ 3001 h 12074"/>
                <a:gd name="T92" fmla="*/ 3879 w 12000"/>
                <a:gd name="T93" fmla="*/ 7896 h 12074"/>
                <a:gd name="T94" fmla="*/ 4178 w 12000"/>
                <a:gd name="T95" fmla="*/ 8195 h 12074"/>
                <a:gd name="T96" fmla="*/ 9073 w 12000"/>
                <a:gd name="T97" fmla="*/ 4795 h 12074"/>
                <a:gd name="T98" fmla="*/ 2672 w 12000"/>
                <a:gd name="T99" fmla="*/ 6074 h 12074"/>
                <a:gd name="T100" fmla="*/ 2725 w 12000"/>
                <a:gd name="T101" fmla="*/ 4152 h 12074"/>
                <a:gd name="T102" fmla="*/ 9797 w 12000"/>
                <a:gd name="T103" fmla="*/ 6074 h 12074"/>
                <a:gd name="T104" fmla="*/ 10513 w 12000"/>
                <a:gd name="T105" fmla="*/ 5026 h 12074"/>
                <a:gd name="T106" fmla="*/ 11531 w 12000"/>
                <a:gd name="T107" fmla="*/ 6771 h 12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2000" h="12074">
                  <a:moveTo>
                    <a:pt x="11822" y="4967"/>
                  </a:moveTo>
                  <a:cubicBezTo>
                    <a:pt x="10901" y="4737"/>
                    <a:pt x="10901" y="4737"/>
                    <a:pt x="10901" y="4737"/>
                  </a:cubicBezTo>
                  <a:cubicBezTo>
                    <a:pt x="10382" y="3486"/>
                    <a:pt x="10382" y="3486"/>
                    <a:pt x="10382" y="3486"/>
                  </a:cubicBezTo>
                  <a:cubicBezTo>
                    <a:pt x="11776" y="2092"/>
                    <a:pt x="11776" y="2092"/>
                    <a:pt x="11776" y="2092"/>
                  </a:cubicBezTo>
                  <a:cubicBezTo>
                    <a:pt x="11920" y="1948"/>
                    <a:pt x="12000" y="1756"/>
                    <a:pt x="12000" y="1552"/>
                  </a:cubicBezTo>
                  <a:cubicBezTo>
                    <a:pt x="12000" y="1347"/>
                    <a:pt x="11920" y="1155"/>
                    <a:pt x="11776" y="1011"/>
                  </a:cubicBezTo>
                  <a:cubicBezTo>
                    <a:pt x="11063" y="298"/>
                    <a:pt x="11063" y="298"/>
                    <a:pt x="11063" y="298"/>
                  </a:cubicBezTo>
                  <a:cubicBezTo>
                    <a:pt x="10765" y="0"/>
                    <a:pt x="10280" y="0"/>
                    <a:pt x="9982" y="298"/>
                  </a:cubicBezTo>
                  <a:cubicBezTo>
                    <a:pt x="8588" y="1692"/>
                    <a:pt x="8588" y="1692"/>
                    <a:pt x="8588" y="1692"/>
                  </a:cubicBezTo>
                  <a:cubicBezTo>
                    <a:pt x="7337" y="1173"/>
                    <a:pt x="7337" y="1173"/>
                    <a:pt x="7337" y="1173"/>
                  </a:cubicBezTo>
                  <a:cubicBezTo>
                    <a:pt x="7107" y="252"/>
                    <a:pt x="7107" y="252"/>
                    <a:pt x="7107" y="252"/>
                  </a:cubicBezTo>
                  <a:cubicBezTo>
                    <a:pt x="7081" y="147"/>
                    <a:pt x="6987" y="74"/>
                    <a:pt x="6880" y="74"/>
                  </a:cubicBezTo>
                  <a:cubicBezTo>
                    <a:pt x="5120" y="74"/>
                    <a:pt x="5120" y="74"/>
                    <a:pt x="5120" y="74"/>
                  </a:cubicBezTo>
                  <a:cubicBezTo>
                    <a:pt x="5013" y="74"/>
                    <a:pt x="4919" y="147"/>
                    <a:pt x="4893" y="252"/>
                  </a:cubicBezTo>
                  <a:cubicBezTo>
                    <a:pt x="4663" y="1173"/>
                    <a:pt x="4663" y="1173"/>
                    <a:pt x="4663" y="1173"/>
                  </a:cubicBezTo>
                  <a:cubicBezTo>
                    <a:pt x="3480" y="1664"/>
                    <a:pt x="3480" y="1664"/>
                    <a:pt x="3480" y="1664"/>
                  </a:cubicBezTo>
                  <a:cubicBezTo>
                    <a:pt x="2666" y="1175"/>
                    <a:pt x="2666" y="1175"/>
                    <a:pt x="2666" y="1175"/>
                  </a:cubicBezTo>
                  <a:cubicBezTo>
                    <a:pt x="2574" y="1119"/>
                    <a:pt x="2456" y="1134"/>
                    <a:pt x="2380" y="1210"/>
                  </a:cubicBezTo>
                  <a:cubicBezTo>
                    <a:pt x="1136" y="2454"/>
                    <a:pt x="1136" y="2454"/>
                    <a:pt x="1136" y="2454"/>
                  </a:cubicBezTo>
                  <a:cubicBezTo>
                    <a:pt x="1060" y="2530"/>
                    <a:pt x="1045" y="2648"/>
                    <a:pt x="1101" y="2741"/>
                  </a:cubicBezTo>
                  <a:cubicBezTo>
                    <a:pt x="1590" y="3554"/>
                    <a:pt x="1590" y="3554"/>
                    <a:pt x="1590" y="3554"/>
                  </a:cubicBezTo>
                  <a:cubicBezTo>
                    <a:pt x="1099" y="4737"/>
                    <a:pt x="1099" y="4737"/>
                    <a:pt x="1099" y="4737"/>
                  </a:cubicBezTo>
                  <a:cubicBezTo>
                    <a:pt x="178" y="4967"/>
                    <a:pt x="178" y="4967"/>
                    <a:pt x="178" y="4967"/>
                  </a:cubicBezTo>
                  <a:cubicBezTo>
                    <a:pt x="73" y="4993"/>
                    <a:pt x="0" y="5087"/>
                    <a:pt x="0" y="5194"/>
                  </a:cubicBezTo>
                  <a:cubicBezTo>
                    <a:pt x="0" y="6954"/>
                    <a:pt x="0" y="6954"/>
                    <a:pt x="0" y="6954"/>
                  </a:cubicBezTo>
                  <a:cubicBezTo>
                    <a:pt x="0" y="7061"/>
                    <a:pt x="73" y="7155"/>
                    <a:pt x="178" y="7181"/>
                  </a:cubicBezTo>
                  <a:cubicBezTo>
                    <a:pt x="1099" y="7411"/>
                    <a:pt x="1099" y="7411"/>
                    <a:pt x="1099" y="7411"/>
                  </a:cubicBezTo>
                  <a:cubicBezTo>
                    <a:pt x="1590" y="8594"/>
                    <a:pt x="1590" y="8594"/>
                    <a:pt x="1590" y="8594"/>
                  </a:cubicBezTo>
                  <a:cubicBezTo>
                    <a:pt x="1101" y="9407"/>
                    <a:pt x="1101" y="9407"/>
                    <a:pt x="1101" y="9407"/>
                  </a:cubicBezTo>
                  <a:cubicBezTo>
                    <a:pt x="1045" y="9500"/>
                    <a:pt x="1060" y="9618"/>
                    <a:pt x="1136" y="9694"/>
                  </a:cubicBezTo>
                  <a:cubicBezTo>
                    <a:pt x="2380" y="10938"/>
                    <a:pt x="2380" y="10938"/>
                    <a:pt x="2380" y="10938"/>
                  </a:cubicBezTo>
                  <a:cubicBezTo>
                    <a:pt x="2456" y="11014"/>
                    <a:pt x="2574" y="11029"/>
                    <a:pt x="2666" y="10973"/>
                  </a:cubicBezTo>
                  <a:cubicBezTo>
                    <a:pt x="3480" y="10484"/>
                    <a:pt x="3480" y="10484"/>
                    <a:pt x="3480" y="10484"/>
                  </a:cubicBezTo>
                  <a:cubicBezTo>
                    <a:pt x="4663" y="10975"/>
                    <a:pt x="4663" y="10975"/>
                    <a:pt x="4663" y="10975"/>
                  </a:cubicBezTo>
                  <a:cubicBezTo>
                    <a:pt x="4893" y="11896"/>
                    <a:pt x="4893" y="11896"/>
                    <a:pt x="4893" y="11896"/>
                  </a:cubicBezTo>
                  <a:cubicBezTo>
                    <a:pt x="4919" y="12001"/>
                    <a:pt x="5013" y="12074"/>
                    <a:pt x="5120" y="12074"/>
                  </a:cubicBezTo>
                  <a:cubicBezTo>
                    <a:pt x="6880" y="12074"/>
                    <a:pt x="6880" y="12074"/>
                    <a:pt x="6880" y="12074"/>
                  </a:cubicBezTo>
                  <a:cubicBezTo>
                    <a:pt x="6987" y="12074"/>
                    <a:pt x="7081" y="12001"/>
                    <a:pt x="7107" y="11896"/>
                  </a:cubicBezTo>
                  <a:cubicBezTo>
                    <a:pt x="7337" y="10975"/>
                    <a:pt x="7337" y="10975"/>
                    <a:pt x="7337" y="10975"/>
                  </a:cubicBezTo>
                  <a:cubicBezTo>
                    <a:pt x="8520" y="10484"/>
                    <a:pt x="8520" y="10484"/>
                    <a:pt x="8520" y="10484"/>
                  </a:cubicBezTo>
                  <a:cubicBezTo>
                    <a:pt x="9333" y="10973"/>
                    <a:pt x="9333" y="10973"/>
                    <a:pt x="9333" y="10973"/>
                  </a:cubicBezTo>
                  <a:cubicBezTo>
                    <a:pt x="9426" y="11029"/>
                    <a:pt x="9544" y="11014"/>
                    <a:pt x="9620" y="10938"/>
                  </a:cubicBezTo>
                  <a:cubicBezTo>
                    <a:pt x="10864" y="9694"/>
                    <a:pt x="10864" y="9694"/>
                    <a:pt x="10864" y="9694"/>
                  </a:cubicBezTo>
                  <a:cubicBezTo>
                    <a:pt x="10940" y="9618"/>
                    <a:pt x="10955" y="9500"/>
                    <a:pt x="10899" y="9407"/>
                  </a:cubicBezTo>
                  <a:cubicBezTo>
                    <a:pt x="10410" y="8594"/>
                    <a:pt x="10410" y="8594"/>
                    <a:pt x="10410" y="8594"/>
                  </a:cubicBezTo>
                  <a:cubicBezTo>
                    <a:pt x="10901" y="7411"/>
                    <a:pt x="10901" y="7411"/>
                    <a:pt x="10901" y="7411"/>
                  </a:cubicBezTo>
                  <a:cubicBezTo>
                    <a:pt x="11822" y="7181"/>
                    <a:pt x="11822" y="7181"/>
                    <a:pt x="11822" y="7181"/>
                  </a:cubicBezTo>
                  <a:cubicBezTo>
                    <a:pt x="11927" y="7155"/>
                    <a:pt x="12000" y="7061"/>
                    <a:pt x="12000" y="6954"/>
                  </a:cubicBezTo>
                  <a:cubicBezTo>
                    <a:pt x="12000" y="5194"/>
                    <a:pt x="12000" y="5194"/>
                    <a:pt x="12000" y="5194"/>
                  </a:cubicBezTo>
                  <a:cubicBezTo>
                    <a:pt x="12000" y="5087"/>
                    <a:pt x="11927" y="4993"/>
                    <a:pt x="11822" y="4967"/>
                  </a:cubicBezTo>
                  <a:close/>
                  <a:moveTo>
                    <a:pt x="10313" y="630"/>
                  </a:moveTo>
                  <a:cubicBezTo>
                    <a:pt x="10428" y="514"/>
                    <a:pt x="10616" y="514"/>
                    <a:pt x="10732" y="630"/>
                  </a:cubicBezTo>
                  <a:cubicBezTo>
                    <a:pt x="11445" y="1342"/>
                    <a:pt x="11445" y="1342"/>
                    <a:pt x="11445" y="1342"/>
                  </a:cubicBezTo>
                  <a:cubicBezTo>
                    <a:pt x="11500" y="1398"/>
                    <a:pt x="11531" y="1473"/>
                    <a:pt x="11531" y="1552"/>
                  </a:cubicBezTo>
                  <a:cubicBezTo>
                    <a:pt x="11531" y="1631"/>
                    <a:pt x="11500" y="1705"/>
                    <a:pt x="11444" y="1761"/>
                  </a:cubicBezTo>
                  <a:cubicBezTo>
                    <a:pt x="10839" y="2366"/>
                    <a:pt x="10839" y="2366"/>
                    <a:pt x="10839" y="2366"/>
                  </a:cubicBezTo>
                  <a:cubicBezTo>
                    <a:pt x="9708" y="1235"/>
                    <a:pt x="9708" y="1235"/>
                    <a:pt x="9708" y="1235"/>
                  </a:cubicBezTo>
                  <a:lnTo>
                    <a:pt x="10313" y="630"/>
                  </a:lnTo>
                  <a:close/>
                  <a:moveTo>
                    <a:pt x="9376" y="1566"/>
                  </a:moveTo>
                  <a:cubicBezTo>
                    <a:pt x="9778" y="1968"/>
                    <a:pt x="9778" y="1968"/>
                    <a:pt x="9778" y="1968"/>
                  </a:cubicBezTo>
                  <a:cubicBezTo>
                    <a:pt x="8783" y="2964"/>
                    <a:pt x="8783" y="2964"/>
                    <a:pt x="8783" y="2964"/>
                  </a:cubicBezTo>
                  <a:cubicBezTo>
                    <a:pt x="8692" y="3055"/>
                    <a:pt x="8692" y="3204"/>
                    <a:pt x="8783" y="3295"/>
                  </a:cubicBezTo>
                  <a:cubicBezTo>
                    <a:pt x="8829" y="3341"/>
                    <a:pt x="8889" y="3364"/>
                    <a:pt x="8949" y="3364"/>
                  </a:cubicBezTo>
                  <a:cubicBezTo>
                    <a:pt x="9009" y="3364"/>
                    <a:pt x="9069" y="3341"/>
                    <a:pt x="9115" y="3295"/>
                  </a:cubicBezTo>
                  <a:cubicBezTo>
                    <a:pt x="10110" y="2300"/>
                    <a:pt x="10110" y="2300"/>
                    <a:pt x="10110" y="2300"/>
                  </a:cubicBezTo>
                  <a:cubicBezTo>
                    <a:pt x="10508" y="2698"/>
                    <a:pt x="10508" y="2698"/>
                    <a:pt x="10508" y="2698"/>
                  </a:cubicBezTo>
                  <a:cubicBezTo>
                    <a:pt x="8976" y="4229"/>
                    <a:pt x="8976" y="4229"/>
                    <a:pt x="8976" y="4229"/>
                  </a:cubicBezTo>
                  <a:cubicBezTo>
                    <a:pt x="8976" y="4230"/>
                    <a:pt x="8975" y="4230"/>
                    <a:pt x="8975" y="4231"/>
                  </a:cubicBezTo>
                  <a:cubicBezTo>
                    <a:pt x="6364" y="6841"/>
                    <a:pt x="6364" y="6841"/>
                    <a:pt x="6364" y="6841"/>
                  </a:cubicBezTo>
                  <a:cubicBezTo>
                    <a:pt x="5966" y="6443"/>
                    <a:pt x="5966" y="6443"/>
                    <a:pt x="5966" y="6443"/>
                  </a:cubicBezTo>
                  <a:cubicBezTo>
                    <a:pt x="7855" y="4554"/>
                    <a:pt x="7855" y="4554"/>
                    <a:pt x="7855" y="4554"/>
                  </a:cubicBezTo>
                  <a:cubicBezTo>
                    <a:pt x="7947" y="4463"/>
                    <a:pt x="7947" y="4314"/>
                    <a:pt x="7855" y="4223"/>
                  </a:cubicBezTo>
                  <a:cubicBezTo>
                    <a:pt x="7764" y="4131"/>
                    <a:pt x="7615" y="4131"/>
                    <a:pt x="7524" y="4223"/>
                  </a:cubicBezTo>
                  <a:cubicBezTo>
                    <a:pt x="5635" y="6112"/>
                    <a:pt x="5635" y="6112"/>
                    <a:pt x="5635" y="6112"/>
                  </a:cubicBezTo>
                  <a:cubicBezTo>
                    <a:pt x="5233" y="5710"/>
                    <a:pt x="5233" y="5710"/>
                    <a:pt x="5233" y="5710"/>
                  </a:cubicBezTo>
                  <a:cubicBezTo>
                    <a:pt x="7843" y="3099"/>
                    <a:pt x="7843" y="3099"/>
                    <a:pt x="7843" y="3099"/>
                  </a:cubicBezTo>
                  <a:cubicBezTo>
                    <a:pt x="7844" y="3099"/>
                    <a:pt x="7844" y="3098"/>
                    <a:pt x="7845" y="3098"/>
                  </a:cubicBezTo>
                  <a:lnTo>
                    <a:pt x="9376" y="1566"/>
                  </a:lnTo>
                  <a:close/>
                  <a:moveTo>
                    <a:pt x="4833" y="6604"/>
                  </a:moveTo>
                  <a:cubicBezTo>
                    <a:pt x="4998" y="6138"/>
                    <a:pt x="4998" y="6138"/>
                    <a:pt x="4998" y="6138"/>
                  </a:cubicBezTo>
                  <a:cubicBezTo>
                    <a:pt x="5469" y="6609"/>
                    <a:pt x="5469" y="6609"/>
                    <a:pt x="5469" y="6609"/>
                  </a:cubicBezTo>
                  <a:cubicBezTo>
                    <a:pt x="5469" y="6609"/>
                    <a:pt x="5469" y="6609"/>
                    <a:pt x="5469" y="6609"/>
                  </a:cubicBezTo>
                  <a:cubicBezTo>
                    <a:pt x="5469" y="6609"/>
                    <a:pt x="5470" y="6609"/>
                    <a:pt x="5470" y="6610"/>
                  </a:cubicBezTo>
                  <a:cubicBezTo>
                    <a:pt x="5936" y="7076"/>
                    <a:pt x="5936" y="7076"/>
                    <a:pt x="5936" y="7076"/>
                  </a:cubicBezTo>
                  <a:cubicBezTo>
                    <a:pt x="5470" y="7241"/>
                    <a:pt x="5470" y="7241"/>
                    <a:pt x="5470" y="7241"/>
                  </a:cubicBezTo>
                  <a:lnTo>
                    <a:pt x="4833" y="6604"/>
                  </a:lnTo>
                  <a:close/>
                  <a:moveTo>
                    <a:pt x="4981" y="7414"/>
                  </a:moveTo>
                  <a:cubicBezTo>
                    <a:pt x="4485" y="7590"/>
                    <a:pt x="4485" y="7590"/>
                    <a:pt x="4485" y="7590"/>
                  </a:cubicBezTo>
                  <a:cubicBezTo>
                    <a:pt x="4660" y="7093"/>
                    <a:pt x="4660" y="7093"/>
                    <a:pt x="4660" y="7093"/>
                  </a:cubicBezTo>
                  <a:lnTo>
                    <a:pt x="4981" y="7414"/>
                  </a:lnTo>
                  <a:close/>
                  <a:moveTo>
                    <a:pt x="11531" y="6771"/>
                  </a:moveTo>
                  <a:cubicBezTo>
                    <a:pt x="10673" y="6984"/>
                    <a:pt x="10673" y="6984"/>
                    <a:pt x="10673" y="6984"/>
                  </a:cubicBezTo>
                  <a:cubicBezTo>
                    <a:pt x="10601" y="7002"/>
                    <a:pt x="10541" y="7053"/>
                    <a:pt x="10513" y="7122"/>
                  </a:cubicBezTo>
                  <a:cubicBezTo>
                    <a:pt x="9932" y="8524"/>
                    <a:pt x="9932" y="8524"/>
                    <a:pt x="9932" y="8524"/>
                  </a:cubicBezTo>
                  <a:cubicBezTo>
                    <a:pt x="9904" y="8592"/>
                    <a:pt x="9909" y="8670"/>
                    <a:pt x="9948" y="8734"/>
                  </a:cubicBezTo>
                  <a:cubicBezTo>
                    <a:pt x="10403" y="9492"/>
                    <a:pt x="10403" y="9492"/>
                    <a:pt x="10403" y="9492"/>
                  </a:cubicBezTo>
                  <a:cubicBezTo>
                    <a:pt x="9418" y="10477"/>
                    <a:pt x="9418" y="10477"/>
                    <a:pt x="9418" y="10477"/>
                  </a:cubicBezTo>
                  <a:cubicBezTo>
                    <a:pt x="8660" y="10022"/>
                    <a:pt x="8660" y="10022"/>
                    <a:pt x="8660" y="10022"/>
                  </a:cubicBezTo>
                  <a:cubicBezTo>
                    <a:pt x="8596" y="9983"/>
                    <a:pt x="8518" y="9978"/>
                    <a:pt x="8450" y="10006"/>
                  </a:cubicBezTo>
                  <a:cubicBezTo>
                    <a:pt x="7048" y="10587"/>
                    <a:pt x="7048" y="10587"/>
                    <a:pt x="7048" y="10587"/>
                  </a:cubicBezTo>
                  <a:cubicBezTo>
                    <a:pt x="6979" y="10615"/>
                    <a:pt x="6928" y="10675"/>
                    <a:pt x="6910" y="10747"/>
                  </a:cubicBezTo>
                  <a:cubicBezTo>
                    <a:pt x="6696" y="11605"/>
                    <a:pt x="6696" y="11605"/>
                    <a:pt x="6696" y="11605"/>
                  </a:cubicBezTo>
                  <a:cubicBezTo>
                    <a:pt x="5303" y="11605"/>
                    <a:pt x="5303" y="11605"/>
                    <a:pt x="5303" y="11605"/>
                  </a:cubicBezTo>
                  <a:cubicBezTo>
                    <a:pt x="5090" y="10747"/>
                    <a:pt x="5090" y="10747"/>
                    <a:pt x="5090" y="10747"/>
                  </a:cubicBezTo>
                  <a:cubicBezTo>
                    <a:pt x="5072" y="10675"/>
                    <a:pt x="5021" y="10615"/>
                    <a:pt x="4952" y="10587"/>
                  </a:cubicBezTo>
                  <a:cubicBezTo>
                    <a:pt x="3550" y="10006"/>
                    <a:pt x="3550" y="10006"/>
                    <a:pt x="3550" y="10006"/>
                  </a:cubicBezTo>
                  <a:cubicBezTo>
                    <a:pt x="3482" y="9978"/>
                    <a:pt x="3403" y="9983"/>
                    <a:pt x="3340" y="10022"/>
                  </a:cubicBezTo>
                  <a:cubicBezTo>
                    <a:pt x="2582" y="10477"/>
                    <a:pt x="2582" y="10477"/>
                    <a:pt x="2582" y="10477"/>
                  </a:cubicBezTo>
                  <a:cubicBezTo>
                    <a:pt x="1597" y="9492"/>
                    <a:pt x="1597" y="9492"/>
                    <a:pt x="1597" y="9492"/>
                  </a:cubicBezTo>
                  <a:cubicBezTo>
                    <a:pt x="2052" y="8734"/>
                    <a:pt x="2052" y="8734"/>
                    <a:pt x="2052" y="8734"/>
                  </a:cubicBezTo>
                  <a:cubicBezTo>
                    <a:pt x="2091" y="8670"/>
                    <a:pt x="2096" y="8592"/>
                    <a:pt x="2068" y="8524"/>
                  </a:cubicBezTo>
                  <a:cubicBezTo>
                    <a:pt x="1487" y="7122"/>
                    <a:pt x="1487" y="7122"/>
                    <a:pt x="1487" y="7122"/>
                  </a:cubicBezTo>
                  <a:cubicBezTo>
                    <a:pt x="1459" y="7053"/>
                    <a:pt x="1399" y="7002"/>
                    <a:pt x="1327" y="6984"/>
                  </a:cubicBezTo>
                  <a:cubicBezTo>
                    <a:pt x="469" y="6771"/>
                    <a:pt x="469" y="6771"/>
                    <a:pt x="469" y="6771"/>
                  </a:cubicBezTo>
                  <a:cubicBezTo>
                    <a:pt x="469" y="5377"/>
                    <a:pt x="469" y="5377"/>
                    <a:pt x="469" y="5377"/>
                  </a:cubicBezTo>
                  <a:cubicBezTo>
                    <a:pt x="1327" y="5164"/>
                    <a:pt x="1327" y="5164"/>
                    <a:pt x="1327" y="5164"/>
                  </a:cubicBezTo>
                  <a:cubicBezTo>
                    <a:pt x="1399" y="5146"/>
                    <a:pt x="1459" y="5095"/>
                    <a:pt x="1487" y="5026"/>
                  </a:cubicBezTo>
                  <a:cubicBezTo>
                    <a:pt x="2068" y="3624"/>
                    <a:pt x="2068" y="3624"/>
                    <a:pt x="2068" y="3624"/>
                  </a:cubicBezTo>
                  <a:cubicBezTo>
                    <a:pt x="2096" y="3556"/>
                    <a:pt x="2091" y="3478"/>
                    <a:pt x="2052" y="3414"/>
                  </a:cubicBezTo>
                  <a:cubicBezTo>
                    <a:pt x="1597" y="2656"/>
                    <a:pt x="1597" y="2656"/>
                    <a:pt x="1597" y="2656"/>
                  </a:cubicBezTo>
                  <a:cubicBezTo>
                    <a:pt x="2582" y="1671"/>
                    <a:pt x="2582" y="1671"/>
                    <a:pt x="2582" y="1671"/>
                  </a:cubicBezTo>
                  <a:cubicBezTo>
                    <a:pt x="3340" y="2126"/>
                    <a:pt x="3340" y="2126"/>
                    <a:pt x="3340" y="2126"/>
                  </a:cubicBezTo>
                  <a:cubicBezTo>
                    <a:pt x="3403" y="2165"/>
                    <a:pt x="3482" y="2170"/>
                    <a:pt x="3550" y="2142"/>
                  </a:cubicBezTo>
                  <a:cubicBezTo>
                    <a:pt x="4952" y="1561"/>
                    <a:pt x="4952" y="1561"/>
                    <a:pt x="4952" y="1561"/>
                  </a:cubicBezTo>
                  <a:cubicBezTo>
                    <a:pt x="5021" y="1533"/>
                    <a:pt x="5072" y="1473"/>
                    <a:pt x="5090" y="1401"/>
                  </a:cubicBezTo>
                  <a:cubicBezTo>
                    <a:pt x="5303" y="543"/>
                    <a:pt x="5303" y="543"/>
                    <a:pt x="5303" y="543"/>
                  </a:cubicBezTo>
                  <a:cubicBezTo>
                    <a:pt x="6696" y="543"/>
                    <a:pt x="6696" y="543"/>
                    <a:pt x="6696" y="543"/>
                  </a:cubicBezTo>
                  <a:cubicBezTo>
                    <a:pt x="6910" y="1401"/>
                    <a:pt x="6910" y="1401"/>
                    <a:pt x="6910" y="1401"/>
                  </a:cubicBezTo>
                  <a:cubicBezTo>
                    <a:pt x="6928" y="1473"/>
                    <a:pt x="6979" y="1533"/>
                    <a:pt x="7048" y="1561"/>
                  </a:cubicBezTo>
                  <a:cubicBezTo>
                    <a:pt x="8229" y="2051"/>
                    <a:pt x="8229" y="2051"/>
                    <a:pt x="8229" y="2051"/>
                  </a:cubicBezTo>
                  <a:cubicBezTo>
                    <a:pt x="7633" y="2646"/>
                    <a:pt x="7633" y="2646"/>
                    <a:pt x="7633" y="2646"/>
                  </a:cubicBezTo>
                  <a:cubicBezTo>
                    <a:pt x="7126" y="2405"/>
                    <a:pt x="6565" y="2277"/>
                    <a:pt x="6000" y="2277"/>
                  </a:cubicBezTo>
                  <a:cubicBezTo>
                    <a:pt x="5315" y="2277"/>
                    <a:pt x="4643" y="2462"/>
                    <a:pt x="4058" y="2811"/>
                  </a:cubicBezTo>
                  <a:cubicBezTo>
                    <a:pt x="3947" y="2877"/>
                    <a:pt x="3910" y="3021"/>
                    <a:pt x="3977" y="3132"/>
                  </a:cubicBezTo>
                  <a:cubicBezTo>
                    <a:pt x="4021" y="3206"/>
                    <a:pt x="4098" y="3246"/>
                    <a:pt x="4178" y="3246"/>
                  </a:cubicBezTo>
                  <a:cubicBezTo>
                    <a:pt x="4219" y="3246"/>
                    <a:pt x="4260" y="3236"/>
                    <a:pt x="4298" y="3213"/>
                  </a:cubicBezTo>
                  <a:cubicBezTo>
                    <a:pt x="4811" y="2908"/>
                    <a:pt x="5399" y="2746"/>
                    <a:pt x="6000" y="2746"/>
                  </a:cubicBezTo>
                  <a:cubicBezTo>
                    <a:pt x="6439" y="2746"/>
                    <a:pt x="6876" y="2834"/>
                    <a:pt x="7279" y="3001"/>
                  </a:cubicBezTo>
                  <a:cubicBezTo>
                    <a:pt x="4736" y="5544"/>
                    <a:pt x="4736" y="5544"/>
                    <a:pt x="4736" y="5544"/>
                  </a:cubicBezTo>
                  <a:cubicBezTo>
                    <a:pt x="4711" y="5569"/>
                    <a:pt x="4692" y="5599"/>
                    <a:pt x="4680" y="5632"/>
                  </a:cubicBezTo>
                  <a:cubicBezTo>
                    <a:pt x="3879" y="7896"/>
                    <a:pt x="3879" y="7896"/>
                    <a:pt x="3879" y="7896"/>
                  </a:cubicBezTo>
                  <a:cubicBezTo>
                    <a:pt x="3849" y="7981"/>
                    <a:pt x="3870" y="8076"/>
                    <a:pt x="3934" y="8140"/>
                  </a:cubicBezTo>
                  <a:cubicBezTo>
                    <a:pt x="3979" y="8185"/>
                    <a:pt x="4039" y="8209"/>
                    <a:pt x="4100" y="8209"/>
                  </a:cubicBezTo>
                  <a:cubicBezTo>
                    <a:pt x="4126" y="8209"/>
                    <a:pt x="4152" y="8204"/>
                    <a:pt x="4178" y="8195"/>
                  </a:cubicBezTo>
                  <a:cubicBezTo>
                    <a:pt x="6442" y="7394"/>
                    <a:pt x="6442" y="7394"/>
                    <a:pt x="6442" y="7394"/>
                  </a:cubicBezTo>
                  <a:cubicBezTo>
                    <a:pt x="6475" y="7382"/>
                    <a:pt x="6505" y="7363"/>
                    <a:pt x="6530" y="7338"/>
                  </a:cubicBezTo>
                  <a:cubicBezTo>
                    <a:pt x="9073" y="4795"/>
                    <a:pt x="9073" y="4795"/>
                    <a:pt x="9073" y="4795"/>
                  </a:cubicBezTo>
                  <a:cubicBezTo>
                    <a:pt x="9240" y="5198"/>
                    <a:pt x="9328" y="5635"/>
                    <a:pt x="9328" y="6074"/>
                  </a:cubicBezTo>
                  <a:cubicBezTo>
                    <a:pt x="9328" y="7909"/>
                    <a:pt x="7835" y="9402"/>
                    <a:pt x="6000" y="9402"/>
                  </a:cubicBezTo>
                  <a:cubicBezTo>
                    <a:pt x="4165" y="9402"/>
                    <a:pt x="2672" y="7909"/>
                    <a:pt x="2672" y="6074"/>
                  </a:cubicBezTo>
                  <a:cubicBezTo>
                    <a:pt x="2672" y="5481"/>
                    <a:pt x="2830" y="4898"/>
                    <a:pt x="3129" y="4390"/>
                  </a:cubicBezTo>
                  <a:cubicBezTo>
                    <a:pt x="3194" y="4278"/>
                    <a:pt x="3157" y="4135"/>
                    <a:pt x="3046" y="4069"/>
                  </a:cubicBezTo>
                  <a:cubicBezTo>
                    <a:pt x="2934" y="4003"/>
                    <a:pt x="2790" y="4041"/>
                    <a:pt x="2725" y="4152"/>
                  </a:cubicBezTo>
                  <a:cubicBezTo>
                    <a:pt x="2383" y="4733"/>
                    <a:pt x="2203" y="5397"/>
                    <a:pt x="2203" y="6074"/>
                  </a:cubicBezTo>
                  <a:cubicBezTo>
                    <a:pt x="2203" y="8168"/>
                    <a:pt x="3906" y="9871"/>
                    <a:pt x="6000" y="9871"/>
                  </a:cubicBezTo>
                  <a:cubicBezTo>
                    <a:pt x="8093" y="9871"/>
                    <a:pt x="9797" y="8168"/>
                    <a:pt x="9797" y="6074"/>
                  </a:cubicBezTo>
                  <a:cubicBezTo>
                    <a:pt x="9797" y="5509"/>
                    <a:pt x="9669" y="4948"/>
                    <a:pt x="9428" y="4441"/>
                  </a:cubicBezTo>
                  <a:cubicBezTo>
                    <a:pt x="10023" y="3845"/>
                    <a:pt x="10023" y="3845"/>
                    <a:pt x="10023" y="3845"/>
                  </a:cubicBezTo>
                  <a:cubicBezTo>
                    <a:pt x="10513" y="5026"/>
                    <a:pt x="10513" y="5026"/>
                    <a:pt x="10513" y="5026"/>
                  </a:cubicBezTo>
                  <a:cubicBezTo>
                    <a:pt x="10541" y="5095"/>
                    <a:pt x="10601" y="5146"/>
                    <a:pt x="10673" y="5164"/>
                  </a:cubicBezTo>
                  <a:cubicBezTo>
                    <a:pt x="11531" y="5378"/>
                    <a:pt x="11531" y="5378"/>
                    <a:pt x="11531" y="5378"/>
                  </a:cubicBezTo>
                  <a:cubicBezTo>
                    <a:pt x="11531" y="6771"/>
                    <a:pt x="11531" y="6771"/>
                    <a:pt x="11531" y="677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1">
              <a:extLst>
                <a:ext uri="{FF2B5EF4-FFF2-40B4-BE49-F238E27FC236}">
                  <a16:creationId xmlns:a16="http://schemas.microsoft.com/office/drawing/2014/main" id="{B95941B9-EEF5-E563-10A0-18E55C899931}"/>
                </a:ext>
              </a:extLst>
            </p:cNvPr>
            <p:cNvSpPr>
              <a:spLocks/>
            </p:cNvSpPr>
            <p:nvPr/>
          </p:nvSpPr>
          <p:spPr bwMode="auto">
            <a:xfrm>
              <a:off x="4746625" y="4597400"/>
              <a:ext cx="42862" cy="41275"/>
            </a:xfrm>
            <a:custGeom>
              <a:avLst/>
              <a:gdLst>
                <a:gd name="T0" fmla="*/ 428 w 521"/>
                <a:gd name="T1" fmla="*/ 91 h 498"/>
                <a:gd name="T2" fmla="*/ 96 w 521"/>
                <a:gd name="T3" fmla="*/ 93 h 498"/>
                <a:gd name="T4" fmla="*/ 91 w 521"/>
                <a:gd name="T5" fmla="*/ 98 h 498"/>
                <a:gd name="T6" fmla="*/ 91 w 521"/>
                <a:gd name="T7" fmla="*/ 430 h 498"/>
                <a:gd name="T8" fmla="*/ 257 w 521"/>
                <a:gd name="T9" fmla="*/ 498 h 498"/>
                <a:gd name="T10" fmla="*/ 423 w 521"/>
                <a:gd name="T11" fmla="*/ 430 h 498"/>
                <a:gd name="T12" fmla="*/ 430 w 521"/>
                <a:gd name="T13" fmla="*/ 423 h 498"/>
                <a:gd name="T14" fmla="*/ 428 w 521"/>
                <a:gd name="T15" fmla="*/ 91 h 49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21" h="498">
                  <a:moveTo>
                    <a:pt x="428" y="91"/>
                  </a:moveTo>
                  <a:cubicBezTo>
                    <a:pt x="336" y="0"/>
                    <a:pt x="187" y="1"/>
                    <a:pt x="96" y="93"/>
                  </a:cubicBezTo>
                  <a:cubicBezTo>
                    <a:pt x="91" y="98"/>
                    <a:pt x="91" y="98"/>
                    <a:pt x="91" y="98"/>
                  </a:cubicBezTo>
                  <a:cubicBezTo>
                    <a:pt x="0" y="190"/>
                    <a:pt x="0" y="338"/>
                    <a:pt x="91" y="430"/>
                  </a:cubicBezTo>
                  <a:cubicBezTo>
                    <a:pt x="137" y="475"/>
                    <a:pt x="197" y="498"/>
                    <a:pt x="257" y="498"/>
                  </a:cubicBezTo>
                  <a:cubicBezTo>
                    <a:pt x="317" y="498"/>
                    <a:pt x="377" y="475"/>
                    <a:pt x="423" y="430"/>
                  </a:cubicBezTo>
                  <a:cubicBezTo>
                    <a:pt x="430" y="423"/>
                    <a:pt x="430" y="423"/>
                    <a:pt x="430" y="423"/>
                  </a:cubicBezTo>
                  <a:cubicBezTo>
                    <a:pt x="521" y="331"/>
                    <a:pt x="520" y="182"/>
                    <a:pt x="428"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22">
              <a:extLst>
                <a:ext uri="{FF2B5EF4-FFF2-40B4-BE49-F238E27FC236}">
                  <a16:creationId xmlns:a16="http://schemas.microsoft.com/office/drawing/2014/main" id="{9BFAB039-E0E6-FF7F-B73A-4FFD77BAE0C0}"/>
                </a:ext>
              </a:extLst>
            </p:cNvPr>
            <p:cNvSpPr>
              <a:spLocks/>
            </p:cNvSpPr>
            <p:nvPr/>
          </p:nvSpPr>
          <p:spPr bwMode="auto">
            <a:xfrm>
              <a:off x="5149850" y="4613275"/>
              <a:ext cx="42862" cy="41275"/>
            </a:xfrm>
            <a:custGeom>
              <a:avLst/>
              <a:gdLst>
                <a:gd name="T0" fmla="*/ 426 w 517"/>
                <a:gd name="T1" fmla="*/ 91 h 494"/>
                <a:gd name="T2" fmla="*/ 94 w 517"/>
                <a:gd name="T3" fmla="*/ 91 h 494"/>
                <a:gd name="T4" fmla="*/ 92 w 517"/>
                <a:gd name="T5" fmla="*/ 94 h 494"/>
                <a:gd name="T6" fmla="*/ 92 w 517"/>
                <a:gd name="T7" fmla="*/ 425 h 494"/>
                <a:gd name="T8" fmla="*/ 258 w 517"/>
                <a:gd name="T9" fmla="*/ 494 h 494"/>
                <a:gd name="T10" fmla="*/ 423 w 517"/>
                <a:gd name="T11" fmla="*/ 425 h 494"/>
                <a:gd name="T12" fmla="*/ 426 w 517"/>
                <a:gd name="T13" fmla="*/ 423 h 494"/>
                <a:gd name="T14" fmla="*/ 426 w 517"/>
                <a:gd name="T15" fmla="*/ 91 h 4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7" h="494">
                  <a:moveTo>
                    <a:pt x="426" y="91"/>
                  </a:moveTo>
                  <a:cubicBezTo>
                    <a:pt x="334" y="0"/>
                    <a:pt x="186" y="0"/>
                    <a:pt x="94" y="91"/>
                  </a:cubicBezTo>
                  <a:cubicBezTo>
                    <a:pt x="92" y="94"/>
                    <a:pt x="92" y="94"/>
                    <a:pt x="92" y="94"/>
                  </a:cubicBezTo>
                  <a:cubicBezTo>
                    <a:pt x="0" y="185"/>
                    <a:pt x="0" y="334"/>
                    <a:pt x="92" y="425"/>
                  </a:cubicBezTo>
                  <a:cubicBezTo>
                    <a:pt x="138" y="471"/>
                    <a:pt x="198" y="494"/>
                    <a:pt x="258" y="494"/>
                  </a:cubicBezTo>
                  <a:cubicBezTo>
                    <a:pt x="318" y="494"/>
                    <a:pt x="378" y="471"/>
                    <a:pt x="423" y="425"/>
                  </a:cubicBezTo>
                  <a:cubicBezTo>
                    <a:pt x="426" y="423"/>
                    <a:pt x="426" y="423"/>
                    <a:pt x="426" y="423"/>
                  </a:cubicBezTo>
                  <a:cubicBezTo>
                    <a:pt x="517" y="331"/>
                    <a:pt x="517" y="183"/>
                    <a:pt x="426"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23">
              <a:extLst>
                <a:ext uri="{FF2B5EF4-FFF2-40B4-BE49-F238E27FC236}">
                  <a16:creationId xmlns:a16="http://schemas.microsoft.com/office/drawing/2014/main" id="{7086E175-DD76-1339-B578-3B6FB1D7A9B6}"/>
                </a:ext>
              </a:extLst>
            </p:cNvPr>
            <p:cNvSpPr>
              <a:spLocks/>
            </p:cNvSpPr>
            <p:nvPr/>
          </p:nvSpPr>
          <p:spPr bwMode="auto">
            <a:xfrm>
              <a:off x="4957763" y="4808538"/>
              <a:ext cx="255587" cy="257175"/>
            </a:xfrm>
            <a:custGeom>
              <a:avLst/>
              <a:gdLst>
                <a:gd name="T0" fmla="*/ 2835 w 3070"/>
                <a:gd name="T1" fmla="*/ 0 h 3070"/>
                <a:gd name="T2" fmla="*/ 2601 w 3070"/>
                <a:gd name="T3" fmla="*/ 234 h 3070"/>
                <a:gd name="T4" fmla="*/ 234 w 3070"/>
                <a:gd name="T5" fmla="*/ 2601 h 3070"/>
                <a:gd name="T6" fmla="*/ 0 w 3070"/>
                <a:gd name="T7" fmla="*/ 2836 h 3070"/>
                <a:gd name="T8" fmla="*/ 234 w 3070"/>
                <a:gd name="T9" fmla="*/ 3070 h 3070"/>
                <a:gd name="T10" fmla="*/ 3070 w 3070"/>
                <a:gd name="T11" fmla="*/ 234 h 3070"/>
                <a:gd name="T12" fmla="*/ 2835 w 3070"/>
                <a:gd name="T13" fmla="*/ 0 h 3070"/>
              </a:gdLst>
              <a:ahLst/>
              <a:cxnLst>
                <a:cxn ang="0">
                  <a:pos x="T0" y="T1"/>
                </a:cxn>
                <a:cxn ang="0">
                  <a:pos x="T2" y="T3"/>
                </a:cxn>
                <a:cxn ang="0">
                  <a:pos x="T4" y="T5"/>
                </a:cxn>
                <a:cxn ang="0">
                  <a:pos x="T6" y="T7"/>
                </a:cxn>
                <a:cxn ang="0">
                  <a:pos x="T8" y="T9"/>
                </a:cxn>
                <a:cxn ang="0">
                  <a:pos x="T10" y="T11"/>
                </a:cxn>
                <a:cxn ang="0">
                  <a:pos x="T12" y="T13"/>
                </a:cxn>
              </a:cxnLst>
              <a:rect l="0" t="0" r="r" b="b"/>
              <a:pathLst>
                <a:path w="3070" h="3070">
                  <a:moveTo>
                    <a:pt x="2835" y="0"/>
                  </a:moveTo>
                  <a:cubicBezTo>
                    <a:pt x="2706" y="0"/>
                    <a:pt x="2601" y="105"/>
                    <a:pt x="2601" y="234"/>
                  </a:cubicBezTo>
                  <a:cubicBezTo>
                    <a:pt x="2601" y="1539"/>
                    <a:pt x="1539" y="2601"/>
                    <a:pt x="234" y="2601"/>
                  </a:cubicBezTo>
                  <a:cubicBezTo>
                    <a:pt x="104" y="2601"/>
                    <a:pt x="0" y="2706"/>
                    <a:pt x="0" y="2836"/>
                  </a:cubicBezTo>
                  <a:cubicBezTo>
                    <a:pt x="0" y="2965"/>
                    <a:pt x="104" y="3070"/>
                    <a:pt x="234" y="3070"/>
                  </a:cubicBezTo>
                  <a:cubicBezTo>
                    <a:pt x="1798" y="3070"/>
                    <a:pt x="3070" y="1798"/>
                    <a:pt x="3070" y="234"/>
                  </a:cubicBezTo>
                  <a:cubicBezTo>
                    <a:pt x="3070" y="105"/>
                    <a:pt x="2965" y="0"/>
                    <a:pt x="2835"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6" name="Freeform 52">
            <a:extLst>
              <a:ext uri="{FF2B5EF4-FFF2-40B4-BE49-F238E27FC236}">
                <a16:creationId xmlns:a16="http://schemas.microsoft.com/office/drawing/2014/main" id="{F04B08B6-EF25-09E0-047A-A8D749372669}"/>
              </a:ext>
            </a:extLst>
          </p:cNvPr>
          <p:cNvSpPr>
            <a:spLocks noEditPoints="1"/>
          </p:cNvSpPr>
          <p:nvPr/>
        </p:nvSpPr>
        <p:spPr bwMode="auto">
          <a:xfrm>
            <a:off x="2985828" y="4486400"/>
            <a:ext cx="621193" cy="668316"/>
          </a:xfrm>
          <a:custGeom>
            <a:avLst/>
            <a:gdLst/>
            <a:ahLst/>
            <a:cxnLst>
              <a:cxn ang="0">
                <a:pos x="67" y="67"/>
              </a:cxn>
              <a:cxn ang="0">
                <a:pos x="61" y="72"/>
              </a:cxn>
              <a:cxn ang="0">
                <a:pos x="5" y="72"/>
              </a:cxn>
              <a:cxn ang="0">
                <a:pos x="0" y="67"/>
              </a:cxn>
              <a:cxn ang="0">
                <a:pos x="0" y="16"/>
              </a:cxn>
              <a:cxn ang="0">
                <a:pos x="5" y="11"/>
              </a:cxn>
              <a:cxn ang="0">
                <a:pos x="10" y="11"/>
              </a:cxn>
              <a:cxn ang="0">
                <a:pos x="10" y="7"/>
              </a:cxn>
              <a:cxn ang="0">
                <a:pos x="16" y="0"/>
              </a:cxn>
              <a:cxn ang="0">
                <a:pos x="19" y="0"/>
              </a:cxn>
              <a:cxn ang="0">
                <a:pos x="25" y="7"/>
              </a:cxn>
              <a:cxn ang="0">
                <a:pos x="25" y="11"/>
              </a:cxn>
              <a:cxn ang="0">
                <a:pos x="41" y="11"/>
              </a:cxn>
              <a:cxn ang="0">
                <a:pos x="41" y="7"/>
              </a:cxn>
              <a:cxn ang="0">
                <a:pos x="47" y="0"/>
              </a:cxn>
              <a:cxn ang="0">
                <a:pos x="50" y="0"/>
              </a:cxn>
              <a:cxn ang="0">
                <a:pos x="56" y="7"/>
              </a:cxn>
              <a:cxn ang="0">
                <a:pos x="56" y="11"/>
              </a:cxn>
              <a:cxn ang="0">
                <a:pos x="61" y="11"/>
              </a:cxn>
              <a:cxn ang="0">
                <a:pos x="67" y="16"/>
              </a:cxn>
              <a:cxn ang="0">
                <a:pos x="67" y="67"/>
              </a:cxn>
              <a:cxn ang="0">
                <a:pos x="61" y="67"/>
              </a:cxn>
              <a:cxn ang="0">
                <a:pos x="61" y="26"/>
              </a:cxn>
              <a:cxn ang="0">
                <a:pos x="5" y="26"/>
              </a:cxn>
              <a:cxn ang="0">
                <a:pos x="5" y="67"/>
              </a:cxn>
              <a:cxn ang="0">
                <a:pos x="61" y="67"/>
              </a:cxn>
              <a:cxn ang="0">
                <a:pos x="20" y="7"/>
              </a:cxn>
              <a:cxn ang="0">
                <a:pos x="19" y="5"/>
              </a:cxn>
              <a:cxn ang="0">
                <a:pos x="16" y="5"/>
              </a:cxn>
              <a:cxn ang="0">
                <a:pos x="15" y="7"/>
              </a:cxn>
              <a:cxn ang="0">
                <a:pos x="15" y="18"/>
              </a:cxn>
              <a:cxn ang="0">
                <a:pos x="16" y="20"/>
              </a:cxn>
              <a:cxn ang="0">
                <a:pos x="19" y="20"/>
              </a:cxn>
              <a:cxn ang="0">
                <a:pos x="20" y="18"/>
              </a:cxn>
              <a:cxn ang="0">
                <a:pos x="20" y="7"/>
              </a:cxn>
              <a:cxn ang="0">
                <a:pos x="51" y="7"/>
              </a:cxn>
              <a:cxn ang="0">
                <a:pos x="50" y="5"/>
              </a:cxn>
              <a:cxn ang="0">
                <a:pos x="47" y="5"/>
              </a:cxn>
              <a:cxn ang="0">
                <a:pos x="46" y="7"/>
              </a:cxn>
              <a:cxn ang="0">
                <a:pos x="46" y="18"/>
              </a:cxn>
              <a:cxn ang="0">
                <a:pos x="47" y="20"/>
              </a:cxn>
              <a:cxn ang="0">
                <a:pos x="50" y="20"/>
              </a:cxn>
              <a:cxn ang="0">
                <a:pos x="51" y="18"/>
              </a:cxn>
              <a:cxn ang="0">
                <a:pos x="51" y="7"/>
              </a:cxn>
            </a:cxnLst>
            <a:rect l="0" t="0" r="r" b="b"/>
            <a:pathLst>
              <a:path w="67" h="72">
                <a:moveTo>
                  <a:pt x="67" y="67"/>
                </a:moveTo>
                <a:cubicBezTo>
                  <a:pt x="67" y="70"/>
                  <a:pt x="64" y="72"/>
                  <a:pt x="61" y="72"/>
                </a:cubicBezTo>
                <a:cubicBezTo>
                  <a:pt x="5" y="72"/>
                  <a:pt x="5" y="72"/>
                  <a:pt x="5" y="72"/>
                </a:cubicBezTo>
                <a:cubicBezTo>
                  <a:pt x="2" y="72"/>
                  <a:pt x="0" y="70"/>
                  <a:pt x="0" y="67"/>
                </a:cubicBezTo>
                <a:cubicBezTo>
                  <a:pt x="0" y="16"/>
                  <a:pt x="0" y="16"/>
                  <a:pt x="0" y="16"/>
                </a:cubicBezTo>
                <a:cubicBezTo>
                  <a:pt x="0" y="13"/>
                  <a:pt x="2" y="11"/>
                  <a:pt x="5" y="11"/>
                </a:cubicBezTo>
                <a:cubicBezTo>
                  <a:pt x="10" y="11"/>
                  <a:pt x="10" y="11"/>
                  <a:pt x="10" y="11"/>
                </a:cubicBezTo>
                <a:cubicBezTo>
                  <a:pt x="10" y="7"/>
                  <a:pt x="10" y="7"/>
                  <a:pt x="10" y="7"/>
                </a:cubicBezTo>
                <a:cubicBezTo>
                  <a:pt x="10" y="3"/>
                  <a:pt x="13" y="0"/>
                  <a:pt x="16" y="0"/>
                </a:cubicBezTo>
                <a:cubicBezTo>
                  <a:pt x="19" y="0"/>
                  <a:pt x="19" y="0"/>
                  <a:pt x="19" y="0"/>
                </a:cubicBezTo>
                <a:cubicBezTo>
                  <a:pt x="23" y="0"/>
                  <a:pt x="25" y="3"/>
                  <a:pt x="25" y="7"/>
                </a:cubicBezTo>
                <a:cubicBezTo>
                  <a:pt x="25" y="11"/>
                  <a:pt x="25" y="11"/>
                  <a:pt x="25" y="11"/>
                </a:cubicBezTo>
                <a:cubicBezTo>
                  <a:pt x="41" y="11"/>
                  <a:pt x="41" y="11"/>
                  <a:pt x="41" y="11"/>
                </a:cubicBezTo>
                <a:cubicBezTo>
                  <a:pt x="41" y="7"/>
                  <a:pt x="41" y="7"/>
                  <a:pt x="41" y="7"/>
                </a:cubicBezTo>
                <a:cubicBezTo>
                  <a:pt x="41" y="3"/>
                  <a:pt x="44" y="0"/>
                  <a:pt x="47" y="0"/>
                </a:cubicBezTo>
                <a:cubicBezTo>
                  <a:pt x="50" y="0"/>
                  <a:pt x="50" y="0"/>
                  <a:pt x="50" y="0"/>
                </a:cubicBezTo>
                <a:cubicBezTo>
                  <a:pt x="53" y="0"/>
                  <a:pt x="56" y="3"/>
                  <a:pt x="56" y="7"/>
                </a:cubicBezTo>
                <a:cubicBezTo>
                  <a:pt x="56" y="11"/>
                  <a:pt x="56" y="11"/>
                  <a:pt x="56" y="11"/>
                </a:cubicBezTo>
                <a:cubicBezTo>
                  <a:pt x="61" y="11"/>
                  <a:pt x="61" y="11"/>
                  <a:pt x="61" y="11"/>
                </a:cubicBezTo>
                <a:cubicBezTo>
                  <a:pt x="64" y="11"/>
                  <a:pt x="67" y="13"/>
                  <a:pt x="67" y="16"/>
                </a:cubicBezTo>
                <a:lnTo>
                  <a:pt x="67" y="67"/>
                </a:lnTo>
                <a:close/>
                <a:moveTo>
                  <a:pt x="61" y="67"/>
                </a:moveTo>
                <a:cubicBezTo>
                  <a:pt x="61" y="26"/>
                  <a:pt x="61" y="26"/>
                  <a:pt x="61" y="26"/>
                </a:cubicBezTo>
                <a:cubicBezTo>
                  <a:pt x="5" y="26"/>
                  <a:pt x="5" y="26"/>
                  <a:pt x="5" y="26"/>
                </a:cubicBezTo>
                <a:cubicBezTo>
                  <a:pt x="5" y="67"/>
                  <a:pt x="5" y="67"/>
                  <a:pt x="5" y="67"/>
                </a:cubicBezTo>
                <a:lnTo>
                  <a:pt x="61" y="67"/>
                </a:lnTo>
                <a:close/>
                <a:moveTo>
                  <a:pt x="20" y="7"/>
                </a:moveTo>
                <a:cubicBezTo>
                  <a:pt x="20" y="6"/>
                  <a:pt x="20" y="5"/>
                  <a:pt x="19" y="5"/>
                </a:cubicBezTo>
                <a:cubicBezTo>
                  <a:pt x="16" y="5"/>
                  <a:pt x="16" y="5"/>
                  <a:pt x="16" y="5"/>
                </a:cubicBezTo>
                <a:cubicBezTo>
                  <a:pt x="16" y="5"/>
                  <a:pt x="15" y="6"/>
                  <a:pt x="15" y="7"/>
                </a:cubicBezTo>
                <a:cubicBezTo>
                  <a:pt x="15" y="18"/>
                  <a:pt x="15" y="18"/>
                  <a:pt x="15" y="18"/>
                </a:cubicBezTo>
                <a:cubicBezTo>
                  <a:pt x="15" y="19"/>
                  <a:pt x="16" y="20"/>
                  <a:pt x="16" y="20"/>
                </a:cubicBezTo>
                <a:cubicBezTo>
                  <a:pt x="19" y="20"/>
                  <a:pt x="19" y="20"/>
                  <a:pt x="19" y="20"/>
                </a:cubicBezTo>
                <a:cubicBezTo>
                  <a:pt x="20" y="20"/>
                  <a:pt x="20" y="19"/>
                  <a:pt x="20" y="18"/>
                </a:cubicBezTo>
                <a:lnTo>
                  <a:pt x="20" y="7"/>
                </a:lnTo>
                <a:close/>
                <a:moveTo>
                  <a:pt x="51" y="7"/>
                </a:moveTo>
                <a:cubicBezTo>
                  <a:pt x="51" y="6"/>
                  <a:pt x="51" y="5"/>
                  <a:pt x="50" y="5"/>
                </a:cubicBezTo>
                <a:cubicBezTo>
                  <a:pt x="47" y="5"/>
                  <a:pt x="47" y="5"/>
                  <a:pt x="47" y="5"/>
                </a:cubicBezTo>
                <a:cubicBezTo>
                  <a:pt x="47" y="5"/>
                  <a:pt x="46" y="6"/>
                  <a:pt x="46" y="7"/>
                </a:cubicBezTo>
                <a:cubicBezTo>
                  <a:pt x="46" y="18"/>
                  <a:pt x="46" y="18"/>
                  <a:pt x="46" y="18"/>
                </a:cubicBezTo>
                <a:cubicBezTo>
                  <a:pt x="46" y="19"/>
                  <a:pt x="47" y="20"/>
                  <a:pt x="47" y="20"/>
                </a:cubicBezTo>
                <a:cubicBezTo>
                  <a:pt x="50" y="20"/>
                  <a:pt x="50" y="20"/>
                  <a:pt x="50" y="20"/>
                </a:cubicBezTo>
                <a:cubicBezTo>
                  <a:pt x="51" y="20"/>
                  <a:pt x="51" y="19"/>
                  <a:pt x="51" y="18"/>
                </a:cubicBezTo>
                <a:lnTo>
                  <a:pt x="51" y="7"/>
                </a:lnTo>
                <a:close/>
              </a:path>
            </a:pathLst>
          </a:custGeom>
          <a:solidFill>
            <a:schemeClr val="bg1"/>
          </a:solidFill>
          <a:ln w="9525">
            <a:noFill/>
            <a:round/>
            <a:headEnd/>
            <a:tailEnd/>
          </a:ln>
        </p:spPr>
        <p:txBody>
          <a:bodyPr vert="horz" wrap="square" lIns="91440" tIns="45720" rIns="91440" bIns="45720" numCol="1" anchor="t" anchorCtr="0" compatLnSpc="1">
            <a:prstTxWarp prst="textNoShape">
              <a:avLst/>
            </a:prstTxWarp>
          </a:bodyPr>
          <a:lstStyle/>
          <a:p>
            <a:endParaRPr lang="en-US" dirty="0"/>
          </a:p>
        </p:txBody>
      </p:sp>
    </p:spTree>
    <p:extLst>
      <p:ext uri="{BB962C8B-B14F-4D97-AF65-F5344CB8AC3E}">
        <p14:creationId xmlns:p14="http://schemas.microsoft.com/office/powerpoint/2010/main" val="378405182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91D2F5-D5BC-8451-5EBD-52A9A25F5329}"/>
              </a:ext>
            </a:extLst>
          </p:cNvPr>
          <p:cNvSpPr>
            <a:spLocks noGrp="1"/>
          </p:cNvSpPr>
          <p:nvPr>
            <p:ph type="title"/>
          </p:nvPr>
        </p:nvSpPr>
        <p:spPr/>
        <p:txBody>
          <a:bodyPr/>
          <a:lstStyle/>
          <a:p>
            <a:r>
              <a:rPr lang="en-US" dirty="0"/>
              <a:t>Driving Value</a:t>
            </a:r>
          </a:p>
        </p:txBody>
      </p:sp>
      <p:sp>
        <p:nvSpPr>
          <p:cNvPr id="4" name="Slide Number Placeholder 3">
            <a:extLst>
              <a:ext uri="{FF2B5EF4-FFF2-40B4-BE49-F238E27FC236}">
                <a16:creationId xmlns:a16="http://schemas.microsoft.com/office/drawing/2014/main" id="{0D78E439-FA41-B35F-4053-FF930B744A92}"/>
              </a:ext>
            </a:extLst>
          </p:cNvPr>
          <p:cNvSpPr>
            <a:spLocks noGrp="1"/>
          </p:cNvSpPr>
          <p:nvPr>
            <p:ph type="sldNum" sz="quarter" idx="12"/>
          </p:nvPr>
        </p:nvSpPr>
        <p:spPr/>
        <p:txBody>
          <a:bodyPr/>
          <a:lstStyle/>
          <a:p>
            <a:fld id="{FD0882FC-4526-4F55-8D94-153238F064C3}" type="slidenum">
              <a:rPr lang="en-US" smtClean="0"/>
              <a:pPr/>
              <a:t>13</a:t>
            </a:fld>
            <a:endParaRPr lang="en-US"/>
          </a:p>
        </p:txBody>
      </p:sp>
      <p:grpSp>
        <p:nvGrpSpPr>
          <p:cNvPr id="19" name="Group 18">
            <a:extLst>
              <a:ext uri="{FF2B5EF4-FFF2-40B4-BE49-F238E27FC236}">
                <a16:creationId xmlns:a16="http://schemas.microsoft.com/office/drawing/2014/main" id="{457A8E80-0CCF-9DD4-E462-C0E480231AD4}"/>
              </a:ext>
            </a:extLst>
          </p:cNvPr>
          <p:cNvGrpSpPr/>
          <p:nvPr/>
        </p:nvGrpSpPr>
        <p:grpSpPr>
          <a:xfrm>
            <a:off x="1302219" y="1965325"/>
            <a:ext cx="9997510" cy="3315335"/>
            <a:chOff x="2708109" y="1942465"/>
            <a:chExt cx="5562683" cy="1844675"/>
          </a:xfrm>
        </p:grpSpPr>
        <p:sp>
          <p:nvSpPr>
            <p:cNvPr id="5" name="Rectangle 4">
              <a:extLst>
                <a:ext uri="{FF2B5EF4-FFF2-40B4-BE49-F238E27FC236}">
                  <a16:creationId xmlns:a16="http://schemas.microsoft.com/office/drawing/2014/main" id="{35FC1254-B51D-873B-6FEC-72C2E65FA965}"/>
                </a:ext>
              </a:extLst>
            </p:cNvPr>
            <p:cNvSpPr/>
            <p:nvPr/>
          </p:nvSpPr>
          <p:spPr>
            <a:xfrm>
              <a:off x="2708109" y="2396489"/>
              <a:ext cx="2757004" cy="139065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91440" indent="-91440">
                <a:lnSpc>
                  <a:spcPct val="150000"/>
                </a:lnSpc>
                <a:buFont typeface="Arial" panose="020B0604020202020204" pitchFamily="34" charset="0"/>
                <a:buChar char="•"/>
              </a:pPr>
              <a:r>
                <a:rPr lang="en-US" sz="1600" dirty="0">
                  <a:solidFill>
                    <a:schemeClr val="tx1">
                      <a:lumMod val="75000"/>
                      <a:lumOff val="25000"/>
                    </a:schemeClr>
                  </a:solidFill>
                </a:rPr>
                <a:t>Greater visibility &amp; insight</a:t>
              </a:r>
            </a:p>
            <a:p>
              <a:pPr marL="91440" indent="-91440">
                <a:lnSpc>
                  <a:spcPct val="150000"/>
                </a:lnSpc>
                <a:buFont typeface="Arial" panose="020B0604020202020204" pitchFamily="34" charset="0"/>
                <a:buChar char="•"/>
              </a:pPr>
              <a:r>
                <a:rPr lang="en-US" sz="1600" dirty="0">
                  <a:solidFill>
                    <a:schemeClr val="tx1">
                      <a:lumMod val="75000"/>
                      <a:lumOff val="25000"/>
                    </a:schemeClr>
                  </a:solidFill>
                </a:rPr>
                <a:t>Elevate data using graphics and visualizations</a:t>
              </a:r>
            </a:p>
            <a:p>
              <a:pPr marL="91440" indent="-91440">
                <a:lnSpc>
                  <a:spcPct val="150000"/>
                </a:lnSpc>
                <a:buFont typeface="Arial" panose="020B0604020202020204" pitchFamily="34" charset="0"/>
                <a:buChar char="•"/>
              </a:pPr>
              <a:r>
                <a:rPr lang="en-US" sz="1600" dirty="0">
                  <a:solidFill>
                    <a:schemeClr val="tx1">
                      <a:lumMod val="75000"/>
                      <a:lumOff val="25000"/>
                    </a:schemeClr>
                  </a:solidFill>
                </a:rPr>
                <a:t>Drill to details to see underlying data</a:t>
              </a:r>
            </a:p>
            <a:p>
              <a:pPr marL="91440" indent="-91440">
                <a:lnSpc>
                  <a:spcPct val="150000"/>
                </a:lnSpc>
                <a:buFont typeface="Arial" panose="020B0604020202020204" pitchFamily="34" charset="0"/>
                <a:buChar char="•"/>
              </a:pPr>
              <a:r>
                <a:rPr lang="en-US" sz="1600" dirty="0">
                  <a:solidFill>
                    <a:schemeClr val="tx1">
                      <a:lumMod val="75000"/>
                      <a:lumOff val="25000"/>
                    </a:schemeClr>
                  </a:solidFill>
                </a:rPr>
                <a:t>Take direct action based on results</a:t>
              </a:r>
            </a:p>
          </p:txBody>
        </p:sp>
        <p:sp>
          <p:nvSpPr>
            <p:cNvPr id="6" name="Rectangle 5">
              <a:extLst>
                <a:ext uri="{FF2B5EF4-FFF2-40B4-BE49-F238E27FC236}">
                  <a16:creationId xmlns:a16="http://schemas.microsoft.com/office/drawing/2014/main" id="{DBA08E9A-59D6-2BC0-322C-4251E2A0C0EC}"/>
                </a:ext>
              </a:extLst>
            </p:cNvPr>
            <p:cNvSpPr/>
            <p:nvPr/>
          </p:nvSpPr>
          <p:spPr>
            <a:xfrm>
              <a:off x="2708109" y="1942465"/>
              <a:ext cx="2757004" cy="4540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b="1" dirty="0"/>
                <a:t>Informed Decision-Making</a:t>
              </a:r>
            </a:p>
          </p:txBody>
        </p:sp>
        <p:sp>
          <p:nvSpPr>
            <p:cNvPr id="7" name="Rectangle 6">
              <a:extLst>
                <a:ext uri="{FF2B5EF4-FFF2-40B4-BE49-F238E27FC236}">
                  <a16:creationId xmlns:a16="http://schemas.microsoft.com/office/drawing/2014/main" id="{060F7378-3EE8-3CCC-0D54-9A057391D705}"/>
                </a:ext>
              </a:extLst>
            </p:cNvPr>
            <p:cNvSpPr/>
            <p:nvPr/>
          </p:nvSpPr>
          <p:spPr>
            <a:xfrm>
              <a:off x="5513788" y="2396489"/>
              <a:ext cx="2757004" cy="139065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91440" indent="-91440">
                <a:lnSpc>
                  <a:spcPct val="150000"/>
                </a:lnSpc>
                <a:buFont typeface="Arial" panose="020B0604020202020204" pitchFamily="34" charset="0"/>
                <a:buChar char="•"/>
              </a:pPr>
              <a:r>
                <a:rPr lang="en-US" sz="1600" dirty="0">
                  <a:solidFill>
                    <a:schemeClr val="tx1">
                      <a:lumMod val="75000"/>
                      <a:lumOff val="25000"/>
                    </a:schemeClr>
                  </a:solidFill>
                </a:rPr>
                <a:t>Simplified user experience based on common viewpoint</a:t>
              </a:r>
            </a:p>
            <a:p>
              <a:pPr marL="91440" indent="-91440">
                <a:lnSpc>
                  <a:spcPct val="150000"/>
                </a:lnSpc>
                <a:buFont typeface="Arial" panose="020B0604020202020204" pitchFamily="34" charset="0"/>
                <a:buChar char="•"/>
              </a:pPr>
              <a:r>
                <a:rPr lang="en-US" sz="1600" dirty="0">
                  <a:solidFill>
                    <a:schemeClr val="tx1">
                      <a:lumMod val="75000"/>
                      <a:lumOff val="25000"/>
                    </a:schemeClr>
                  </a:solidFill>
                </a:rPr>
                <a:t>Build proficiency</a:t>
              </a:r>
            </a:p>
            <a:p>
              <a:pPr marL="91440" indent="-91440">
                <a:lnSpc>
                  <a:spcPct val="150000"/>
                </a:lnSpc>
                <a:buFont typeface="Arial" panose="020B0604020202020204" pitchFamily="34" charset="0"/>
                <a:buChar char="•"/>
              </a:pPr>
              <a:r>
                <a:rPr lang="en-US" sz="1600" dirty="0">
                  <a:solidFill>
                    <a:schemeClr val="tx1">
                      <a:lumMod val="75000"/>
                      <a:lumOff val="25000"/>
                    </a:schemeClr>
                  </a:solidFill>
                </a:rPr>
                <a:t>Easily find available reports and tasks</a:t>
              </a:r>
            </a:p>
            <a:p>
              <a:pPr marL="91440" indent="-91440">
                <a:lnSpc>
                  <a:spcPct val="150000"/>
                </a:lnSpc>
                <a:buFont typeface="Arial" panose="020B0604020202020204" pitchFamily="34" charset="0"/>
                <a:buChar char="•"/>
              </a:pPr>
              <a:r>
                <a:rPr lang="en-US" sz="1600" dirty="0">
                  <a:solidFill>
                    <a:schemeClr val="tx1">
                      <a:lumMod val="75000"/>
                      <a:lumOff val="25000"/>
                    </a:schemeClr>
                  </a:solidFill>
                </a:rPr>
                <a:t>Shareable and flexible</a:t>
              </a:r>
            </a:p>
            <a:p>
              <a:pPr marL="91440" indent="-91440">
                <a:lnSpc>
                  <a:spcPct val="150000"/>
                </a:lnSpc>
                <a:buFont typeface="Arial" panose="020B0604020202020204" pitchFamily="34" charset="0"/>
                <a:buChar char="•"/>
              </a:pPr>
              <a:r>
                <a:rPr lang="en-US" sz="1600" dirty="0">
                  <a:solidFill>
                    <a:schemeClr val="tx1">
                      <a:lumMod val="75000"/>
                      <a:lumOff val="25000"/>
                    </a:schemeClr>
                  </a:solidFill>
                </a:rPr>
                <a:t>Honor user security</a:t>
              </a:r>
            </a:p>
            <a:p>
              <a:pPr>
                <a:lnSpc>
                  <a:spcPct val="150000"/>
                </a:lnSpc>
              </a:pPr>
              <a:endParaRPr lang="en-US" sz="700" dirty="0">
                <a:solidFill>
                  <a:schemeClr val="tx1">
                    <a:lumMod val="75000"/>
                    <a:lumOff val="25000"/>
                  </a:schemeClr>
                </a:solidFill>
              </a:endParaRPr>
            </a:p>
          </p:txBody>
        </p:sp>
        <p:sp>
          <p:nvSpPr>
            <p:cNvPr id="8" name="Rectangle 7">
              <a:extLst>
                <a:ext uri="{FF2B5EF4-FFF2-40B4-BE49-F238E27FC236}">
                  <a16:creationId xmlns:a16="http://schemas.microsoft.com/office/drawing/2014/main" id="{8CFF79BF-B06E-607D-E943-6DC263D72AA1}"/>
                </a:ext>
              </a:extLst>
            </p:cNvPr>
            <p:cNvSpPr/>
            <p:nvPr/>
          </p:nvSpPr>
          <p:spPr>
            <a:xfrm>
              <a:off x="5513788" y="1942465"/>
              <a:ext cx="2757004" cy="45402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b="1" dirty="0"/>
                <a:t>Portal into Workday</a:t>
              </a:r>
            </a:p>
          </p:txBody>
        </p:sp>
      </p:grpSp>
      <p:grpSp>
        <p:nvGrpSpPr>
          <p:cNvPr id="20" name="Group 19">
            <a:extLst>
              <a:ext uri="{FF2B5EF4-FFF2-40B4-BE49-F238E27FC236}">
                <a16:creationId xmlns:a16="http://schemas.microsoft.com/office/drawing/2014/main" id="{1D589B7F-C715-4134-C700-BC7FB61CE962}"/>
              </a:ext>
            </a:extLst>
          </p:cNvPr>
          <p:cNvGrpSpPr/>
          <p:nvPr/>
        </p:nvGrpSpPr>
        <p:grpSpPr>
          <a:xfrm>
            <a:off x="5401460" y="2108242"/>
            <a:ext cx="462414" cy="601244"/>
            <a:chOff x="2463800" y="4044950"/>
            <a:chExt cx="687388" cy="893763"/>
          </a:xfrm>
          <a:solidFill>
            <a:schemeClr val="bg1"/>
          </a:solidFill>
        </p:grpSpPr>
        <p:sp>
          <p:nvSpPr>
            <p:cNvPr id="21" name="Oval 30">
              <a:extLst>
                <a:ext uri="{FF2B5EF4-FFF2-40B4-BE49-F238E27FC236}">
                  <a16:creationId xmlns:a16="http://schemas.microsoft.com/office/drawing/2014/main" id="{630FA780-541E-FA18-F01A-EB061B4C9EAA}"/>
                </a:ext>
              </a:extLst>
            </p:cNvPr>
            <p:cNvSpPr>
              <a:spLocks noChangeArrowheads="1"/>
            </p:cNvSpPr>
            <p:nvPr/>
          </p:nvSpPr>
          <p:spPr bwMode="auto">
            <a:xfrm>
              <a:off x="2778125" y="4799013"/>
              <a:ext cx="34925" cy="3492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a:endParaRPr lang="en-US">
                <a:solidFill>
                  <a:schemeClr val="bg1"/>
                </a:solidFill>
              </a:endParaRPr>
            </a:p>
          </p:txBody>
        </p:sp>
        <p:sp>
          <p:nvSpPr>
            <p:cNvPr id="22" name="Freeform 31">
              <a:extLst>
                <a:ext uri="{FF2B5EF4-FFF2-40B4-BE49-F238E27FC236}">
                  <a16:creationId xmlns:a16="http://schemas.microsoft.com/office/drawing/2014/main" id="{0DD4C413-F0F8-7A47-42D9-765602A204F3}"/>
                </a:ext>
              </a:extLst>
            </p:cNvPr>
            <p:cNvSpPr>
              <a:spLocks noEditPoints="1"/>
            </p:cNvSpPr>
            <p:nvPr/>
          </p:nvSpPr>
          <p:spPr bwMode="auto">
            <a:xfrm>
              <a:off x="2463800" y="4044950"/>
              <a:ext cx="687388" cy="893763"/>
            </a:xfrm>
            <a:custGeom>
              <a:avLst/>
              <a:gdLst>
                <a:gd name="T0" fmla="*/ 316 w 1572"/>
                <a:gd name="T1" fmla="*/ 1464 h 2048"/>
                <a:gd name="T2" fmla="*/ 200 w 1572"/>
                <a:gd name="T3" fmla="*/ 1740 h 2048"/>
                <a:gd name="T4" fmla="*/ 40 w 1572"/>
                <a:gd name="T5" fmla="*/ 2048 h 2048"/>
                <a:gd name="T6" fmla="*/ 1520 w 1572"/>
                <a:gd name="T7" fmla="*/ 2008 h 2048"/>
                <a:gd name="T8" fmla="*/ 1320 w 1572"/>
                <a:gd name="T9" fmla="*/ 1584 h 2048"/>
                <a:gd name="T10" fmla="*/ 1219 w 1572"/>
                <a:gd name="T11" fmla="*/ 1284 h 2048"/>
                <a:gd name="T12" fmla="*/ 1470 w 1572"/>
                <a:gd name="T13" fmla="*/ 1256 h 2048"/>
                <a:gd name="T14" fmla="*/ 807 w 1572"/>
                <a:gd name="T15" fmla="*/ 0 h 2048"/>
                <a:gd name="T16" fmla="*/ 564 w 1572"/>
                <a:gd name="T17" fmla="*/ 40 h 2048"/>
                <a:gd name="T18" fmla="*/ 327 w 1572"/>
                <a:gd name="T19" fmla="*/ 525 h 2048"/>
                <a:gd name="T20" fmla="*/ 155 w 1572"/>
                <a:gd name="T21" fmla="*/ 866 h 2048"/>
                <a:gd name="T22" fmla="*/ 477 w 1572"/>
                <a:gd name="T23" fmla="*/ 966 h 2048"/>
                <a:gd name="T24" fmla="*/ 563 w 1572"/>
                <a:gd name="T25" fmla="*/ 1034 h 2048"/>
                <a:gd name="T26" fmla="*/ 1240 w 1572"/>
                <a:gd name="T27" fmla="*/ 1728 h 2048"/>
                <a:gd name="T28" fmla="*/ 880 w 1572"/>
                <a:gd name="T29" fmla="*/ 1768 h 2048"/>
                <a:gd name="T30" fmla="*/ 1240 w 1572"/>
                <a:gd name="T31" fmla="*/ 1808 h 2048"/>
                <a:gd name="T32" fmla="*/ 84 w 1572"/>
                <a:gd name="T33" fmla="*/ 1968 h 2048"/>
                <a:gd name="T34" fmla="*/ 600 w 1572"/>
                <a:gd name="T35" fmla="*/ 1808 h 2048"/>
                <a:gd name="T36" fmla="*/ 600 w 1572"/>
                <a:gd name="T37" fmla="*/ 1728 h 2048"/>
                <a:gd name="T38" fmla="*/ 280 w 1572"/>
                <a:gd name="T39" fmla="*/ 1584 h 2048"/>
                <a:gd name="T40" fmla="*/ 1200 w 1572"/>
                <a:gd name="T41" fmla="*/ 1544 h 2048"/>
                <a:gd name="T42" fmla="*/ 1421 w 1572"/>
                <a:gd name="T43" fmla="*/ 612 h 2048"/>
                <a:gd name="T44" fmla="*/ 1245 w 1572"/>
                <a:gd name="T45" fmla="*/ 1204 h 2048"/>
                <a:gd name="T46" fmla="*/ 884 w 1572"/>
                <a:gd name="T47" fmla="*/ 274 h 2048"/>
                <a:gd name="T48" fmla="*/ 865 w 1572"/>
                <a:gd name="T49" fmla="*/ 84 h 2048"/>
                <a:gd name="T50" fmla="*/ 780 w 1572"/>
                <a:gd name="T51" fmla="*/ 907 h 2048"/>
                <a:gd name="T52" fmla="*/ 1000 w 1572"/>
                <a:gd name="T53" fmla="*/ 824 h 2048"/>
                <a:gd name="T54" fmla="*/ 764 w 1572"/>
                <a:gd name="T55" fmla="*/ 816 h 2048"/>
                <a:gd name="T56" fmla="*/ 422 w 1572"/>
                <a:gd name="T57" fmla="*/ 907 h 2048"/>
                <a:gd name="T58" fmla="*/ 212 w 1572"/>
                <a:gd name="T59" fmla="*/ 809 h 2048"/>
                <a:gd name="T60" fmla="*/ 394 w 1572"/>
                <a:gd name="T61" fmla="*/ 570 h 2048"/>
                <a:gd name="T62" fmla="*/ 604 w 1572"/>
                <a:gd name="T63" fmla="*/ 343 h 2048"/>
                <a:gd name="T64" fmla="*/ 644 w 1572"/>
                <a:gd name="T65" fmla="*/ 80 h 2048"/>
                <a:gd name="T66" fmla="*/ 804 w 1572"/>
                <a:gd name="T67" fmla="*/ 160 h 2048"/>
                <a:gd name="T68" fmla="*/ 837 w 1572"/>
                <a:gd name="T69" fmla="*/ 346 h 2048"/>
                <a:gd name="T70" fmla="*/ 1152 w 1572"/>
                <a:gd name="T71" fmla="*/ 1232 h 2048"/>
                <a:gd name="T72" fmla="*/ 397 w 1572"/>
                <a:gd name="T73" fmla="*/ 1464 h 2048"/>
                <a:gd name="T74" fmla="*/ 780 w 1572"/>
                <a:gd name="T75" fmla="*/ 907 h 20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72" h="2048">
                  <a:moveTo>
                    <a:pt x="563" y="1034"/>
                  </a:moveTo>
                  <a:cubicBezTo>
                    <a:pt x="430" y="1134"/>
                    <a:pt x="339" y="1294"/>
                    <a:pt x="316" y="1464"/>
                  </a:cubicBezTo>
                  <a:cubicBezTo>
                    <a:pt x="252" y="1466"/>
                    <a:pt x="200" y="1519"/>
                    <a:pt x="200" y="1584"/>
                  </a:cubicBezTo>
                  <a:cubicBezTo>
                    <a:pt x="200" y="1740"/>
                    <a:pt x="200" y="1740"/>
                    <a:pt x="200" y="1740"/>
                  </a:cubicBezTo>
                  <a:cubicBezTo>
                    <a:pt x="82" y="1774"/>
                    <a:pt x="0" y="1882"/>
                    <a:pt x="0" y="2008"/>
                  </a:cubicBezTo>
                  <a:cubicBezTo>
                    <a:pt x="0" y="2030"/>
                    <a:pt x="18" y="2048"/>
                    <a:pt x="40" y="2048"/>
                  </a:cubicBezTo>
                  <a:cubicBezTo>
                    <a:pt x="1480" y="2048"/>
                    <a:pt x="1480" y="2048"/>
                    <a:pt x="1480" y="2048"/>
                  </a:cubicBezTo>
                  <a:cubicBezTo>
                    <a:pt x="1502" y="2048"/>
                    <a:pt x="1520" y="2030"/>
                    <a:pt x="1520" y="2008"/>
                  </a:cubicBezTo>
                  <a:cubicBezTo>
                    <a:pt x="1520" y="1882"/>
                    <a:pt x="1438" y="1774"/>
                    <a:pt x="1320" y="1740"/>
                  </a:cubicBezTo>
                  <a:cubicBezTo>
                    <a:pt x="1320" y="1584"/>
                    <a:pt x="1320" y="1584"/>
                    <a:pt x="1320" y="1584"/>
                  </a:cubicBezTo>
                  <a:cubicBezTo>
                    <a:pt x="1320" y="1521"/>
                    <a:pt x="1270" y="1468"/>
                    <a:pt x="1208" y="1464"/>
                  </a:cubicBezTo>
                  <a:cubicBezTo>
                    <a:pt x="1195" y="1401"/>
                    <a:pt x="1201" y="1344"/>
                    <a:pt x="1219" y="1284"/>
                  </a:cubicBezTo>
                  <a:cubicBezTo>
                    <a:pt x="1432" y="1284"/>
                    <a:pt x="1432" y="1284"/>
                    <a:pt x="1432" y="1284"/>
                  </a:cubicBezTo>
                  <a:cubicBezTo>
                    <a:pt x="1450" y="1284"/>
                    <a:pt x="1465" y="1273"/>
                    <a:pt x="1470" y="1256"/>
                  </a:cubicBezTo>
                  <a:cubicBezTo>
                    <a:pt x="1523" y="1088"/>
                    <a:pt x="1572" y="885"/>
                    <a:pt x="1499" y="592"/>
                  </a:cubicBezTo>
                  <a:cubicBezTo>
                    <a:pt x="1413" y="251"/>
                    <a:pt x="1084" y="0"/>
                    <a:pt x="807" y="0"/>
                  </a:cubicBezTo>
                  <a:cubicBezTo>
                    <a:pt x="743" y="0"/>
                    <a:pt x="668" y="0"/>
                    <a:pt x="604" y="0"/>
                  </a:cubicBezTo>
                  <a:cubicBezTo>
                    <a:pt x="582" y="0"/>
                    <a:pt x="564" y="18"/>
                    <a:pt x="564" y="40"/>
                  </a:cubicBezTo>
                  <a:cubicBezTo>
                    <a:pt x="564" y="266"/>
                    <a:pt x="564" y="266"/>
                    <a:pt x="564" y="266"/>
                  </a:cubicBezTo>
                  <a:cubicBezTo>
                    <a:pt x="435" y="285"/>
                    <a:pt x="335" y="392"/>
                    <a:pt x="327" y="525"/>
                  </a:cubicBezTo>
                  <a:cubicBezTo>
                    <a:pt x="155" y="696"/>
                    <a:pt x="155" y="696"/>
                    <a:pt x="155" y="696"/>
                  </a:cubicBezTo>
                  <a:cubicBezTo>
                    <a:pt x="109" y="743"/>
                    <a:pt x="109" y="819"/>
                    <a:pt x="155" y="866"/>
                  </a:cubicBezTo>
                  <a:cubicBezTo>
                    <a:pt x="253" y="964"/>
                    <a:pt x="253" y="964"/>
                    <a:pt x="253" y="964"/>
                  </a:cubicBezTo>
                  <a:cubicBezTo>
                    <a:pt x="315" y="1026"/>
                    <a:pt x="415" y="1026"/>
                    <a:pt x="477" y="966"/>
                  </a:cubicBezTo>
                  <a:cubicBezTo>
                    <a:pt x="502" y="946"/>
                    <a:pt x="580" y="832"/>
                    <a:pt x="704" y="877"/>
                  </a:cubicBezTo>
                  <a:cubicBezTo>
                    <a:pt x="668" y="938"/>
                    <a:pt x="620" y="992"/>
                    <a:pt x="563" y="1034"/>
                  </a:cubicBezTo>
                  <a:close/>
                  <a:moveTo>
                    <a:pt x="1240" y="1584"/>
                  </a:moveTo>
                  <a:cubicBezTo>
                    <a:pt x="1240" y="1728"/>
                    <a:pt x="1240" y="1728"/>
                    <a:pt x="1240" y="1728"/>
                  </a:cubicBezTo>
                  <a:cubicBezTo>
                    <a:pt x="920" y="1728"/>
                    <a:pt x="920" y="1728"/>
                    <a:pt x="920" y="1728"/>
                  </a:cubicBezTo>
                  <a:cubicBezTo>
                    <a:pt x="898" y="1728"/>
                    <a:pt x="880" y="1746"/>
                    <a:pt x="880" y="1768"/>
                  </a:cubicBezTo>
                  <a:cubicBezTo>
                    <a:pt x="880" y="1790"/>
                    <a:pt x="898" y="1808"/>
                    <a:pt x="920" y="1808"/>
                  </a:cubicBezTo>
                  <a:cubicBezTo>
                    <a:pt x="1240" y="1808"/>
                    <a:pt x="1240" y="1808"/>
                    <a:pt x="1240" y="1808"/>
                  </a:cubicBezTo>
                  <a:cubicBezTo>
                    <a:pt x="1335" y="1808"/>
                    <a:pt x="1417" y="1874"/>
                    <a:pt x="1436" y="1968"/>
                  </a:cubicBezTo>
                  <a:cubicBezTo>
                    <a:pt x="84" y="1968"/>
                    <a:pt x="84" y="1968"/>
                    <a:pt x="84" y="1968"/>
                  </a:cubicBezTo>
                  <a:cubicBezTo>
                    <a:pt x="103" y="1875"/>
                    <a:pt x="185" y="1808"/>
                    <a:pt x="280" y="1808"/>
                  </a:cubicBezTo>
                  <a:cubicBezTo>
                    <a:pt x="600" y="1808"/>
                    <a:pt x="600" y="1808"/>
                    <a:pt x="600" y="1808"/>
                  </a:cubicBezTo>
                  <a:cubicBezTo>
                    <a:pt x="622" y="1808"/>
                    <a:pt x="640" y="1790"/>
                    <a:pt x="640" y="1768"/>
                  </a:cubicBezTo>
                  <a:cubicBezTo>
                    <a:pt x="640" y="1746"/>
                    <a:pt x="622" y="1728"/>
                    <a:pt x="600" y="1728"/>
                  </a:cubicBezTo>
                  <a:cubicBezTo>
                    <a:pt x="280" y="1728"/>
                    <a:pt x="280" y="1728"/>
                    <a:pt x="280" y="1728"/>
                  </a:cubicBezTo>
                  <a:cubicBezTo>
                    <a:pt x="280" y="1584"/>
                    <a:pt x="280" y="1584"/>
                    <a:pt x="280" y="1584"/>
                  </a:cubicBezTo>
                  <a:cubicBezTo>
                    <a:pt x="280" y="1562"/>
                    <a:pt x="298" y="1544"/>
                    <a:pt x="320" y="1544"/>
                  </a:cubicBezTo>
                  <a:cubicBezTo>
                    <a:pt x="1200" y="1544"/>
                    <a:pt x="1200" y="1544"/>
                    <a:pt x="1200" y="1544"/>
                  </a:cubicBezTo>
                  <a:cubicBezTo>
                    <a:pt x="1222" y="1544"/>
                    <a:pt x="1240" y="1562"/>
                    <a:pt x="1240" y="1584"/>
                  </a:cubicBezTo>
                  <a:close/>
                  <a:moveTo>
                    <a:pt x="1421" y="612"/>
                  </a:moveTo>
                  <a:cubicBezTo>
                    <a:pt x="1486" y="869"/>
                    <a:pt x="1450" y="1047"/>
                    <a:pt x="1403" y="1204"/>
                  </a:cubicBezTo>
                  <a:cubicBezTo>
                    <a:pt x="1245" y="1204"/>
                    <a:pt x="1245" y="1204"/>
                    <a:pt x="1245" y="1204"/>
                  </a:cubicBezTo>
                  <a:cubicBezTo>
                    <a:pt x="1294" y="1047"/>
                    <a:pt x="1336" y="893"/>
                    <a:pt x="1275" y="650"/>
                  </a:cubicBezTo>
                  <a:cubicBezTo>
                    <a:pt x="1233" y="481"/>
                    <a:pt x="1085" y="322"/>
                    <a:pt x="884" y="274"/>
                  </a:cubicBezTo>
                  <a:cubicBezTo>
                    <a:pt x="884" y="160"/>
                    <a:pt x="884" y="160"/>
                    <a:pt x="884" y="160"/>
                  </a:cubicBezTo>
                  <a:cubicBezTo>
                    <a:pt x="884" y="132"/>
                    <a:pt x="877" y="107"/>
                    <a:pt x="865" y="84"/>
                  </a:cubicBezTo>
                  <a:cubicBezTo>
                    <a:pt x="1095" y="117"/>
                    <a:pt x="1351" y="332"/>
                    <a:pt x="1421" y="612"/>
                  </a:cubicBezTo>
                  <a:close/>
                  <a:moveTo>
                    <a:pt x="780" y="907"/>
                  </a:moveTo>
                  <a:cubicBezTo>
                    <a:pt x="860" y="929"/>
                    <a:pt x="929" y="903"/>
                    <a:pt x="981" y="877"/>
                  </a:cubicBezTo>
                  <a:cubicBezTo>
                    <a:pt x="1001" y="868"/>
                    <a:pt x="1009" y="844"/>
                    <a:pt x="1000" y="824"/>
                  </a:cubicBezTo>
                  <a:cubicBezTo>
                    <a:pt x="990" y="804"/>
                    <a:pt x="966" y="796"/>
                    <a:pt x="946" y="806"/>
                  </a:cubicBezTo>
                  <a:cubicBezTo>
                    <a:pt x="883" y="837"/>
                    <a:pt x="829" y="848"/>
                    <a:pt x="764" y="816"/>
                  </a:cubicBezTo>
                  <a:cubicBezTo>
                    <a:pt x="691" y="779"/>
                    <a:pt x="615" y="777"/>
                    <a:pt x="545" y="810"/>
                  </a:cubicBezTo>
                  <a:cubicBezTo>
                    <a:pt x="486" y="838"/>
                    <a:pt x="450" y="880"/>
                    <a:pt x="422" y="907"/>
                  </a:cubicBezTo>
                  <a:cubicBezTo>
                    <a:pt x="391" y="938"/>
                    <a:pt x="341" y="938"/>
                    <a:pt x="310" y="907"/>
                  </a:cubicBezTo>
                  <a:cubicBezTo>
                    <a:pt x="212" y="809"/>
                    <a:pt x="212" y="809"/>
                    <a:pt x="212" y="809"/>
                  </a:cubicBezTo>
                  <a:cubicBezTo>
                    <a:pt x="196" y="794"/>
                    <a:pt x="196" y="768"/>
                    <a:pt x="212" y="753"/>
                  </a:cubicBezTo>
                  <a:cubicBezTo>
                    <a:pt x="394" y="570"/>
                    <a:pt x="394" y="570"/>
                    <a:pt x="394" y="570"/>
                  </a:cubicBezTo>
                  <a:cubicBezTo>
                    <a:pt x="402" y="563"/>
                    <a:pt x="406" y="553"/>
                    <a:pt x="406" y="542"/>
                  </a:cubicBezTo>
                  <a:cubicBezTo>
                    <a:pt x="406" y="432"/>
                    <a:pt x="495" y="343"/>
                    <a:pt x="604" y="343"/>
                  </a:cubicBezTo>
                  <a:cubicBezTo>
                    <a:pt x="626" y="343"/>
                    <a:pt x="644" y="325"/>
                    <a:pt x="644" y="303"/>
                  </a:cubicBezTo>
                  <a:cubicBezTo>
                    <a:pt x="644" y="80"/>
                    <a:pt x="644" y="80"/>
                    <a:pt x="644" y="80"/>
                  </a:cubicBezTo>
                  <a:cubicBezTo>
                    <a:pt x="725" y="80"/>
                    <a:pt x="725" y="80"/>
                    <a:pt x="725" y="80"/>
                  </a:cubicBezTo>
                  <a:cubicBezTo>
                    <a:pt x="768" y="80"/>
                    <a:pt x="804" y="116"/>
                    <a:pt x="804" y="160"/>
                  </a:cubicBezTo>
                  <a:cubicBezTo>
                    <a:pt x="804" y="307"/>
                    <a:pt x="804" y="307"/>
                    <a:pt x="804" y="307"/>
                  </a:cubicBezTo>
                  <a:cubicBezTo>
                    <a:pt x="804" y="326"/>
                    <a:pt x="818" y="343"/>
                    <a:pt x="837" y="346"/>
                  </a:cubicBezTo>
                  <a:cubicBezTo>
                    <a:pt x="1023" y="378"/>
                    <a:pt x="1161" y="521"/>
                    <a:pt x="1198" y="669"/>
                  </a:cubicBezTo>
                  <a:cubicBezTo>
                    <a:pt x="1258" y="908"/>
                    <a:pt x="1212" y="1042"/>
                    <a:pt x="1152" y="1232"/>
                  </a:cubicBezTo>
                  <a:cubicBezTo>
                    <a:pt x="1128" y="1306"/>
                    <a:pt x="1111" y="1371"/>
                    <a:pt x="1127" y="1464"/>
                  </a:cubicBezTo>
                  <a:cubicBezTo>
                    <a:pt x="397" y="1464"/>
                    <a:pt x="397" y="1464"/>
                    <a:pt x="397" y="1464"/>
                  </a:cubicBezTo>
                  <a:cubicBezTo>
                    <a:pt x="419" y="1318"/>
                    <a:pt x="497" y="1183"/>
                    <a:pt x="611" y="1098"/>
                  </a:cubicBezTo>
                  <a:cubicBezTo>
                    <a:pt x="679" y="1047"/>
                    <a:pt x="737" y="981"/>
                    <a:pt x="780" y="90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a:endParaRPr lang="en-US">
                <a:solidFill>
                  <a:schemeClr val="bg1"/>
                </a:solidFill>
              </a:endParaRPr>
            </a:p>
          </p:txBody>
        </p:sp>
        <p:sp>
          <p:nvSpPr>
            <p:cNvPr id="23" name="Freeform 32">
              <a:extLst>
                <a:ext uri="{FF2B5EF4-FFF2-40B4-BE49-F238E27FC236}">
                  <a16:creationId xmlns:a16="http://schemas.microsoft.com/office/drawing/2014/main" id="{537B6983-E032-853C-B3C7-5338E56EBE3C}"/>
                </a:ext>
              </a:extLst>
            </p:cNvPr>
            <p:cNvSpPr>
              <a:spLocks/>
            </p:cNvSpPr>
            <p:nvPr/>
          </p:nvSpPr>
          <p:spPr bwMode="auto">
            <a:xfrm>
              <a:off x="2690813" y="4281488"/>
              <a:ext cx="69850" cy="34925"/>
            </a:xfrm>
            <a:custGeom>
              <a:avLst/>
              <a:gdLst>
                <a:gd name="T0" fmla="*/ 120 w 160"/>
                <a:gd name="T1" fmla="*/ 0 h 80"/>
                <a:gd name="T2" fmla="*/ 40 w 160"/>
                <a:gd name="T3" fmla="*/ 0 h 80"/>
                <a:gd name="T4" fmla="*/ 0 w 160"/>
                <a:gd name="T5" fmla="*/ 40 h 80"/>
                <a:gd name="T6" fmla="*/ 40 w 160"/>
                <a:gd name="T7" fmla="*/ 80 h 80"/>
                <a:gd name="T8" fmla="*/ 120 w 160"/>
                <a:gd name="T9" fmla="*/ 80 h 80"/>
                <a:gd name="T10" fmla="*/ 160 w 160"/>
                <a:gd name="T11" fmla="*/ 40 h 80"/>
                <a:gd name="T12" fmla="*/ 120 w 160"/>
                <a:gd name="T13" fmla="*/ 0 h 80"/>
              </a:gdLst>
              <a:ahLst/>
              <a:cxnLst>
                <a:cxn ang="0">
                  <a:pos x="T0" y="T1"/>
                </a:cxn>
                <a:cxn ang="0">
                  <a:pos x="T2" y="T3"/>
                </a:cxn>
                <a:cxn ang="0">
                  <a:pos x="T4" y="T5"/>
                </a:cxn>
                <a:cxn ang="0">
                  <a:pos x="T6" y="T7"/>
                </a:cxn>
                <a:cxn ang="0">
                  <a:pos x="T8" y="T9"/>
                </a:cxn>
                <a:cxn ang="0">
                  <a:pos x="T10" y="T11"/>
                </a:cxn>
                <a:cxn ang="0">
                  <a:pos x="T12" y="T13"/>
                </a:cxn>
              </a:cxnLst>
              <a:rect l="0" t="0" r="r" b="b"/>
              <a:pathLst>
                <a:path w="160" h="80">
                  <a:moveTo>
                    <a:pt x="120" y="0"/>
                  </a:moveTo>
                  <a:cubicBezTo>
                    <a:pt x="40" y="0"/>
                    <a:pt x="40" y="0"/>
                    <a:pt x="40" y="0"/>
                  </a:cubicBezTo>
                  <a:cubicBezTo>
                    <a:pt x="18" y="0"/>
                    <a:pt x="0" y="18"/>
                    <a:pt x="0" y="40"/>
                  </a:cubicBezTo>
                  <a:cubicBezTo>
                    <a:pt x="0" y="62"/>
                    <a:pt x="18" y="80"/>
                    <a:pt x="40" y="80"/>
                  </a:cubicBezTo>
                  <a:cubicBezTo>
                    <a:pt x="120" y="80"/>
                    <a:pt x="120" y="80"/>
                    <a:pt x="120" y="80"/>
                  </a:cubicBezTo>
                  <a:cubicBezTo>
                    <a:pt x="142" y="80"/>
                    <a:pt x="160" y="62"/>
                    <a:pt x="160" y="40"/>
                  </a:cubicBezTo>
                  <a:cubicBezTo>
                    <a:pt x="160" y="18"/>
                    <a:pt x="142" y="0"/>
                    <a:pt x="12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a:endParaRPr lang="en-US">
                <a:solidFill>
                  <a:schemeClr val="bg1"/>
                </a:solidFill>
              </a:endParaRPr>
            </a:p>
          </p:txBody>
        </p:sp>
      </p:grpSp>
      <p:grpSp>
        <p:nvGrpSpPr>
          <p:cNvPr id="24" name="Group 23">
            <a:extLst>
              <a:ext uri="{FF2B5EF4-FFF2-40B4-BE49-F238E27FC236}">
                <a16:creationId xmlns:a16="http://schemas.microsoft.com/office/drawing/2014/main" id="{B6A2F014-7BA3-57C0-2705-9D21A984B489}"/>
              </a:ext>
            </a:extLst>
          </p:cNvPr>
          <p:cNvGrpSpPr/>
          <p:nvPr/>
        </p:nvGrpSpPr>
        <p:grpSpPr>
          <a:xfrm>
            <a:off x="10394376" y="2070526"/>
            <a:ext cx="630379" cy="630379"/>
            <a:chOff x="2603500" y="3563938"/>
            <a:chExt cx="973138" cy="973138"/>
          </a:xfrm>
          <a:solidFill>
            <a:schemeClr val="bg1"/>
          </a:solidFill>
        </p:grpSpPr>
        <p:sp>
          <p:nvSpPr>
            <p:cNvPr id="25" name="Freeform 11">
              <a:extLst>
                <a:ext uri="{FF2B5EF4-FFF2-40B4-BE49-F238E27FC236}">
                  <a16:creationId xmlns:a16="http://schemas.microsoft.com/office/drawing/2014/main" id="{410C679F-F6CA-66A5-D0D1-EF7F77932CC8}"/>
                </a:ext>
              </a:extLst>
            </p:cNvPr>
            <p:cNvSpPr>
              <a:spLocks noEditPoints="1"/>
            </p:cNvSpPr>
            <p:nvPr/>
          </p:nvSpPr>
          <p:spPr bwMode="auto">
            <a:xfrm>
              <a:off x="2649538" y="3563938"/>
              <a:ext cx="927100" cy="922338"/>
            </a:xfrm>
            <a:custGeom>
              <a:avLst/>
              <a:gdLst>
                <a:gd name="T0" fmla="*/ 1719 w 3500"/>
                <a:gd name="T1" fmla="*/ 3276 h 3487"/>
                <a:gd name="T2" fmla="*/ 746 w 3500"/>
                <a:gd name="T3" fmla="*/ 2176 h 3487"/>
                <a:gd name="T4" fmla="*/ 1317 w 3500"/>
                <a:gd name="T5" fmla="*/ 2745 h 3487"/>
                <a:gd name="T6" fmla="*/ 750 w 3500"/>
                <a:gd name="T7" fmla="*/ 1240 h 3487"/>
                <a:gd name="T8" fmla="*/ 1218 w 3500"/>
                <a:gd name="T9" fmla="*/ 1179 h 3487"/>
                <a:gd name="T10" fmla="*/ 2417 w 3500"/>
                <a:gd name="T11" fmla="*/ 317 h 3487"/>
                <a:gd name="T12" fmla="*/ 2165 w 3500"/>
                <a:gd name="T13" fmla="*/ 466 h 3487"/>
                <a:gd name="T14" fmla="*/ 1943 w 3500"/>
                <a:gd name="T15" fmla="*/ 654 h 3487"/>
                <a:gd name="T16" fmla="*/ 2843 w 3500"/>
                <a:gd name="T17" fmla="*/ 1552 h 3487"/>
                <a:gd name="T18" fmla="*/ 3032 w 3500"/>
                <a:gd name="T19" fmla="*/ 1329 h 3487"/>
                <a:gd name="T20" fmla="*/ 3181 w 3500"/>
                <a:gd name="T21" fmla="*/ 1079 h 3487"/>
                <a:gd name="T22" fmla="*/ 3188 w 3500"/>
                <a:gd name="T23" fmla="*/ 883 h 3487"/>
                <a:gd name="T24" fmla="*/ 2993 w 3500"/>
                <a:gd name="T25" fmla="*/ 801 h 3487"/>
                <a:gd name="T26" fmla="*/ 2825 w 3500"/>
                <a:gd name="T27" fmla="*/ 672 h 3487"/>
                <a:gd name="T28" fmla="*/ 2696 w 3500"/>
                <a:gd name="T29" fmla="*/ 504 h 3487"/>
                <a:gd name="T30" fmla="*/ 2613 w 3500"/>
                <a:gd name="T31" fmla="*/ 310 h 3487"/>
                <a:gd name="T32" fmla="*/ 3039 w 3500"/>
                <a:gd name="T33" fmla="*/ 145 h 3487"/>
                <a:gd name="T34" fmla="*/ 2731 w 3500"/>
                <a:gd name="T35" fmla="*/ 199 h 3487"/>
                <a:gd name="T36" fmla="*/ 2784 w 3500"/>
                <a:gd name="T37" fmla="*/ 374 h 3487"/>
                <a:gd name="T38" fmla="*/ 2882 w 3500"/>
                <a:gd name="T39" fmla="*/ 528 h 3487"/>
                <a:gd name="T40" fmla="*/ 3018 w 3500"/>
                <a:gd name="T41" fmla="*/ 652 h 3487"/>
                <a:gd name="T42" fmla="*/ 3181 w 3500"/>
                <a:gd name="T43" fmla="*/ 736 h 3487"/>
                <a:gd name="T44" fmla="*/ 3324 w 3500"/>
                <a:gd name="T45" fmla="*/ 665 h 3487"/>
                <a:gd name="T46" fmla="*/ 3360 w 3500"/>
                <a:gd name="T47" fmla="*/ 354 h 3487"/>
                <a:gd name="T48" fmla="*/ 3248 w 3500"/>
                <a:gd name="T49" fmla="*/ 140 h 3487"/>
                <a:gd name="T50" fmla="*/ 3317 w 3500"/>
                <a:gd name="T51" fmla="*/ 3 h 3487"/>
                <a:gd name="T52" fmla="*/ 3459 w 3500"/>
                <a:gd name="T53" fmla="*/ 28 h 3487"/>
                <a:gd name="T54" fmla="*/ 3486 w 3500"/>
                <a:gd name="T55" fmla="*/ 74 h 3487"/>
                <a:gd name="T56" fmla="*/ 3498 w 3500"/>
                <a:gd name="T57" fmla="*/ 396 h 3487"/>
                <a:gd name="T58" fmla="*/ 3455 w 3500"/>
                <a:gd name="T59" fmla="*/ 718 h 3487"/>
                <a:gd name="T60" fmla="*/ 3359 w 3500"/>
                <a:gd name="T61" fmla="*/ 1026 h 3487"/>
                <a:gd name="T62" fmla="*/ 3210 w 3500"/>
                <a:gd name="T63" fmla="*/ 1312 h 3487"/>
                <a:gd name="T64" fmla="*/ 3016 w 3500"/>
                <a:gd name="T65" fmla="*/ 1571 h 3487"/>
                <a:gd name="T66" fmla="*/ 2391 w 3500"/>
                <a:gd name="T67" fmla="*/ 2782 h 3487"/>
                <a:gd name="T68" fmla="*/ 2371 w 3500"/>
                <a:gd name="T69" fmla="*/ 2822 h 3487"/>
                <a:gd name="T70" fmla="*/ 1692 w 3500"/>
                <a:gd name="T71" fmla="*/ 3485 h 3487"/>
                <a:gd name="T72" fmla="*/ 1637 w 3500"/>
                <a:gd name="T73" fmla="*/ 3476 h 3487"/>
                <a:gd name="T74" fmla="*/ 1606 w 3500"/>
                <a:gd name="T75" fmla="*/ 3430 h 3487"/>
                <a:gd name="T76" fmla="*/ 1309 w 3500"/>
                <a:gd name="T77" fmla="*/ 3051 h 3487"/>
                <a:gd name="T78" fmla="*/ 1273 w 3500"/>
                <a:gd name="T79" fmla="*/ 3083 h 3487"/>
                <a:gd name="T80" fmla="*/ 1230 w 3500"/>
                <a:gd name="T81" fmla="*/ 3085 h 3487"/>
                <a:gd name="T82" fmla="*/ 423 w 3500"/>
                <a:gd name="T83" fmla="*/ 2293 h 3487"/>
                <a:gd name="T84" fmla="*/ 403 w 3500"/>
                <a:gd name="T85" fmla="*/ 2251 h 3487"/>
                <a:gd name="T86" fmla="*/ 415 w 3500"/>
                <a:gd name="T87" fmla="*/ 2205 h 3487"/>
                <a:gd name="T88" fmla="*/ 643 w 3500"/>
                <a:gd name="T89" fmla="*/ 2073 h 3487"/>
                <a:gd name="T90" fmla="*/ 40 w 3500"/>
                <a:gd name="T91" fmla="*/ 1881 h 3487"/>
                <a:gd name="T92" fmla="*/ 4 w 3500"/>
                <a:gd name="T93" fmla="*/ 1839 h 3487"/>
                <a:gd name="T94" fmla="*/ 9 w 3500"/>
                <a:gd name="T95" fmla="*/ 1785 h 3487"/>
                <a:gd name="T96" fmla="*/ 680 w 3500"/>
                <a:gd name="T97" fmla="*/ 1115 h 3487"/>
                <a:gd name="T98" fmla="*/ 1379 w 3500"/>
                <a:gd name="T99" fmla="*/ 1019 h 3487"/>
                <a:gd name="T100" fmla="*/ 2006 w 3500"/>
                <a:gd name="T101" fmla="*/ 412 h 3487"/>
                <a:gd name="T102" fmla="*/ 2276 w 3500"/>
                <a:gd name="T103" fmla="*/ 233 h 3487"/>
                <a:gd name="T104" fmla="*/ 2572 w 3500"/>
                <a:gd name="T105" fmla="*/ 103 h 3487"/>
                <a:gd name="T106" fmla="*/ 2886 w 3500"/>
                <a:gd name="T107" fmla="*/ 24 h 3487"/>
                <a:gd name="T108" fmla="*/ 3209 w 3500"/>
                <a:gd name="T109" fmla="*/ 0 h 34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500" h="3487">
                  <a:moveTo>
                    <a:pt x="2316" y="2274"/>
                  </a:moveTo>
                  <a:lnTo>
                    <a:pt x="1655" y="2932"/>
                  </a:lnTo>
                  <a:lnTo>
                    <a:pt x="1719" y="3276"/>
                  </a:lnTo>
                  <a:lnTo>
                    <a:pt x="2255" y="2740"/>
                  </a:lnTo>
                  <a:lnTo>
                    <a:pt x="2316" y="2274"/>
                  </a:lnTo>
                  <a:close/>
                  <a:moveTo>
                    <a:pt x="746" y="2176"/>
                  </a:moveTo>
                  <a:lnTo>
                    <a:pt x="587" y="2261"/>
                  </a:lnTo>
                  <a:lnTo>
                    <a:pt x="1231" y="2903"/>
                  </a:lnTo>
                  <a:lnTo>
                    <a:pt x="1317" y="2745"/>
                  </a:lnTo>
                  <a:lnTo>
                    <a:pt x="746" y="2176"/>
                  </a:lnTo>
                  <a:close/>
                  <a:moveTo>
                    <a:pt x="1218" y="1179"/>
                  </a:moveTo>
                  <a:lnTo>
                    <a:pt x="750" y="1240"/>
                  </a:lnTo>
                  <a:lnTo>
                    <a:pt x="214" y="1774"/>
                  </a:lnTo>
                  <a:lnTo>
                    <a:pt x="558" y="1838"/>
                  </a:lnTo>
                  <a:lnTo>
                    <a:pt x="1218" y="1179"/>
                  </a:lnTo>
                  <a:close/>
                  <a:moveTo>
                    <a:pt x="2596" y="242"/>
                  </a:moveTo>
                  <a:lnTo>
                    <a:pt x="2506" y="276"/>
                  </a:lnTo>
                  <a:lnTo>
                    <a:pt x="2417" y="317"/>
                  </a:lnTo>
                  <a:lnTo>
                    <a:pt x="2331" y="361"/>
                  </a:lnTo>
                  <a:lnTo>
                    <a:pt x="2246" y="412"/>
                  </a:lnTo>
                  <a:lnTo>
                    <a:pt x="2165" y="466"/>
                  </a:lnTo>
                  <a:lnTo>
                    <a:pt x="2088" y="524"/>
                  </a:lnTo>
                  <a:lnTo>
                    <a:pt x="2014" y="587"/>
                  </a:lnTo>
                  <a:lnTo>
                    <a:pt x="1943" y="654"/>
                  </a:lnTo>
                  <a:lnTo>
                    <a:pt x="679" y="1913"/>
                  </a:lnTo>
                  <a:lnTo>
                    <a:pt x="1580" y="2811"/>
                  </a:lnTo>
                  <a:lnTo>
                    <a:pt x="2843" y="1552"/>
                  </a:lnTo>
                  <a:lnTo>
                    <a:pt x="2910" y="1481"/>
                  </a:lnTo>
                  <a:lnTo>
                    <a:pt x="2973" y="1406"/>
                  </a:lnTo>
                  <a:lnTo>
                    <a:pt x="3032" y="1329"/>
                  </a:lnTo>
                  <a:lnTo>
                    <a:pt x="3087" y="1249"/>
                  </a:lnTo>
                  <a:lnTo>
                    <a:pt x="3136" y="1165"/>
                  </a:lnTo>
                  <a:lnTo>
                    <a:pt x="3181" y="1079"/>
                  </a:lnTo>
                  <a:lnTo>
                    <a:pt x="3222" y="991"/>
                  </a:lnTo>
                  <a:lnTo>
                    <a:pt x="3257" y="900"/>
                  </a:lnTo>
                  <a:lnTo>
                    <a:pt x="3188" y="883"/>
                  </a:lnTo>
                  <a:lnTo>
                    <a:pt x="3122" y="862"/>
                  </a:lnTo>
                  <a:lnTo>
                    <a:pt x="3056" y="834"/>
                  </a:lnTo>
                  <a:lnTo>
                    <a:pt x="2993" y="801"/>
                  </a:lnTo>
                  <a:lnTo>
                    <a:pt x="2934" y="762"/>
                  </a:lnTo>
                  <a:lnTo>
                    <a:pt x="2878" y="720"/>
                  </a:lnTo>
                  <a:lnTo>
                    <a:pt x="2825" y="672"/>
                  </a:lnTo>
                  <a:lnTo>
                    <a:pt x="2777" y="619"/>
                  </a:lnTo>
                  <a:lnTo>
                    <a:pt x="2734" y="563"/>
                  </a:lnTo>
                  <a:lnTo>
                    <a:pt x="2696" y="504"/>
                  </a:lnTo>
                  <a:lnTo>
                    <a:pt x="2662" y="442"/>
                  </a:lnTo>
                  <a:lnTo>
                    <a:pt x="2635" y="377"/>
                  </a:lnTo>
                  <a:lnTo>
                    <a:pt x="2613" y="310"/>
                  </a:lnTo>
                  <a:lnTo>
                    <a:pt x="2596" y="242"/>
                  </a:lnTo>
                  <a:close/>
                  <a:moveTo>
                    <a:pt x="3144" y="139"/>
                  </a:moveTo>
                  <a:lnTo>
                    <a:pt x="3039" y="145"/>
                  </a:lnTo>
                  <a:lnTo>
                    <a:pt x="2935" y="158"/>
                  </a:lnTo>
                  <a:lnTo>
                    <a:pt x="2832" y="176"/>
                  </a:lnTo>
                  <a:lnTo>
                    <a:pt x="2731" y="199"/>
                  </a:lnTo>
                  <a:lnTo>
                    <a:pt x="2743" y="260"/>
                  </a:lnTo>
                  <a:lnTo>
                    <a:pt x="2761" y="318"/>
                  </a:lnTo>
                  <a:lnTo>
                    <a:pt x="2784" y="374"/>
                  </a:lnTo>
                  <a:lnTo>
                    <a:pt x="2813" y="428"/>
                  </a:lnTo>
                  <a:lnTo>
                    <a:pt x="2845" y="479"/>
                  </a:lnTo>
                  <a:lnTo>
                    <a:pt x="2882" y="528"/>
                  </a:lnTo>
                  <a:lnTo>
                    <a:pt x="2924" y="573"/>
                  </a:lnTo>
                  <a:lnTo>
                    <a:pt x="2970" y="615"/>
                  </a:lnTo>
                  <a:lnTo>
                    <a:pt x="3018" y="652"/>
                  </a:lnTo>
                  <a:lnTo>
                    <a:pt x="3070" y="684"/>
                  </a:lnTo>
                  <a:lnTo>
                    <a:pt x="3124" y="712"/>
                  </a:lnTo>
                  <a:lnTo>
                    <a:pt x="3181" y="736"/>
                  </a:lnTo>
                  <a:lnTo>
                    <a:pt x="3239" y="753"/>
                  </a:lnTo>
                  <a:lnTo>
                    <a:pt x="3299" y="767"/>
                  </a:lnTo>
                  <a:lnTo>
                    <a:pt x="3324" y="665"/>
                  </a:lnTo>
                  <a:lnTo>
                    <a:pt x="3342" y="562"/>
                  </a:lnTo>
                  <a:lnTo>
                    <a:pt x="3354" y="459"/>
                  </a:lnTo>
                  <a:lnTo>
                    <a:pt x="3360" y="354"/>
                  </a:lnTo>
                  <a:lnTo>
                    <a:pt x="3360" y="249"/>
                  </a:lnTo>
                  <a:lnTo>
                    <a:pt x="3353" y="145"/>
                  </a:lnTo>
                  <a:lnTo>
                    <a:pt x="3248" y="140"/>
                  </a:lnTo>
                  <a:lnTo>
                    <a:pt x="3144" y="139"/>
                  </a:lnTo>
                  <a:close/>
                  <a:moveTo>
                    <a:pt x="3209" y="0"/>
                  </a:moveTo>
                  <a:lnTo>
                    <a:pt x="3317" y="3"/>
                  </a:lnTo>
                  <a:lnTo>
                    <a:pt x="3425" y="13"/>
                  </a:lnTo>
                  <a:lnTo>
                    <a:pt x="3443" y="19"/>
                  </a:lnTo>
                  <a:lnTo>
                    <a:pt x="3459" y="28"/>
                  </a:lnTo>
                  <a:lnTo>
                    <a:pt x="3472" y="40"/>
                  </a:lnTo>
                  <a:lnTo>
                    <a:pt x="3481" y="56"/>
                  </a:lnTo>
                  <a:lnTo>
                    <a:pt x="3486" y="74"/>
                  </a:lnTo>
                  <a:lnTo>
                    <a:pt x="3496" y="181"/>
                  </a:lnTo>
                  <a:lnTo>
                    <a:pt x="3500" y="289"/>
                  </a:lnTo>
                  <a:lnTo>
                    <a:pt x="3498" y="396"/>
                  </a:lnTo>
                  <a:lnTo>
                    <a:pt x="3489" y="504"/>
                  </a:lnTo>
                  <a:lnTo>
                    <a:pt x="3475" y="611"/>
                  </a:lnTo>
                  <a:lnTo>
                    <a:pt x="3455" y="718"/>
                  </a:lnTo>
                  <a:lnTo>
                    <a:pt x="3428" y="822"/>
                  </a:lnTo>
                  <a:lnTo>
                    <a:pt x="3397" y="925"/>
                  </a:lnTo>
                  <a:lnTo>
                    <a:pt x="3359" y="1026"/>
                  </a:lnTo>
                  <a:lnTo>
                    <a:pt x="3315" y="1124"/>
                  </a:lnTo>
                  <a:lnTo>
                    <a:pt x="3265" y="1219"/>
                  </a:lnTo>
                  <a:lnTo>
                    <a:pt x="3210" y="1312"/>
                  </a:lnTo>
                  <a:lnTo>
                    <a:pt x="3151" y="1403"/>
                  </a:lnTo>
                  <a:lnTo>
                    <a:pt x="3086" y="1489"/>
                  </a:lnTo>
                  <a:lnTo>
                    <a:pt x="3016" y="1571"/>
                  </a:lnTo>
                  <a:lnTo>
                    <a:pt x="2942" y="1649"/>
                  </a:lnTo>
                  <a:lnTo>
                    <a:pt x="2478" y="2113"/>
                  </a:lnTo>
                  <a:lnTo>
                    <a:pt x="2391" y="2782"/>
                  </a:lnTo>
                  <a:lnTo>
                    <a:pt x="2387" y="2796"/>
                  </a:lnTo>
                  <a:lnTo>
                    <a:pt x="2380" y="2810"/>
                  </a:lnTo>
                  <a:lnTo>
                    <a:pt x="2371" y="2822"/>
                  </a:lnTo>
                  <a:lnTo>
                    <a:pt x="1724" y="3467"/>
                  </a:lnTo>
                  <a:lnTo>
                    <a:pt x="1709" y="3478"/>
                  </a:lnTo>
                  <a:lnTo>
                    <a:pt x="1692" y="3485"/>
                  </a:lnTo>
                  <a:lnTo>
                    <a:pt x="1674" y="3487"/>
                  </a:lnTo>
                  <a:lnTo>
                    <a:pt x="1654" y="3484"/>
                  </a:lnTo>
                  <a:lnTo>
                    <a:pt x="1637" y="3476"/>
                  </a:lnTo>
                  <a:lnTo>
                    <a:pt x="1623" y="3464"/>
                  </a:lnTo>
                  <a:lnTo>
                    <a:pt x="1613" y="3448"/>
                  </a:lnTo>
                  <a:lnTo>
                    <a:pt x="1606" y="3430"/>
                  </a:lnTo>
                  <a:lnTo>
                    <a:pt x="1516" y="2943"/>
                  </a:lnTo>
                  <a:lnTo>
                    <a:pt x="1419" y="2847"/>
                  </a:lnTo>
                  <a:lnTo>
                    <a:pt x="1309" y="3051"/>
                  </a:lnTo>
                  <a:lnTo>
                    <a:pt x="1299" y="3064"/>
                  </a:lnTo>
                  <a:lnTo>
                    <a:pt x="1287" y="3075"/>
                  </a:lnTo>
                  <a:lnTo>
                    <a:pt x="1273" y="3083"/>
                  </a:lnTo>
                  <a:lnTo>
                    <a:pt x="1258" y="3086"/>
                  </a:lnTo>
                  <a:lnTo>
                    <a:pt x="1247" y="3088"/>
                  </a:lnTo>
                  <a:lnTo>
                    <a:pt x="1230" y="3085"/>
                  </a:lnTo>
                  <a:lnTo>
                    <a:pt x="1213" y="3079"/>
                  </a:lnTo>
                  <a:lnTo>
                    <a:pt x="1198" y="3067"/>
                  </a:lnTo>
                  <a:lnTo>
                    <a:pt x="423" y="2293"/>
                  </a:lnTo>
                  <a:lnTo>
                    <a:pt x="413" y="2281"/>
                  </a:lnTo>
                  <a:lnTo>
                    <a:pt x="405" y="2267"/>
                  </a:lnTo>
                  <a:lnTo>
                    <a:pt x="403" y="2251"/>
                  </a:lnTo>
                  <a:lnTo>
                    <a:pt x="403" y="2234"/>
                  </a:lnTo>
                  <a:lnTo>
                    <a:pt x="407" y="2218"/>
                  </a:lnTo>
                  <a:lnTo>
                    <a:pt x="415" y="2205"/>
                  </a:lnTo>
                  <a:lnTo>
                    <a:pt x="425" y="2193"/>
                  </a:lnTo>
                  <a:lnTo>
                    <a:pt x="439" y="2184"/>
                  </a:lnTo>
                  <a:lnTo>
                    <a:pt x="643" y="2073"/>
                  </a:lnTo>
                  <a:lnTo>
                    <a:pt x="546" y="1978"/>
                  </a:lnTo>
                  <a:lnTo>
                    <a:pt x="58" y="1887"/>
                  </a:lnTo>
                  <a:lnTo>
                    <a:pt x="40" y="1881"/>
                  </a:lnTo>
                  <a:lnTo>
                    <a:pt x="24" y="1870"/>
                  </a:lnTo>
                  <a:lnTo>
                    <a:pt x="12" y="1857"/>
                  </a:lnTo>
                  <a:lnTo>
                    <a:pt x="4" y="1839"/>
                  </a:lnTo>
                  <a:lnTo>
                    <a:pt x="0" y="1821"/>
                  </a:lnTo>
                  <a:lnTo>
                    <a:pt x="3" y="1802"/>
                  </a:lnTo>
                  <a:lnTo>
                    <a:pt x="9" y="1785"/>
                  </a:lnTo>
                  <a:lnTo>
                    <a:pt x="22" y="1769"/>
                  </a:lnTo>
                  <a:lnTo>
                    <a:pt x="668" y="1124"/>
                  </a:lnTo>
                  <a:lnTo>
                    <a:pt x="680" y="1115"/>
                  </a:lnTo>
                  <a:lnTo>
                    <a:pt x="694" y="1109"/>
                  </a:lnTo>
                  <a:lnTo>
                    <a:pt x="708" y="1105"/>
                  </a:lnTo>
                  <a:lnTo>
                    <a:pt x="1379" y="1019"/>
                  </a:lnTo>
                  <a:lnTo>
                    <a:pt x="1844" y="555"/>
                  </a:lnTo>
                  <a:lnTo>
                    <a:pt x="1923" y="481"/>
                  </a:lnTo>
                  <a:lnTo>
                    <a:pt x="2006" y="412"/>
                  </a:lnTo>
                  <a:lnTo>
                    <a:pt x="2092" y="347"/>
                  </a:lnTo>
                  <a:lnTo>
                    <a:pt x="2182" y="288"/>
                  </a:lnTo>
                  <a:lnTo>
                    <a:pt x="2276" y="233"/>
                  </a:lnTo>
                  <a:lnTo>
                    <a:pt x="2372" y="183"/>
                  </a:lnTo>
                  <a:lnTo>
                    <a:pt x="2471" y="140"/>
                  </a:lnTo>
                  <a:lnTo>
                    <a:pt x="2572" y="103"/>
                  </a:lnTo>
                  <a:lnTo>
                    <a:pt x="2674" y="70"/>
                  </a:lnTo>
                  <a:lnTo>
                    <a:pt x="2780" y="45"/>
                  </a:lnTo>
                  <a:lnTo>
                    <a:pt x="2886" y="24"/>
                  </a:lnTo>
                  <a:lnTo>
                    <a:pt x="2993" y="10"/>
                  </a:lnTo>
                  <a:lnTo>
                    <a:pt x="3101" y="2"/>
                  </a:lnTo>
                  <a:lnTo>
                    <a:pt x="320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12">
              <a:extLst>
                <a:ext uri="{FF2B5EF4-FFF2-40B4-BE49-F238E27FC236}">
                  <a16:creationId xmlns:a16="http://schemas.microsoft.com/office/drawing/2014/main" id="{D9C76BC8-A9F1-B05C-448E-FF0B88E67A9C}"/>
                </a:ext>
              </a:extLst>
            </p:cNvPr>
            <p:cNvSpPr>
              <a:spLocks noEditPoints="1"/>
            </p:cNvSpPr>
            <p:nvPr/>
          </p:nvSpPr>
          <p:spPr bwMode="auto">
            <a:xfrm>
              <a:off x="3113088" y="3802063"/>
              <a:ext cx="223838" cy="223838"/>
            </a:xfrm>
            <a:custGeom>
              <a:avLst/>
              <a:gdLst>
                <a:gd name="T0" fmla="*/ 386 w 846"/>
                <a:gd name="T1" fmla="*/ 141 h 842"/>
                <a:gd name="T2" fmla="*/ 316 w 846"/>
                <a:gd name="T3" fmla="*/ 159 h 842"/>
                <a:gd name="T4" fmla="*/ 251 w 846"/>
                <a:gd name="T5" fmla="*/ 196 h 842"/>
                <a:gd name="T6" fmla="*/ 195 w 846"/>
                <a:gd name="T7" fmla="*/ 253 h 842"/>
                <a:gd name="T8" fmla="*/ 156 w 846"/>
                <a:gd name="T9" fmla="*/ 324 h 842"/>
                <a:gd name="T10" fmla="*/ 140 w 846"/>
                <a:gd name="T11" fmla="*/ 401 h 842"/>
                <a:gd name="T12" fmla="*/ 146 w 846"/>
                <a:gd name="T13" fmla="*/ 480 h 842"/>
                <a:gd name="T14" fmla="*/ 173 w 846"/>
                <a:gd name="T15" fmla="*/ 555 h 842"/>
                <a:gd name="T16" fmla="*/ 222 w 846"/>
                <a:gd name="T17" fmla="*/ 621 h 842"/>
                <a:gd name="T18" fmla="*/ 289 w 846"/>
                <a:gd name="T19" fmla="*/ 670 h 842"/>
                <a:gd name="T20" fmla="*/ 364 w 846"/>
                <a:gd name="T21" fmla="*/ 698 h 842"/>
                <a:gd name="T22" fmla="*/ 442 w 846"/>
                <a:gd name="T23" fmla="*/ 704 h 842"/>
                <a:gd name="T24" fmla="*/ 520 w 846"/>
                <a:gd name="T25" fmla="*/ 687 h 842"/>
                <a:gd name="T26" fmla="*/ 592 w 846"/>
                <a:gd name="T27" fmla="*/ 649 h 842"/>
                <a:gd name="T28" fmla="*/ 650 w 846"/>
                <a:gd name="T29" fmla="*/ 589 h 842"/>
                <a:gd name="T30" fmla="*/ 689 w 846"/>
                <a:gd name="T31" fmla="*/ 519 h 842"/>
                <a:gd name="T32" fmla="*/ 705 w 846"/>
                <a:gd name="T33" fmla="*/ 441 h 842"/>
                <a:gd name="T34" fmla="*/ 700 w 846"/>
                <a:gd name="T35" fmla="*/ 362 h 842"/>
                <a:gd name="T36" fmla="*/ 673 w 846"/>
                <a:gd name="T37" fmla="*/ 287 h 842"/>
                <a:gd name="T38" fmla="*/ 623 w 846"/>
                <a:gd name="T39" fmla="*/ 221 h 842"/>
                <a:gd name="T40" fmla="*/ 563 w 846"/>
                <a:gd name="T41" fmla="*/ 175 h 842"/>
                <a:gd name="T42" fmla="*/ 494 w 846"/>
                <a:gd name="T43" fmla="*/ 148 h 842"/>
                <a:gd name="T44" fmla="*/ 422 w 846"/>
                <a:gd name="T45" fmla="*/ 139 h 842"/>
                <a:gd name="T46" fmla="*/ 469 w 846"/>
                <a:gd name="T47" fmla="*/ 2 h 842"/>
                <a:gd name="T48" fmla="*/ 560 w 846"/>
                <a:gd name="T49" fmla="*/ 23 h 842"/>
                <a:gd name="T50" fmla="*/ 646 w 846"/>
                <a:gd name="T51" fmla="*/ 63 h 842"/>
                <a:gd name="T52" fmla="*/ 722 w 846"/>
                <a:gd name="T53" fmla="*/ 123 h 842"/>
                <a:gd name="T54" fmla="*/ 783 w 846"/>
                <a:gd name="T55" fmla="*/ 200 h 842"/>
                <a:gd name="T56" fmla="*/ 823 w 846"/>
                <a:gd name="T57" fmla="*/ 285 h 842"/>
                <a:gd name="T58" fmla="*/ 844 w 846"/>
                <a:gd name="T59" fmla="*/ 375 h 842"/>
                <a:gd name="T60" fmla="*/ 844 w 846"/>
                <a:gd name="T61" fmla="*/ 467 h 842"/>
                <a:gd name="T62" fmla="*/ 823 w 846"/>
                <a:gd name="T63" fmla="*/ 558 h 842"/>
                <a:gd name="T64" fmla="*/ 783 w 846"/>
                <a:gd name="T65" fmla="*/ 643 h 842"/>
                <a:gd name="T66" fmla="*/ 722 w 846"/>
                <a:gd name="T67" fmla="*/ 719 h 842"/>
                <a:gd name="T68" fmla="*/ 646 w 846"/>
                <a:gd name="T69" fmla="*/ 780 h 842"/>
                <a:gd name="T70" fmla="*/ 560 w 846"/>
                <a:gd name="T71" fmla="*/ 820 h 842"/>
                <a:gd name="T72" fmla="*/ 469 w 846"/>
                <a:gd name="T73" fmla="*/ 840 h 842"/>
                <a:gd name="T74" fmla="*/ 376 w 846"/>
                <a:gd name="T75" fmla="*/ 840 h 842"/>
                <a:gd name="T76" fmla="*/ 285 w 846"/>
                <a:gd name="T77" fmla="*/ 820 h 842"/>
                <a:gd name="T78" fmla="*/ 200 w 846"/>
                <a:gd name="T79" fmla="*/ 780 h 842"/>
                <a:gd name="T80" fmla="*/ 123 w 846"/>
                <a:gd name="T81" fmla="*/ 719 h 842"/>
                <a:gd name="T82" fmla="*/ 63 w 846"/>
                <a:gd name="T83" fmla="*/ 643 h 842"/>
                <a:gd name="T84" fmla="*/ 22 w 846"/>
                <a:gd name="T85" fmla="*/ 558 h 842"/>
                <a:gd name="T86" fmla="*/ 2 w 846"/>
                <a:gd name="T87" fmla="*/ 467 h 842"/>
                <a:gd name="T88" fmla="*/ 2 w 846"/>
                <a:gd name="T89" fmla="*/ 375 h 842"/>
                <a:gd name="T90" fmla="*/ 22 w 846"/>
                <a:gd name="T91" fmla="*/ 285 h 842"/>
                <a:gd name="T92" fmla="*/ 63 w 846"/>
                <a:gd name="T93" fmla="*/ 200 h 842"/>
                <a:gd name="T94" fmla="*/ 123 w 846"/>
                <a:gd name="T95" fmla="*/ 123 h 842"/>
                <a:gd name="T96" fmla="*/ 200 w 846"/>
                <a:gd name="T97" fmla="*/ 63 h 842"/>
                <a:gd name="T98" fmla="*/ 285 w 846"/>
                <a:gd name="T99" fmla="*/ 23 h 842"/>
                <a:gd name="T100" fmla="*/ 376 w 846"/>
                <a:gd name="T101" fmla="*/ 2 h 8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46" h="842">
                  <a:moveTo>
                    <a:pt x="422" y="139"/>
                  </a:moveTo>
                  <a:lnTo>
                    <a:pt x="386" y="141"/>
                  </a:lnTo>
                  <a:lnTo>
                    <a:pt x="350" y="148"/>
                  </a:lnTo>
                  <a:lnTo>
                    <a:pt x="316" y="159"/>
                  </a:lnTo>
                  <a:lnTo>
                    <a:pt x="283" y="175"/>
                  </a:lnTo>
                  <a:lnTo>
                    <a:pt x="251" y="196"/>
                  </a:lnTo>
                  <a:lnTo>
                    <a:pt x="222" y="221"/>
                  </a:lnTo>
                  <a:lnTo>
                    <a:pt x="195" y="253"/>
                  </a:lnTo>
                  <a:lnTo>
                    <a:pt x="173" y="287"/>
                  </a:lnTo>
                  <a:lnTo>
                    <a:pt x="156" y="324"/>
                  </a:lnTo>
                  <a:lnTo>
                    <a:pt x="146" y="362"/>
                  </a:lnTo>
                  <a:lnTo>
                    <a:pt x="140" y="401"/>
                  </a:lnTo>
                  <a:lnTo>
                    <a:pt x="140" y="441"/>
                  </a:lnTo>
                  <a:lnTo>
                    <a:pt x="146" y="480"/>
                  </a:lnTo>
                  <a:lnTo>
                    <a:pt x="156" y="519"/>
                  </a:lnTo>
                  <a:lnTo>
                    <a:pt x="173" y="555"/>
                  </a:lnTo>
                  <a:lnTo>
                    <a:pt x="195" y="589"/>
                  </a:lnTo>
                  <a:lnTo>
                    <a:pt x="222" y="621"/>
                  </a:lnTo>
                  <a:lnTo>
                    <a:pt x="254" y="649"/>
                  </a:lnTo>
                  <a:lnTo>
                    <a:pt x="289" y="670"/>
                  </a:lnTo>
                  <a:lnTo>
                    <a:pt x="326" y="687"/>
                  </a:lnTo>
                  <a:lnTo>
                    <a:pt x="364" y="698"/>
                  </a:lnTo>
                  <a:lnTo>
                    <a:pt x="403" y="704"/>
                  </a:lnTo>
                  <a:lnTo>
                    <a:pt x="442" y="704"/>
                  </a:lnTo>
                  <a:lnTo>
                    <a:pt x="482" y="698"/>
                  </a:lnTo>
                  <a:lnTo>
                    <a:pt x="520" y="687"/>
                  </a:lnTo>
                  <a:lnTo>
                    <a:pt x="557" y="670"/>
                  </a:lnTo>
                  <a:lnTo>
                    <a:pt x="592" y="649"/>
                  </a:lnTo>
                  <a:lnTo>
                    <a:pt x="623" y="621"/>
                  </a:lnTo>
                  <a:lnTo>
                    <a:pt x="650" y="589"/>
                  </a:lnTo>
                  <a:lnTo>
                    <a:pt x="673" y="555"/>
                  </a:lnTo>
                  <a:lnTo>
                    <a:pt x="689" y="519"/>
                  </a:lnTo>
                  <a:lnTo>
                    <a:pt x="700" y="480"/>
                  </a:lnTo>
                  <a:lnTo>
                    <a:pt x="705" y="441"/>
                  </a:lnTo>
                  <a:lnTo>
                    <a:pt x="705" y="401"/>
                  </a:lnTo>
                  <a:lnTo>
                    <a:pt x="700" y="362"/>
                  </a:lnTo>
                  <a:lnTo>
                    <a:pt x="689" y="324"/>
                  </a:lnTo>
                  <a:lnTo>
                    <a:pt x="673" y="287"/>
                  </a:lnTo>
                  <a:lnTo>
                    <a:pt x="650" y="253"/>
                  </a:lnTo>
                  <a:lnTo>
                    <a:pt x="623" y="221"/>
                  </a:lnTo>
                  <a:lnTo>
                    <a:pt x="594" y="196"/>
                  </a:lnTo>
                  <a:lnTo>
                    <a:pt x="563" y="175"/>
                  </a:lnTo>
                  <a:lnTo>
                    <a:pt x="529" y="159"/>
                  </a:lnTo>
                  <a:lnTo>
                    <a:pt x="494" y="148"/>
                  </a:lnTo>
                  <a:lnTo>
                    <a:pt x="459" y="141"/>
                  </a:lnTo>
                  <a:lnTo>
                    <a:pt x="422" y="139"/>
                  </a:lnTo>
                  <a:close/>
                  <a:moveTo>
                    <a:pt x="422" y="0"/>
                  </a:moveTo>
                  <a:lnTo>
                    <a:pt x="469" y="2"/>
                  </a:lnTo>
                  <a:lnTo>
                    <a:pt x="516" y="10"/>
                  </a:lnTo>
                  <a:lnTo>
                    <a:pt x="560" y="23"/>
                  </a:lnTo>
                  <a:lnTo>
                    <a:pt x="603" y="39"/>
                  </a:lnTo>
                  <a:lnTo>
                    <a:pt x="646" y="63"/>
                  </a:lnTo>
                  <a:lnTo>
                    <a:pt x="685" y="90"/>
                  </a:lnTo>
                  <a:lnTo>
                    <a:pt x="722" y="123"/>
                  </a:lnTo>
                  <a:lnTo>
                    <a:pt x="755" y="159"/>
                  </a:lnTo>
                  <a:lnTo>
                    <a:pt x="783" y="200"/>
                  </a:lnTo>
                  <a:lnTo>
                    <a:pt x="805" y="241"/>
                  </a:lnTo>
                  <a:lnTo>
                    <a:pt x="823" y="285"/>
                  </a:lnTo>
                  <a:lnTo>
                    <a:pt x="836" y="329"/>
                  </a:lnTo>
                  <a:lnTo>
                    <a:pt x="844" y="375"/>
                  </a:lnTo>
                  <a:lnTo>
                    <a:pt x="846" y="421"/>
                  </a:lnTo>
                  <a:lnTo>
                    <a:pt x="844" y="467"/>
                  </a:lnTo>
                  <a:lnTo>
                    <a:pt x="836" y="513"/>
                  </a:lnTo>
                  <a:lnTo>
                    <a:pt x="823" y="558"/>
                  </a:lnTo>
                  <a:lnTo>
                    <a:pt x="805" y="602"/>
                  </a:lnTo>
                  <a:lnTo>
                    <a:pt x="783" y="643"/>
                  </a:lnTo>
                  <a:lnTo>
                    <a:pt x="755" y="682"/>
                  </a:lnTo>
                  <a:lnTo>
                    <a:pt x="722" y="719"/>
                  </a:lnTo>
                  <a:lnTo>
                    <a:pt x="685" y="752"/>
                  </a:lnTo>
                  <a:lnTo>
                    <a:pt x="646" y="780"/>
                  </a:lnTo>
                  <a:lnTo>
                    <a:pt x="603" y="802"/>
                  </a:lnTo>
                  <a:lnTo>
                    <a:pt x="560" y="820"/>
                  </a:lnTo>
                  <a:lnTo>
                    <a:pt x="516" y="832"/>
                  </a:lnTo>
                  <a:lnTo>
                    <a:pt x="469" y="840"/>
                  </a:lnTo>
                  <a:lnTo>
                    <a:pt x="422" y="842"/>
                  </a:lnTo>
                  <a:lnTo>
                    <a:pt x="376" y="840"/>
                  </a:lnTo>
                  <a:lnTo>
                    <a:pt x="330" y="832"/>
                  </a:lnTo>
                  <a:lnTo>
                    <a:pt x="285" y="820"/>
                  </a:lnTo>
                  <a:lnTo>
                    <a:pt x="241" y="802"/>
                  </a:lnTo>
                  <a:lnTo>
                    <a:pt x="200" y="780"/>
                  </a:lnTo>
                  <a:lnTo>
                    <a:pt x="160" y="752"/>
                  </a:lnTo>
                  <a:lnTo>
                    <a:pt x="123" y="719"/>
                  </a:lnTo>
                  <a:lnTo>
                    <a:pt x="91" y="682"/>
                  </a:lnTo>
                  <a:lnTo>
                    <a:pt x="63" y="643"/>
                  </a:lnTo>
                  <a:lnTo>
                    <a:pt x="40" y="602"/>
                  </a:lnTo>
                  <a:lnTo>
                    <a:pt x="22" y="558"/>
                  </a:lnTo>
                  <a:lnTo>
                    <a:pt x="10" y="513"/>
                  </a:lnTo>
                  <a:lnTo>
                    <a:pt x="2" y="467"/>
                  </a:lnTo>
                  <a:lnTo>
                    <a:pt x="0" y="421"/>
                  </a:lnTo>
                  <a:lnTo>
                    <a:pt x="2" y="375"/>
                  </a:lnTo>
                  <a:lnTo>
                    <a:pt x="10" y="329"/>
                  </a:lnTo>
                  <a:lnTo>
                    <a:pt x="22" y="285"/>
                  </a:lnTo>
                  <a:lnTo>
                    <a:pt x="40" y="241"/>
                  </a:lnTo>
                  <a:lnTo>
                    <a:pt x="63" y="200"/>
                  </a:lnTo>
                  <a:lnTo>
                    <a:pt x="91" y="159"/>
                  </a:lnTo>
                  <a:lnTo>
                    <a:pt x="123" y="123"/>
                  </a:lnTo>
                  <a:lnTo>
                    <a:pt x="160" y="90"/>
                  </a:lnTo>
                  <a:lnTo>
                    <a:pt x="200" y="63"/>
                  </a:lnTo>
                  <a:lnTo>
                    <a:pt x="241" y="39"/>
                  </a:lnTo>
                  <a:lnTo>
                    <a:pt x="285" y="23"/>
                  </a:lnTo>
                  <a:lnTo>
                    <a:pt x="330" y="10"/>
                  </a:lnTo>
                  <a:lnTo>
                    <a:pt x="376" y="2"/>
                  </a:lnTo>
                  <a:lnTo>
                    <a:pt x="422"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13">
              <a:extLst>
                <a:ext uri="{FF2B5EF4-FFF2-40B4-BE49-F238E27FC236}">
                  <a16:creationId xmlns:a16="http://schemas.microsoft.com/office/drawing/2014/main" id="{0902220C-3813-C92D-B5CC-9FF8D5F4113E}"/>
                </a:ext>
              </a:extLst>
            </p:cNvPr>
            <p:cNvSpPr>
              <a:spLocks/>
            </p:cNvSpPr>
            <p:nvPr/>
          </p:nvSpPr>
          <p:spPr bwMode="auto">
            <a:xfrm>
              <a:off x="2654300" y="4292600"/>
              <a:ext cx="195263" cy="193675"/>
            </a:xfrm>
            <a:custGeom>
              <a:avLst/>
              <a:gdLst>
                <a:gd name="T0" fmla="*/ 668 w 738"/>
                <a:gd name="T1" fmla="*/ 0 h 735"/>
                <a:gd name="T2" fmla="*/ 685 w 738"/>
                <a:gd name="T3" fmla="*/ 2 h 735"/>
                <a:gd name="T4" fmla="*/ 702 w 738"/>
                <a:gd name="T5" fmla="*/ 9 h 735"/>
                <a:gd name="T6" fmla="*/ 718 w 738"/>
                <a:gd name="T7" fmla="*/ 20 h 735"/>
                <a:gd name="T8" fmla="*/ 729 w 738"/>
                <a:gd name="T9" fmla="*/ 35 h 735"/>
                <a:gd name="T10" fmla="*/ 736 w 738"/>
                <a:gd name="T11" fmla="*/ 52 h 735"/>
                <a:gd name="T12" fmla="*/ 738 w 738"/>
                <a:gd name="T13" fmla="*/ 69 h 735"/>
                <a:gd name="T14" fmla="*/ 736 w 738"/>
                <a:gd name="T15" fmla="*/ 87 h 735"/>
                <a:gd name="T16" fmla="*/ 729 w 738"/>
                <a:gd name="T17" fmla="*/ 104 h 735"/>
                <a:gd name="T18" fmla="*/ 718 w 738"/>
                <a:gd name="T19" fmla="*/ 118 h 735"/>
                <a:gd name="T20" fmla="*/ 119 w 738"/>
                <a:gd name="T21" fmla="*/ 715 h 735"/>
                <a:gd name="T22" fmla="*/ 104 w 738"/>
                <a:gd name="T23" fmla="*/ 726 h 735"/>
                <a:gd name="T24" fmla="*/ 88 w 738"/>
                <a:gd name="T25" fmla="*/ 733 h 735"/>
                <a:gd name="T26" fmla="*/ 70 w 738"/>
                <a:gd name="T27" fmla="*/ 735 h 735"/>
                <a:gd name="T28" fmla="*/ 52 w 738"/>
                <a:gd name="T29" fmla="*/ 733 h 735"/>
                <a:gd name="T30" fmla="*/ 35 w 738"/>
                <a:gd name="T31" fmla="*/ 726 h 735"/>
                <a:gd name="T32" fmla="*/ 20 w 738"/>
                <a:gd name="T33" fmla="*/ 715 h 735"/>
                <a:gd name="T34" fmla="*/ 9 w 738"/>
                <a:gd name="T35" fmla="*/ 701 h 735"/>
                <a:gd name="T36" fmla="*/ 2 w 738"/>
                <a:gd name="T37" fmla="*/ 684 h 735"/>
                <a:gd name="T38" fmla="*/ 0 w 738"/>
                <a:gd name="T39" fmla="*/ 666 h 735"/>
                <a:gd name="T40" fmla="*/ 2 w 738"/>
                <a:gd name="T41" fmla="*/ 648 h 735"/>
                <a:gd name="T42" fmla="*/ 9 w 738"/>
                <a:gd name="T43" fmla="*/ 631 h 735"/>
                <a:gd name="T44" fmla="*/ 20 w 738"/>
                <a:gd name="T45" fmla="*/ 617 h 735"/>
                <a:gd name="T46" fmla="*/ 619 w 738"/>
                <a:gd name="T47" fmla="*/ 20 h 735"/>
                <a:gd name="T48" fmla="*/ 634 w 738"/>
                <a:gd name="T49" fmla="*/ 9 h 735"/>
                <a:gd name="T50" fmla="*/ 650 w 738"/>
                <a:gd name="T51" fmla="*/ 2 h 735"/>
                <a:gd name="T52" fmla="*/ 668 w 738"/>
                <a:gd name="T53" fmla="*/ 0 h 7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38" h="735">
                  <a:moveTo>
                    <a:pt x="668" y="0"/>
                  </a:moveTo>
                  <a:lnTo>
                    <a:pt x="685" y="2"/>
                  </a:lnTo>
                  <a:lnTo>
                    <a:pt x="702" y="9"/>
                  </a:lnTo>
                  <a:lnTo>
                    <a:pt x="718" y="20"/>
                  </a:lnTo>
                  <a:lnTo>
                    <a:pt x="729" y="35"/>
                  </a:lnTo>
                  <a:lnTo>
                    <a:pt x="736" y="52"/>
                  </a:lnTo>
                  <a:lnTo>
                    <a:pt x="738" y="69"/>
                  </a:lnTo>
                  <a:lnTo>
                    <a:pt x="736" y="87"/>
                  </a:lnTo>
                  <a:lnTo>
                    <a:pt x="729" y="104"/>
                  </a:lnTo>
                  <a:lnTo>
                    <a:pt x="718" y="118"/>
                  </a:lnTo>
                  <a:lnTo>
                    <a:pt x="119" y="715"/>
                  </a:lnTo>
                  <a:lnTo>
                    <a:pt x="104" y="726"/>
                  </a:lnTo>
                  <a:lnTo>
                    <a:pt x="88" y="733"/>
                  </a:lnTo>
                  <a:lnTo>
                    <a:pt x="70" y="735"/>
                  </a:lnTo>
                  <a:lnTo>
                    <a:pt x="52" y="733"/>
                  </a:lnTo>
                  <a:lnTo>
                    <a:pt x="35" y="726"/>
                  </a:lnTo>
                  <a:lnTo>
                    <a:pt x="20" y="715"/>
                  </a:lnTo>
                  <a:lnTo>
                    <a:pt x="9" y="701"/>
                  </a:lnTo>
                  <a:lnTo>
                    <a:pt x="2" y="684"/>
                  </a:lnTo>
                  <a:lnTo>
                    <a:pt x="0" y="666"/>
                  </a:lnTo>
                  <a:lnTo>
                    <a:pt x="2" y="648"/>
                  </a:lnTo>
                  <a:lnTo>
                    <a:pt x="9" y="631"/>
                  </a:lnTo>
                  <a:lnTo>
                    <a:pt x="20" y="617"/>
                  </a:lnTo>
                  <a:lnTo>
                    <a:pt x="619" y="20"/>
                  </a:lnTo>
                  <a:lnTo>
                    <a:pt x="634" y="9"/>
                  </a:lnTo>
                  <a:lnTo>
                    <a:pt x="650" y="2"/>
                  </a:lnTo>
                  <a:lnTo>
                    <a:pt x="66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14">
              <a:extLst>
                <a:ext uri="{FF2B5EF4-FFF2-40B4-BE49-F238E27FC236}">
                  <a16:creationId xmlns:a16="http://schemas.microsoft.com/office/drawing/2014/main" id="{03C458A7-E707-66B8-8518-18DE5C4769E7}"/>
                </a:ext>
              </a:extLst>
            </p:cNvPr>
            <p:cNvSpPr>
              <a:spLocks/>
            </p:cNvSpPr>
            <p:nvPr/>
          </p:nvSpPr>
          <p:spPr bwMode="auto">
            <a:xfrm>
              <a:off x="2790825" y="4341813"/>
              <a:ext cx="107950" cy="107950"/>
            </a:xfrm>
            <a:custGeom>
              <a:avLst/>
              <a:gdLst>
                <a:gd name="T0" fmla="*/ 339 w 409"/>
                <a:gd name="T1" fmla="*/ 0 h 408"/>
                <a:gd name="T2" fmla="*/ 357 w 409"/>
                <a:gd name="T3" fmla="*/ 2 h 408"/>
                <a:gd name="T4" fmla="*/ 374 w 409"/>
                <a:gd name="T5" fmla="*/ 9 h 408"/>
                <a:gd name="T6" fmla="*/ 389 w 409"/>
                <a:gd name="T7" fmla="*/ 20 h 408"/>
                <a:gd name="T8" fmla="*/ 400 w 409"/>
                <a:gd name="T9" fmla="*/ 35 h 408"/>
                <a:gd name="T10" fmla="*/ 407 w 409"/>
                <a:gd name="T11" fmla="*/ 51 h 408"/>
                <a:gd name="T12" fmla="*/ 409 w 409"/>
                <a:gd name="T13" fmla="*/ 69 h 408"/>
                <a:gd name="T14" fmla="*/ 407 w 409"/>
                <a:gd name="T15" fmla="*/ 87 h 408"/>
                <a:gd name="T16" fmla="*/ 400 w 409"/>
                <a:gd name="T17" fmla="*/ 104 h 408"/>
                <a:gd name="T18" fmla="*/ 389 w 409"/>
                <a:gd name="T19" fmla="*/ 119 h 408"/>
                <a:gd name="T20" fmla="*/ 119 w 409"/>
                <a:gd name="T21" fmla="*/ 387 h 408"/>
                <a:gd name="T22" fmla="*/ 104 w 409"/>
                <a:gd name="T23" fmla="*/ 399 h 408"/>
                <a:gd name="T24" fmla="*/ 88 w 409"/>
                <a:gd name="T25" fmla="*/ 405 h 408"/>
                <a:gd name="T26" fmla="*/ 70 w 409"/>
                <a:gd name="T27" fmla="*/ 408 h 408"/>
                <a:gd name="T28" fmla="*/ 53 w 409"/>
                <a:gd name="T29" fmla="*/ 405 h 408"/>
                <a:gd name="T30" fmla="*/ 36 w 409"/>
                <a:gd name="T31" fmla="*/ 399 h 408"/>
                <a:gd name="T32" fmla="*/ 21 w 409"/>
                <a:gd name="T33" fmla="*/ 387 h 408"/>
                <a:gd name="T34" fmla="*/ 9 w 409"/>
                <a:gd name="T35" fmla="*/ 373 h 408"/>
                <a:gd name="T36" fmla="*/ 2 w 409"/>
                <a:gd name="T37" fmla="*/ 356 h 408"/>
                <a:gd name="T38" fmla="*/ 0 w 409"/>
                <a:gd name="T39" fmla="*/ 338 h 408"/>
                <a:gd name="T40" fmla="*/ 2 w 409"/>
                <a:gd name="T41" fmla="*/ 320 h 408"/>
                <a:gd name="T42" fmla="*/ 9 w 409"/>
                <a:gd name="T43" fmla="*/ 303 h 408"/>
                <a:gd name="T44" fmla="*/ 21 w 409"/>
                <a:gd name="T45" fmla="*/ 289 h 408"/>
                <a:gd name="T46" fmla="*/ 290 w 409"/>
                <a:gd name="T47" fmla="*/ 20 h 408"/>
                <a:gd name="T48" fmla="*/ 306 w 409"/>
                <a:gd name="T49" fmla="*/ 9 h 408"/>
                <a:gd name="T50" fmla="*/ 322 w 409"/>
                <a:gd name="T51" fmla="*/ 2 h 408"/>
                <a:gd name="T52" fmla="*/ 339 w 409"/>
                <a:gd name="T53" fmla="*/ 0 h 4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409" h="408">
                  <a:moveTo>
                    <a:pt x="339" y="0"/>
                  </a:moveTo>
                  <a:lnTo>
                    <a:pt x="357" y="2"/>
                  </a:lnTo>
                  <a:lnTo>
                    <a:pt x="374" y="9"/>
                  </a:lnTo>
                  <a:lnTo>
                    <a:pt x="389" y="20"/>
                  </a:lnTo>
                  <a:lnTo>
                    <a:pt x="400" y="35"/>
                  </a:lnTo>
                  <a:lnTo>
                    <a:pt x="407" y="51"/>
                  </a:lnTo>
                  <a:lnTo>
                    <a:pt x="409" y="69"/>
                  </a:lnTo>
                  <a:lnTo>
                    <a:pt x="407" y="87"/>
                  </a:lnTo>
                  <a:lnTo>
                    <a:pt x="400" y="104"/>
                  </a:lnTo>
                  <a:lnTo>
                    <a:pt x="389" y="119"/>
                  </a:lnTo>
                  <a:lnTo>
                    <a:pt x="119" y="387"/>
                  </a:lnTo>
                  <a:lnTo>
                    <a:pt x="104" y="399"/>
                  </a:lnTo>
                  <a:lnTo>
                    <a:pt x="88" y="405"/>
                  </a:lnTo>
                  <a:lnTo>
                    <a:pt x="70" y="408"/>
                  </a:lnTo>
                  <a:lnTo>
                    <a:pt x="53" y="405"/>
                  </a:lnTo>
                  <a:lnTo>
                    <a:pt x="36" y="399"/>
                  </a:lnTo>
                  <a:lnTo>
                    <a:pt x="21" y="387"/>
                  </a:lnTo>
                  <a:lnTo>
                    <a:pt x="9" y="373"/>
                  </a:lnTo>
                  <a:lnTo>
                    <a:pt x="2" y="356"/>
                  </a:lnTo>
                  <a:lnTo>
                    <a:pt x="0" y="338"/>
                  </a:lnTo>
                  <a:lnTo>
                    <a:pt x="2" y="320"/>
                  </a:lnTo>
                  <a:lnTo>
                    <a:pt x="9" y="303"/>
                  </a:lnTo>
                  <a:lnTo>
                    <a:pt x="21" y="289"/>
                  </a:lnTo>
                  <a:lnTo>
                    <a:pt x="290" y="20"/>
                  </a:lnTo>
                  <a:lnTo>
                    <a:pt x="306" y="9"/>
                  </a:lnTo>
                  <a:lnTo>
                    <a:pt x="322" y="2"/>
                  </a:lnTo>
                  <a:lnTo>
                    <a:pt x="33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Freeform 15">
              <a:extLst>
                <a:ext uri="{FF2B5EF4-FFF2-40B4-BE49-F238E27FC236}">
                  <a16:creationId xmlns:a16="http://schemas.microsoft.com/office/drawing/2014/main" id="{43AC9FC0-3E9A-EBE0-7EF5-DC2AB27DB069}"/>
                </a:ext>
              </a:extLst>
            </p:cNvPr>
            <p:cNvSpPr>
              <a:spLocks/>
            </p:cNvSpPr>
            <p:nvPr/>
          </p:nvSpPr>
          <p:spPr bwMode="auto">
            <a:xfrm>
              <a:off x="2752725" y="4451350"/>
              <a:ext cx="36513" cy="36513"/>
            </a:xfrm>
            <a:custGeom>
              <a:avLst/>
              <a:gdLst>
                <a:gd name="T0" fmla="*/ 70 w 138"/>
                <a:gd name="T1" fmla="*/ 0 h 139"/>
                <a:gd name="T2" fmla="*/ 86 w 138"/>
                <a:gd name="T3" fmla="*/ 2 h 139"/>
                <a:gd name="T4" fmla="*/ 101 w 138"/>
                <a:gd name="T5" fmla="*/ 8 h 139"/>
                <a:gd name="T6" fmla="*/ 115 w 138"/>
                <a:gd name="T7" fmla="*/ 17 h 139"/>
                <a:gd name="T8" fmla="*/ 126 w 138"/>
                <a:gd name="T9" fmla="*/ 28 h 139"/>
                <a:gd name="T10" fmla="*/ 134 w 138"/>
                <a:gd name="T11" fmla="*/ 43 h 139"/>
                <a:gd name="T12" fmla="*/ 138 w 138"/>
                <a:gd name="T13" fmla="*/ 62 h 139"/>
                <a:gd name="T14" fmla="*/ 138 w 138"/>
                <a:gd name="T15" fmla="*/ 80 h 139"/>
                <a:gd name="T16" fmla="*/ 133 w 138"/>
                <a:gd name="T17" fmla="*/ 98 h 139"/>
                <a:gd name="T18" fmla="*/ 123 w 138"/>
                <a:gd name="T19" fmla="*/ 113 h 139"/>
                <a:gd name="T20" fmla="*/ 109 w 138"/>
                <a:gd name="T21" fmla="*/ 127 h 139"/>
                <a:gd name="T22" fmla="*/ 94 w 138"/>
                <a:gd name="T23" fmla="*/ 135 h 139"/>
                <a:gd name="T24" fmla="*/ 77 w 138"/>
                <a:gd name="T25" fmla="*/ 139 h 139"/>
                <a:gd name="T26" fmla="*/ 59 w 138"/>
                <a:gd name="T27" fmla="*/ 138 h 139"/>
                <a:gd name="T28" fmla="*/ 42 w 138"/>
                <a:gd name="T29" fmla="*/ 133 h 139"/>
                <a:gd name="T30" fmla="*/ 26 w 138"/>
                <a:gd name="T31" fmla="*/ 124 h 139"/>
                <a:gd name="T32" fmla="*/ 14 w 138"/>
                <a:gd name="T33" fmla="*/ 111 h 139"/>
                <a:gd name="T34" fmla="*/ 6 w 138"/>
                <a:gd name="T35" fmla="*/ 96 h 139"/>
                <a:gd name="T36" fmla="*/ 0 w 138"/>
                <a:gd name="T37" fmla="*/ 80 h 139"/>
                <a:gd name="T38" fmla="*/ 0 w 138"/>
                <a:gd name="T39" fmla="*/ 63 h 139"/>
                <a:gd name="T40" fmla="*/ 4 w 138"/>
                <a:gd name="T41" fmla="*/ 46 h 139"/>
                <a:gd name="T42" fmla="*/ 11 w 138"/>
                <a:gd name="T43" fmla="*/ 30 h 139"/>
                <a:gd name="T44" fmla="*/ 23 w 138"/>
                <a:gd name="T45" fmla="*/ 18 h 139"/>
                <a:gd name="T46" fmla="*/ 36 w 138"/>
                <a:gd name="T47" fmla="*/ 8 h 139"/>
                <a:gd name="T48" fmla="*/ 52 w 138"/>
                <a:gd name="T49" fmla="*/ 2 h 139"/>
                <a:gd name="T50" fmla="*/ 70 w 138"/>
                <a:gd name="T51" fmla="*/ 0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38" h="139">
                  <a:moveTo>
                    <a:pt x="70" y="0"/>
                  </a:moveTo>
                  <a:lnTo>
                    <a:pt x="86" y="2"/>
                  </a:lnTo>
                  <a:lnTo>
                    <a:pt x="101" y="8"/>
                  </a:lnTo>
                  <a:lnTo>
                    <a:pt x="115" y="17"/>
                  </a:lnTo>
                  <a:lnTo>
                    <a:pt x="126" y="28"/>
                  </a:lnTo>
                  <a:lnTo>
                    <a:pt x="134" y="43"/>
                  </a:lnTo>
                  <a:lnTo>
                    <a:pt x="138" y="62"/>
                  </a:lnTo>
                  <a:lnTo>
                    <a:pt x="138" y="80"/>
                  </a:lnTo>
                  <a:lnTo>
                    <a:pt x="133" y="98"/>
                  </a:lnTo>
                  <a:lnTo>
                    <a:pt x="123" y="113"/>
                  </a:lnTo>
                  <a:lnTo>
                    <a:pt x="109" y="127"/>
                  </a:lnTo>
                  <a:lnTo>
                    <a:pt x="94" y="135"/>
                  </a:lnTo>
                  <a:lnTo>
                    <a:pt x="77" y="139"/>
                  </a:lnTo>
                  <a:lnTo>
                    <a:pt x="59" y="138"/>
                  </a:lnTo>
                  <a:lnTo>
                    <a:pt x="42" y="133"/>
                  </a:lnTo>
                  <a:lnTo>
                    <a:pt x="26" y="124"/>
                  </a:lnTo>
                  <a:lnTo>
                    <a:pt x="14" y="111"/>
                  </a:lnTo>
                  <a:lnTo>
                    <a:pt x="6" y="96"/>
                  </a:lnTo>
                  <a:lnTo>
                    <a:pt x="0" y="80"/>
                  </a:lnTo>
                  <a:lnTo>
                    <a:pt x="0" y="63"/>
                  </a:lnTo>
                  <a:lnTo>
                    <a:pt x="4" y="46"/>
                  </a:lnTo>
                  <a:lnTo>
                    <a:pt x="11" y="30"/>
                  </a:lnTo>
                  <a:lnTo>
                    <a:pt x="23" y="18"/>
                  </a:lnTo>
                  <a:lnTo>
                    <a:pt x="36" y="8"/>
                  </a:lnTo>
                  <a:lnTo>
                    <a:pt x="52" y="2"/>
                  </a:lnTo>
                  <a:lnTo>
                    <a:pt x="7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16">
              <a:extLst>
                <a:ext uri="{FF2B5EF4-FFF2-40B4-BE49-F238E27FC236}">
                  <a16:creationId xmlns:a16="http://schemas.microsoft.com/office/drawing/2014/main" id="{F1D23C34-F103-14D6-6C7E-339925B055B1}"/>
                </a:ext>
              </a:extLst>
            </p:cNvPr>
            <p:cNvSpPr>
              <a:spLocks/>
            </p:cNvSpPr>
            <p:nvPr/>
          </p:nvSpPr>
          <p:spPr bwMode="auto">
            <a:xfrm>
              <a:off x="2703513" y="4491038"/>
              <a:ext cx="47625" cy="46038"/>
            </a:xfrm>
            <a:custGeom>
              <a:avLst/>
              <a:gdLst>
                <a:gd name="T0" fmla="*/ 107 w 176"/>
                <a:gd name="T1" fmla="*/ 0 h 177"/>
                <a:gd name="T2" fmla="*/ 125 w 176"/>
                <a:gd name="T3" fmla="*/ 3 h 177"/>
                <a:gd name="T4" fmla="*/ 141 w 176"/>
                <a:gd name="T5" fmla="*/ 10 h 177"/>
                <a:gd name="T6" fmla="*/ 156 w 176"/>
                <a:gd name="T7" fmla="*/ 21 h 177"/>
                <a:gd name="T8" fmla="*/ 167 w 176"/>
                <a:gd name="T9" fmla="*/ 36 h 177"/>
                <a:gd name="T10" fmla="*/ 174 w 176"/>
                <a:gd name="T11" fmla="*/ 52 h 177"/>
                <a:gd name="T12" fmla="*/ 176 w 176"/>
                <a:gd name="T13" fmla="*/ 70 h 177"/>
                <a:gd name="T14" fmla="*/ 174 w 176"/>
                <a:gd name="T15" fmla="*/ 87 h 177"/>
                <a:gd name="T16" fmla="*/ 167 w 176"/>
                <a:gd name="T17" fmla="*/ 104 h 177"/>
                <a:gd name="T18" fmla="*/ 156 w 176"/>
                <a:gd name="T19" fmla="*/ 119 h 177"/>
                <a:gd name="T20" fmla="*/ 119 w 176"/>
                <a:gd name="T21" fmla="*/ 156 h 177"/>
                <a:gd name="T22" fmla="*/ 104 w 176"/>
                <a:gd name="T23" fmla="*/ 168 h 177"/>
                <a:gd name="T24" fmla="*/ 88 w 176"/>
                <a:gd name="T25" fmla="*/ 175 h 177"/>
                <a:gd name="T26" fmla="*/ 70 w 176"/>
                <a:gd name="T27" fmla="*/ 177 h 177"/>
                <a:gd name="T28" fmla="*/ 52 w 176"/>
                <a:gd name="T29" fmla="*/ 175 h 177"/>
                <a:gd name="T30" fmla="*/ 35 w 176"/>
                <a:gd name="T31" fmla="*/ 168 h 177"/>
                <a:gd name="T32" fmla="*/ 20 w 176"/>
                <a:gd name="T33" fmla="*/ 156 h 177"/>
                <a:gd name="T34" fmla="*/ 9 w 176"/>
                <a:gd name="T35" fmla="*/ 141 h 177"/>
                <a:gd name="T36" fmla="*/ 2 w 176"/>
                <a:gd name="T37" fmla="*/ 124 h 177"/>
                <a:gd name="T38" fmla="*/ 0 w 176"/>
                <a:gd name="T39" fmla="*/ 107 h 177"/>
                <a:gd name="T40" fmla="*/ 2 w 176"/>
                <a:gd name="T41" fmla="*/ 89 h 177"/>
                <a:gd name="T42" fmla="*/ 9 w 176"/>
                <a:gd name="T43" fmla="*/ 73 h 177"/>
                <a:gd name="T44" fmla="*/ 20 w 176"/>
                <a:gd name="T45" fmla="*/ 58 h 177"/>
                <a:gd name="T46" fmla="*/ 57 w 176"/>
                <a:gd name="T47" fmla="*/ 21 h 177"/>
                <a:gd name="T48" fmla="*/ 72 w 176"/>
                <a:gd name="T49" fmla="*/ 10 h 177"/>
                <a:gd name="T50" fmla="*/ 89 w 176"/>
                <a:gd name="T51" fmla="*/ 2 h 177"/>
                <a:gd name="T52" fmla="*/ 107 w 176"/>
                <a:gd name="T53" fmla="*/ 0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76" h="177">
                  <a:moveTo>
                    <a:pt x="107" y="0"/>
                  </a:moveTo>
                  <a:lnTo>
                    <a:pt x="125" y="3"/>
                  </a:lnTo>
                  <a:lnTo>
                    <a:pt x="141" y="10"/>
                  </a:lnTo>
                  <a:lnTo>
                    <a:pt x="156" y="21"/>
                  </a:lnTo>
                  <a:lnTo>
                    <a:pt x="167" y="36"/>
                  </a:lnTo>
                  <a:lnTo>
                    <a:pt x="174" y="52"/>
                  </a:lnTo>
                  <a:lnTo>
                    <a:pt x="176" y="70"/>
                  </a:lnTo>
                  <a:lnTo>
                    <a:pt x="174" y="87"/>
                  </a:lnTo>
                  <a:lnTo>
                    <a:pt x="167" y="104"/>
                  </a:lnTo>
                  <a:lnTo>
                    <a:pt x="156" y="119"/>
                  </a:lnTo>
                  <a:lnTo>
                    <a:pt x="119" y="156"/>
                  </a:lnTo>
                  <a:lnTo>
                    <a:pt x="104" y="168"/>
                  </a:lnTo>
                  <a:lnTo>
                    <a:pt x="88" y="175"/>
                  </a:lnTo>
                  <a:lnTo>
                    <a:pt x="70" y="177"/>
                  </a:lnTo>
                  <a:lnTo>
                    <a:pt x="52" y="175"/>
                  </a:lnTo>
                  <a:lnTo>
                    <a:pt x="35" y="168"/>
                  </a:lnTo>
                  <a:lnTo>
                    <a:pt x="20" y="156"/>
                  </a:lnTo>
                  <a:lnTo>
                    <a:pt x="9" y="141"/>
                  </a:lnTo>
                  <a:lnTo>
                    <a:pt x="2" y="124"/>
                  </a:lnTo>
                  <a:lnTo>
                    <a:pt x="0" y="107"/>
                  </a:lnTo>
                  <a:lnTo>
                    <a:pt x="2" y="89"/>
                  </a:lnTo>
                  <a:lnTo>
                    <a:pt x="9" y="73"/>
                  </a:lnTo>
                  <a:lnTo>
                    <a:pt x="20" y="58"/>
                  </a:lnTo>
                  <a:lnTo>
                    <a:pt x="57" y="21"/>
                  </a:lnTo>
                  <a:lnTo>
                    <a:pt x="72" y="10"/>
                  </a:lnTo>
                  <a:lnTo>
                    <a:pt x="89" y="2"/>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17">
              <a:extLst>
                <a:ext uri="{FF2B5EF4-FFF2-40B4-BE49-F238E27FC236}">
                  <a16:creationId xmlns:a16="http://schemas.microsoft.com/office/drawing/2014/main" id="{0E45256E-C936-539A-8725-FC94AD6E9459}"/>
                </a:ext>
              </a:extLst>
            </p:cNvPr>
            <p:cNvSpPr>
              <a:spLocks/>
            </p:cNvSpPr>
            <p:nvPr/>
          </p:nvSpPr>
          <p:spPr bwMode="auto">
            <a:xfrm>
              <a:off x="2603500" y="4329113"/>
              <a:ext cx="107950" cy="107950"/>
            </a:xfrm>
            <a:custGeom>
              <a:avLst/>
              <a:gdLst>
                <a:gd name="T0" fmla="*/ 339 w 409"/>
                <a:gd name="T1" fmla="*/ 0 h 408"/>
                <a:gd name="T2" fmla="*/ 357 w 409"/>
                <a:gd name="T3" fmla="*/ 3 h 408"/>
                <a:gd name="T4" fmla="*/ 374 w 409"/>
                <a:gd name="T5" fmla="*/ 9 h 408"/>
                <a:gd name="T6" fmla="*/ 389 w 409"/>
                <a:gd name="T7" fmla="*/ 20 h 408"/>
                <a:gd name="T8" fmla="*/ 400 w 409"/>
                <a:gd name="T9" fmla="*/ 36 h 408"/>
                <a:gd name="T10" fmla="*/ 407 w 409"/>
                <a:gd name="T11" fmla="*/ 52 h 408"/>
                <a:gd name="T12" fmla="*/ 409 w 409"/>
                <a:gd name="T13" fmla="*/ 70 h 408"/>
                <a:gd name="T14" fmla="*/ 407 w 409"/>
                <a:gd name="T15" fmla="*/ 88 h 408"/>
                <a:gd name="T16" fmla="*/ 400 w 409"/>
                <a:gd name="T17" fmla="*/ 104 h 408"/>
                <a:gd name="T18" fmla="*/ 389 w 409"/>
                <a:gd name="T19" fmla="*/ 119 h 408"/>
                <a:gd name="T20" fmla="*/ 119 w 409"/>
                <a:gd name="T21" fmla="*/ 388 h 408"/>
                <a:gd name="T22" fmla="*/ 104 w 409"/>
                <a:gd name="T23" fmla="*/ 399 h 408"/>
                <a:gd name="T24" fmla="*/ 88 w 409"/>
                <a:gd name="T25" fmla="*/ 406 h 408"/>
                <a:gd name="T26" fmla="*/ 70 w 409"/>
                <a:gd name="T27" fmla="*/ 408 h 408"/>
                <a:gd name="T28" fmla="*/ 53 w 409"/>
                <a:gd name="T29" fmla="*/ 406 h 408"/>
                <a:gd name="T30" fmla="*/ 36 w 409"/>
                <a:gd name="T31" fmla="*/ 399 h 408"/>
                <a:gd name="T32" fmla="*/ 21 w 409"/>
                <a:gd name="T33" fmla="*/ 388 h 408"/>
                <a:gd name="T34" fmla="*/ 9 w 409"/>
                <a:gd name="T35" fmla="*/ 373 h 408"/>
                <a:gd name="T36" fmla="*/ 2 w 409"/>
                <a:gd name="T37" fmla="*/ 356 h 408"/>
                <a:gd name="T38" fmla="*/ 0 w 409"/>
                <a:gd name="T39" fmla="*/ 339 h 408"/>
                <a:gd name="T40" fmla="*/ 2 w 409"/>
                <a:gd name="T41" fmla="*/ 321 h 408"/>
                <a:gd name="T42" fmla="*/ 9 w 409"/>
                <a:gd name="T43" fmla="*/ 305 h 408"/>
                <a:gd name="T44" fmla="*/ 21 w 409"/>
                <a:gd name="T45" fmla="*/ 289 h 408"/>
                <a:gd name="T46" fmla="*/ 290 w 409"/>
                <a:gd name="T47" fmla="*/ 20 h 408"/>
                <a:gd name="T48" fmla="*/ 305 w 409"/>
                <a:gd name="T49" fmla="*/ 9 h 408"/>
                <a:gd name="T50" fmla="*/ 322 w 409"/>
                <a:gd name="T51" fmla="*/ 3 h 408"/>
                <a:gd name="T52" fmla="*/ 339 w 409"/>
                <a:gd name="T53" fmla="*/ 0 h 4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409" h="408">
                  <a:moveTo>
                    <a:pt x="339" y="0"/>
                  </a:moveTo>
                  <a:lnTo>
                    <a:pt x="357" y="3"/>
                  </a:lnTo>
                  <a:lnTo>
                    <a:pt x="374" y="9"/>
                  </a:lnTo>
                  <a:lnTo>
                    <a:pt x="389" y="20"/>
                  </a:lnTo>
                  <a:lnTo>
                    <a:pt x="400" y="36"/>
                  </a:lnTo>
                  <a:lnTo>
                    <a:pt x="407" y="52"/>
                  </a:lnTo>
                  <a:lnTo>
                    <a:pt x="409" y="70"/>
                  </a:lnTo>
                  <a:lnTo>
                    <a:pt x="407" y="88"/>
                  </a:lnTo>
                  <a:lnTo>
                    <a:pt x="400" y="104"/>
                  </a:lnTo>
                  <a:lnTo>
                    <a:pt x="389" y="119"/>
                  </a:lnTo>
                  <a:lnTo>
                    <a:pt x="119" y="388"/>
                  </a:lnTo>
                  <a:lnTo>
                    <a:pt x="104" y="399"/>
                  </a:lnTo>
                  <a:lnTo>
                    <a:pt x="88" y="406"/>
                  </a:lnTo>
                  <a:lnTo>
                    <a:pt x="70" y="408"/>
                  </a:lnTo>
                  <a:lnTo>
                    <a:pt x="53" y="406"/>
                  </a:lnTo>
                  <a:lnTo>
                    <a:pt x="36" y="399"/>
                  </a:lnTo>
                  <a:lnTo>
                    <a:pt x="21" y="388"/>
                  </a:lnTo>
                  <a:lnTo>
                    <a:pt x="9" y="373"/>
                  </a:lnTo>
                  <a:lnTo>
                    <a:pt x="2" y="356"/>
                  </a:lnTo>
                  <a:lnTo>
                    <a:pt x="0" y="339"/>
                  </a:lnTo>
                  <a:lnTo>
                    <a:pt x="2" y="321"/>
                  </a:lnTo>
                  <a:lnTo>
                    <a:pt x="9" y="305"/>
                  </a:lnTo>
                  <a:lnTo>
                    <a:pt x="21" y="289"/>
                  </a:lnTo>
                  <a:lnTo>
                    <a:pt x="290" y="20"/>
                  </a:lnTo>
                  <a:lnTo>
                    <a:pt x="305" y="9"/>
                  </a:lnTo>
                  <a:lnTo>
                    <a:pt x="322" y="3"/>
                  </a:lnTo>
                  <a:lnTo>
                    <a:pt x="33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2" name="Freeform 18">
              <a:extLst>
                <a:ext uri="{FF2B5EF4-FFF2-40B4-BE49-F238E27FC236}">
                  <a16:creationId xmlns:a16="http://schemas.microsoft.com/office/drawing/2014/main" id="{147F1C84-02D6-8641-353C-A411CC046664}"/>
                </a:ext>
              </a:extLst>
            </p:cNvPr>
            <p:cNvSpPr>
              <a:spLocks/>
            </p:cNvSpPr>
            <p:nvPr/>
          </p:nvSpPr>
          <p:spPr bwMode="auto">
            <a:xfrm>
              <a:off x="2713038" y="4291013"/>
              <a:ext cx="36513" cy="36513"/>
            </a:xfrm>
            <a:custGeom>
              <a:avLst/>
              <a:gdLst>
                <a:gd name="T0" fmla="*/ 68 w 140"/>
                <a:gd name="T1" fmla="*/ 0 h 138"/>
                <a:gd name="T2" fmla="*/ 85 w 140"/>
                <a:gd name="T3" fmla="*/ 1 h 138"/>
                <a:gd name="T4" fmla="*/ 101 w 140"/>
                <a:gd name="T5" fmla="*/ 7 h 138"/>
                <a:gd name="T6" fmla="*/ 116 w 140"/>
                <a:gd name="T7" fmla="*/ 16 h 138"/>
                <a:gd name="T8" fmla="*/ 127 w 140"/>
                <a:gd name="T9" fmla="*/ 28 h 138"/>
                <a:gd name="T10" fmla="*/ 135 w 140"/>
                <a:gd name="T11" fmla="*/ 43 h 138"/>
                <a:gd name="T12" fmla="*/ 140 w 140"/>
                <a:gd name="T13" fmla="*/ 58 h 138"/>
                <a:gd name="T14" fmla="*/ 140 w 140"/>
                <a:gd name="T15" fmla="*/ 75 h 138"/>
                <a:gd name="T16" fmla="*/ 136 w 140"/>
                <a:gd name="T17" fmla="*/ 92 h 138"/>
                <a:gd name="T18" fmla="*/ 128 w 140"/>
                <a:gd name="T19" fmla="*/ 108 h 138"/>
                <a:gd name="T20" fmla="*/ 117 w 140"/>
                <a:gd name="T21" fmla="*/ 120 h 138"/>
                <a:gd name="T22" fmla="*/ 104 w 140"/>
                <a:gd name="T23" fmla="*/ 130 h 138"/>
                <a:gd name="T24" fmla="*/ 87 w 140"/>
                <a:gd name="T25" fmla="*/ 137 h 138"/>
                <a:gd name="T26" fmla="*/ 70 w 140"/>
                <a:gd name="T27" fmla="*/ 138 h 138"/>
                <a:gd name="T28" fmla="*/ 53 w 140"/>
                <a:gd name="T29" fmla="*/ 136 h 138"/>
                <a:gd name="T30" fmla="*/ 37 w 140"/>
                <a:gd name="T31" fmla="*/ 130 h 138"/>
                <a:gd name="T32" fmla="*/ 24 w 140"/>
                <a:gd name="T33" fmla="*/ 120 h 138"/>
                <a:gd name="T34" fmla="*/ 13 w 140"/>
                <a:gd name="T35" fmla="*/ 108 h 138"/>
                <a:gd name="T36" fmla="*/ 13 w 140"/>
                <a:gd name="T37" fmla="*/ 109 h 138"/>
                <a:gd name="T38" fmla="*/ 13 w 140"/>
                <a:gd name="T39" fmla="*/ 109 h 138"/>
                <a:gd name="T40" fmla="*/ 13 w 140"/>
                <a:gd name="T41" fmla="*/ 109 h 138"/>
                <a:gd name="T42" fmla="*/ 13 w 140"/>
                <a:gd name="T43" fmla="*/ 108 h 138"/>
                <a:gd name="T44" fmla="*/ 12 w 140"/>
                <a:gd name="T45" fmla="*/ 106 h 138"/>
                <a:gd name="T46" fmla="*/ 12 w 140"/>
                <a:gd name="T47" fmla="*/ 106 h 138"/>
                <a:gd name="T48" fmla="*/ 12 w 140"/>
                <a:gd name="T49" fmla="*/ 106 h 138"/>
                <a:gd name="T50" fmla="*/ 12 w 140"/>
                <a:gd name="T51" fmla="*/ 108 h 138"/>
                <a:gd name="T52" fmla="*/ 4 w 140"/>
                <a:gd name="T53" fmla="*/ 90 h 138"/>
                <a:gd name="T54" fmla="*/ 0 w 140"/>
                <a:gd name="T55" fmla="*/ 72 h 138"/>
                <a:gd name="T56" fmla="*/ 3 w 140"/>
                <a:gd name="T57" fmla="*/ 54 h 138"/>
                <a:gd name="T58" fmla="*/ 9 w 140"/>
                <a:gd name="T59" fmla="*/ 36 h 138"/>
                <a:gd name="T60" fmla="*/ 21 w 140"/>
                <a:gd name="T61" fmla="*/ 20 h 138"/>
                <a:gd name="T62" fmla="*/ 34 w 140"/>
                <a:gd name="T63" fmla="*/ 9 h 138"/>
                <a:gd name="T64" fmla="*/ 50 w 140"/>
                <a:gd name="T65" fmla="*/ 2 h 138"/>
                <a:gd name="T66" fmla="*/ 68 w 140"/>
                <a:gd name="T67" fmla="*/ 0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40" h="138">
                  <a:moveTo>
                    <a:pt x="68" y="0"/>
                  </a:moveTo>
                  <a:lnTo>
                    <a:pt x="85" y="1"/>
                  </a:lnTo>
                  <a:lnTo>
                    <a:pt x="101" y="7"/>
                  </a:lnTo>
                  <a:lnTo>
                    <a:pt x="116" y="16"/>
                  </a:lnTo>
                  <a:lnTo>
                    <a:pt x="127" y="28"/>
                  </a:lnTo>
                  <a:lnTo>
                    <a:pt x="135" y="43"/>
                  </a:lnTo>
                  <a:lnTo>
                    <a:pt x="140" y="58"/>
                  </a:lnTo>
                  <a:lnTo>
                    <a:pt x="140" y="75"/>
                  </a:lnTo>
                  <a:lnTo>
                    <a:pt x="136" y="92"/>
                  </a:lnTo>
                  <a:lnTo>
                    <a:pt x="128" y="108"/>
                  </a:lnTo>
                  <a:lnTo>
                    <a:pt x="117" y="120"/>
                  </a:lnTo>
                  <a:lnTo>
                    <a:pt x="104" y="130"/>
                  </a:lnTo>
                  <a:lnTo>
                    <a:pt x="87" y="137"/>
                  </a:lnTo>
                  <a:lnTo>
                    <a:pt x="70" y="138"/>
                  </a:lnTo>
                  <a:lnTo>
                    <a:pt x="53" y="136"/>
                  </a:lnTo>
                  <a:lnTo>
                    <a:pt x="37" y="130"/>
                  </a:lnTo>
                  <a:lnTo>
                    <a:pt x="24" y="120"/>
                  </a:lnTo>
                  <a:lnTo>
                    <a:pt x="13" y="108"/>
                  </a:lnTo>
                  <a:lnTo>
                    <a:pt x="13" y="109"/>
                  </a:lnTo>
                  <a:lnTo>
                    <a:pt x="13" y="109"/>
                  </a:lnTo>
                  <a:lnTo>
                    <a:pt x="13" y="109"/>
                  </a:lnTo>
                  <a:lnTo>
                    <a:pt x="13" y="108"/>
                  </a:lnTo>
                  <a:lnTo>
                    <a:pt x="12" y="106"/>
                  </a:lnTo>
                  <a:lnTo>
                    <a:pt x="12" y="106"/>
                  </a:lnTo>
                  <a:lnTo>
                    <a:pt x="12" y="106"/>
                  </a:lnTo>
                  <a:lnTo>
                    <a:pt x="12" y="108"/>
                  </a:lnTo>
                  <a:lnTo>
                    <a:pt x="4" y="90"/>
                  </a:lnTo>
                  <a:lnTo>
                    <a:pt x="0" y="72"/>
                  </a:lnTo>
                  <a:lnTo>
                    <a:pt x="3" y="54"/>
                  </a:lnTo>
                  <a:lnTo>
                    <a:pt x="9" y="36"/>
                  </a:lnTo>
                  <a:lnTo>
                    <a:pt x="21" y="20"/>
                  </a:lnTo>
                  <a:lnTo>
                    <a:pt x="34" y="9"/>
                  </a:lnTo>
                  <a:lnTo>
                    <a:pt x="50" y="2"/>
                  </a:lnTo>
                  <a:lnTo>
                    <a:pt x="6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 name="Freeform 19">
              <a:extLst>
                <a:ext uri="{FF2B5EF4-FFF2-40B4-BE49-F238E27FC236}">
                  <a16:creationId xmlns:a16="http://schemas.microsoft.com/office/drawing/2014/main" id="{72637988-2B4A-9E8B-3B80-44BDD35629BA}"/>
                </a:ext>
              </a:extLst>
            </p:cNvPr>
            <p:cNvSpPr>
              <a:spLocks/>
            </p:cNvSpPr>
            <p:nvPr/>
          </p:nvSpPr>
          <p:spPr bwMode="auto">
            <a:xfrm>
              <a:off x="2751138" y="4241800"/>
              <a:ext cx="47625" cy="47625"/>
            </a:xfrm>
            <a:custGeom>
              <a:avLst/>
              <a:gdLst>
                <a:gd name="T0" fmla="*/ 106 w 176"/>
                <a:gd name="T1" fmla="*/ 0 h 176"/>
                <a:gd name="T2" fmla="*/ 124 w 176"/>
                <a:gd name="T3" fmla="*/ 3 h 176"/>
                <a:gd name="T4" fmla="*/ 141 w 176"/>
                <a:gd name="T5" fmla="*/ 9 h 176"/>
                <a:gd name="T6" fmla="*/ 156 w 176"/>
                <a:gd name="T7" fmla="*/ 20 h 176"/>
                <a:gd name="T8" fmla="*/ 167 w 176"/>
                <a:gd name="T9" fmla="*/ 35 h 176"/>
                <a:gd name="T10" fmla="*/ 174 w 176"/>
                <a:gd name="T11" fmla="*/ 52 h 176"/>
                <a:gd name="T12" fmla="*/ 176 w 176"/>
                <a:gd name="T13" fmla="*/ 70 h 176"/>
                <a:gd name="T14" fmla="*/ 174 w 176"/>
                <a:gd name="T15" fmla="*/ 87 h 176"/>
                <a:gd name="T16" fmla="*/ 167 w 176"/>
                <a:gd name="T17" fmla="*/ 103 h 176"/>
                <a:gd name="T18" fmla="*/ 156 w 176"/>
                <a:gd name="T19" fmla="*/ 119 h 176"/>
                <a:gd name="T20" fmla="*/ 119 w 176"/>
                <a:gd name="T21" fmla="*/ 156 h 176"/>
                <a:gd name="T22" fmla="*/ 104 w 176"/>
                <a:gd name="T23" fmla="*/ 167 h 176"/>
                <a:gd name="T24" fmla="*/ 87 w 176"/>
                <a:gd name="T25" fmla="*/ 174 h 176"/>
                <a:gd name="T26" fmla="*/ 69 w 176"/>
                <a:gd name="T27" fmla="*/ 176 h 176"/>
                <a:gd name="T28" fmla="*/ 51 w 176"/>
                <a:gd name="T29" fmla="*/ 174 h 176"/>
                <a:gd name="T30" fmla="*/ 34 w 176"/>
                <a:gd name="T31" fmla="*/ 167 h 176"/>
                <a:gd name="T32" fmla="*/ 20 w 176"/>
                <a:gd name="T33" fmla="*/ 156 h 176"/>
                <a:gd name="T34" fmla="*/ 9 w 176"/>
                <a:gd name="T35" fmla="*/ 140 h 176"/>
                <a:gd name="T36" fmla="*/ 2 w 176"/>
                <a:gd name="T37" fmla="*/ 123 h 176"/>
                <a:gd name="T38" fmla="*/ 0 w 176"/>
                <a:gd name="T39" fmla="*/ 107 h 176"/>
                <a:gd name="T40" fmla="*/ 2 w 176"/>
                <a:gd name="T41" fmla="*/ 89 h 176"/>
                <a:gd name="T42" fmla="*/ 9 w 176"/>
                <a:gd name="T43" fmla="*/ 72 h 176"/>
                <a:gd name="T44" fmla="*/ 20 w 176"/>
                <a:gd name="T45" fmla="*/ 57 h 176"/>
                <a:gd name="T46" fmla="*/ 57 w 176"/>
                <a:gd name="T47" fmla="*/ 20 h 176"/>
                <a:gd name="T48" fmla="*/ 72 w 176"/>
                <a:gd name="T49" fmla="*/ 9 h 176"/>
                <a:gd name="T50" fmla="*/ 88 w 176"/>
                <a:gd name="T51" fmla="*/ 3 h 176"/>
                <a:gd name="T52" fmla="*/ 106 w 176"/>
                <a:gd name="T53" fmla="*/ 0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76" h="176">
                  <a:moveTo>
                    <a:pt x="106" y="0"/>
                  </a:moveTo>
                  <a:lnTo>
                    <a:pt x="124" y="3"/>
                  </a:lnTo>
                  <a:lnTo>
                    <a:pt x="141" y="9"/>
                  </a:lnTo>
                  <a:lnTo>
                    <a:pt x="156" y="20"/>
                  </a:lnTo>
                  <a:lnTo>
                    <a:pt x="167" y="35"/>
                  </a:lnTo>
                  <a:lnTo>
                    <a:pt x="174" y="52"/>
                  </a:lnTo>
                  <a:lnTo>
                    <a:pt x="176" y="70"/>
                  </a:lnTo>
                  <a:lnTo>
                    <a:pt x="174" y="87"/>
                  </a:lnTo>
                  <a:lnTo>
                    <a:pt x="167" y="103"/>
                  </a:lnTo>
                  <a:lnTo>
                    <a:pt x="156" y="119"/>
                  </a:lnTo>
                  <a:lnTo>
                    <a:pt x="119" y="156"/>
                  </a:lnTo>
                  <a:lnTo>
                    <a:pt x="104" y="167"/>
                  </a:lnTo>
                  <a:lnTo>
                    <a:pt x="87" y="174"/>
                  </a:lnTo>
                  <a:lnTo>
                    <a:pt x="69" y="176"/>
                  </a:lnTo>
                  <a:lnTo>
                    <a:pt x="51" y="174"/>
                  </a:lnTo>
                  <a:lnTo>
                    <a:pt x="34" y="167"/>
                  </a:lnTo>
                  <a:lnTo>
                    <a:pt x="20" y="156"/>
                  </a:lnTo>
                  <a:lnTo>
                    <a:pt x="9" y="140"/>
                  </a:lnTo>
                  <a:lnTo>
                    <a:pt x="2" y="123"/>
                  </a:lnTo>
                  <a:lnTo>
                    <a:pt x="0" y="107"/>
                  </a:lnTo>
                  <a:lnTo>
                    <a:pt x="2" y="89"/>
                  </a:lnTo>
                  <a:lnTo>
                    <a:pt x="9" y="72"/>
                  </a:lnTo>
                  <a:lnTo>
                    <a:pt x="20" y="57"/>
                  </a:lnTo>
                  <a:lnTo>
                    <a:pt x="57" y="20"/>
                  </a:lnTo>
                  <a:lnTo>
                    <a:pt x="72" y="9"/>
                  </a:lnTo>
                  <a:lnTo>
                    <a:pt x="88" y="3"/>
                  </a:lnTo>
                  <a:lnTo>
                    <a:pt x="10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71576229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6E68E2-53E9-0328-F0A9-85C700F9F578}"/>
              </a:ext>
            </a:extLst>
          </p:cNvPr>
          <p:cNvSpPr>
            <a:spLocks noGrp="1"/>
          </p:cNvSpPr>
          <p:nvPr>
            <p:ph type="title"/>
          </p:nvPr>
        </p:nvSpPr>
        <p:spPr/>
        <p:txBody>
          <a:bodyPr/>
          <a:lstStyle/>
          <a:p>
            <a:r>
              <a:rPr lang="en-US" dirty="0"/>
              <a:t>Types and Features of Dashboards</a:t>
            </a:r>
          </a:p>
        </p:txBody>
      </p:sp>
      <p:sp>
        <p:nvSpPr>
          <p:cNvPr id="4" name="Slide Number Placeholder 3">
            <a:extLst>
              <a:ext uri="{FF2B5EF4-FFF2-40B4-BE49-F238E27FC236}">
                <a16:creationId xmlns:a16="http://schemas.microsoft.com/office/drawing/2014/main" id="{F95F8C94-F061-5AA7-488C-EFA23F184B4C}"/>
              </a:ext>
            </a:extLst>
          </p:cNvPr>
          <p:cNvSpPr>
            <a:spLocks noGrp="1"/>
          </p:cNvSpPr>
          <p:nvPr>
            <p:ph type="sldNum" sz="quarter" idx="12"/>
          </p:nvPr>
        </p:nvSpPr>
        <p:spPr/>
        <p:txBody>
          <a:bodyPr/>
          <a:lstStyle/>
          <a:p>
            <a:fld id="{FD0882FC-4526-4F55-8D94-153238F064C3}" type="slidenum">
              <a:rPr lang="en-US" smtClean="0"/>
              <a:pPr/>
              <a:t>14</a:t>
            </a:fld>
            <a:endParaRPr lang="en-US"/>
          </a:p>
        </p:txBody>
      </p:sp>
      <p:grpSp>
        <p:nvGrpSpPr>
          <p:cNvPr id="56" name="Group 55">
            <a:extLst>
              <a:ext uri="{FF2B5EF4-FFF2-40B4-BE49-F238E27FC236}">
                <a16:creationId xmlns:a16="http://schemas.microsoft.com/office/drawing/2014/main" id="{FD215138-2D02-2ECC-15BC-8FA9EF4B7F81}"/>
              </a:ext>
            </a:extLst>
          </p:cNvPr>
          <p:cNvGrpSpPr/>
          <p:nvPr/>
        </p:nvGrpSpPr>
        <p:grpSpPr>
          <a:xfrm>
            <a:off x="538250" y="1370539"/>
            <a:ext cx="11361142" cy="4595921"/>
            <a:chOff x="1702269" y="1736373"/>
            <a:chExt cx="8368364" cy="3385253"/>
          </a:xfrm>
        </p:grpSpPr>
        <p:sp>
          <p:nvSpPr>
            <p:cNvPr id="31" name="Rectangle 30">
              <a:extLst>
                <a:ext uri="{FF2B5EF4-FFF2-40B4-BE49-F238E27FC236}">
                  <a16:creationId xmlns:a16="http://schemas.microsoft.com/office/drawing/2014/main" id="{EA843BFE-3C9A-2BBB-E838-2052EDE0AE08}"/>
                </a:ext>
              </a:extLst>
            </p:cNvPr>
            <p:cNvSpPr/>
            <p:nvPr/>
          </p:nvSpPr>
          <p:spPr>
            <a:xfrm>
              <a:off x="3388391" y="3428999"/>
              <a:ext cx="1631506" cy="1692627"/>
            </a:xfrm>
            <a:prstGeom prst="rect">
              <a:avLst/>
            </a:prstGeom>
            <a:solidFill>
              <a:schemeClr val="bg1">
                <a:lumMod val="95000"/>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a:extLst>
                <a:ext uri="{FF2B5EF4-FFF2-40B4-BE49-F238E27FC236}">
                  <a16:creationId xmlns:a16="http://schemas.microsoft.com/office/drawing/2014/main" id="{C96E3568-0A12-56EA-15C8-5EF041489B4E}"/>
                </a:ext>
              </a:extLst>
            </p:cNvPr>
            <p:cNvSpPr/>
            <p:nvPr/>
          </p:nvSpPr>
          <p:spPr>
            <a:xfrm>
              <a:off x="6760635" y="3428999"/>
              <a:ext cx="1631506" cy="1692627"/>
            </a:xfrm>
            <a:prstGeom prst="rect">
              <a:avLst/>
            </a:prstGeom>
            <a:solidFill>
              <a:schemeClr val="bg1">
                <a:lumMod val="95000"/>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32">
              <a:extLst>
                <a:ext uri="{FF2B5EF4-FFF2-40B4-BE49-F238E27FC236}">
                  <a16:creationId xmlns:a16="http://schemas.microsoft.com/office/drawing/2014/main" id="{47D24674-5693-ACDD-008E-479638BE9DBF}"/>
                </a:ext>
              </a:extLst>
            </p:cNvPr>
            <p:cNvSpPr/>
            <p:nvPr/>
          </p:nvSpPr>
          <p:spPr>
            <a:xfrm>
              <a:off x="1702269" y="1736373"/>
              <a:ext cx="1631506" cy="1692627"/>
            </a:xfrm>
            <a:prstGeom prst="rect">
              <a:avLst/>
            </a:prstGeom>
            <a:solidFill>
              <a:schemeClr val="bg1">
                <a:lumMod val="95000"/>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Rectangle 33">
              <a:extLst>
                <a:ext uri="{FF2B5EF4-FFF2-40B4-BE49-F238E27FC236}">
                  <a16:creationId xmlns:a16="http://schemas.microsoft.com/office/drawing/2014/main" id="{84C6E1A1-239F-27B7-8E3C-5C09A6F53092}"/>
                </a:ext>
              </a:extLst>
            </p:cNvPr>
            <p:cNvSpPr/>
            <p:nvPr/>
          </p:nvSpPr>
          <p:spPr>
            <a:xfrm>
              <a:off x="5059255" y="1736373"/>
              <a:ext cx="1631506" cy="1692627"/>
            </a:xfrm>
            <a:prstGeom prst="rect">
              <a:avLst/>
            </a:prstGeom>
            <a:solidFill>
              <a:schemeClr val="bg1">
                <a:lumMod val="95000"/>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Rectangle 34">
              <a:extLst>
                <a:ext uri="{FF2B5EF4-FFF2-40B4-BE49-F238E27FC236}">
                  <a16:creationId xmlns:a16="http://schemas.microsoft.com/office/drawing/2014/main" id="{A57BC588-B078-CCD0-FC50-460FAEC7BE24}"/>
                </a:ext>
              </a:extLst>
            </p:cNvPr>
            <p:cNvSpPr/>
            <p:nvPr/>
          </p:nvSpPr>
          <p:spPr>
            <a:xfrm>
              <a:off x="8439127" y="1736373"/>
              <a:ext cx="1631506" cy="1692627"/>
            </a:xfrm>
            <a:prstGeom prst="rect">
              <a:avLst/>
            </a:prstGeom>
            <a:solidFill>
              <a:schemeClr val="bg1">
                <a:lumMod val="95000"/>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36" name="Group 35">
              <a:extLst>
                <a:ext uri="{FF2B5EF4-FFF2-40B4-BE49-F238E27FC236}">
                  <a16:creationId xmlns:a16="http://schemas.microsoft.com/office/drawing/2014/main" id="{C258B664-AE7C-152D-FF4A-2118CACB1AC1}"/>
                </a:ext>
              </a:extLst>
            </p:cNvPr>
            <p:cNvGrpSpPr/>
            <p:nvPr/>
          </p:nvGrpSpPr>
          <p:grpSpPr>
            <a:xfrm>
              <a:off x="5059255" y="3428999"/>
              <a:ext cx="1631506" cy="1692627"/>
              <a:chOff x="3744805" y="1095632"/>
              <a:chExt cx="1631506" cy="1692627"/>
            </a:xfrm>
          </p:grpSpPr>
          <p:sp>
            <p:nvSpPr>
              <p:cNvPr id="37" name="Rectangle 36">
                <a:extLst>
                  <a:ext uri="{FF2B5EF4-FFF2-40B4-BE49-F238E27FC236}">
                    <a16:creationId xmlns:a16="http://schemas.microsoft.com/office/drawing/2014/main" id="{620E7439-B77A-182D-D78C-CC1948379E84}"/>
                  </a:ext>
                </a:extLst>
              </p:cNvPr>
              <p:cNvSpPr/>
              <p:nvPr/>
            </p:nvSpPr>
            <p:spPr>
              <a:xfrm>
                <a:off x="3744805" y="1095632"/>
                <a:ext cx="1631506" cy="1692627"/>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1600" b="1" dirty="0">
                    <a:solidFill>
                      <a:schemeClr val="bg1"/>
                    </a:solidFill>
                    <a:latin typeface="+mn-lt"/>
                  </a:rPr>
                  <a:t>Chart Types</a:t>
                </a:r>
                <a:br>
                  <a:rPr lang="en-US" sz="1200" b="1" dirty="0">
                    <a:solidFill>
                      <a:schemeClr val="bg1"/>
                    </a:solidFill>
                    <a:latin typeface="+mn-lt"/>
                  </a:rPr>
                </a:br>
                <a:r>
                  <a:rPr lang="en-US" sz="1400" dirty="0">
                    <a:solidFill>
                      <a:schemeClr val="bg1"/>
                    </a:solidFill>
                    <a:latin typeface="+mn-lt"/>
                  </a:rPr>
                  <a:t>Various visualization options are available, each with different settings and capabilities.</a:t>
                </a:r>
              </a:p>
            </p:txBody>
          </p:sp>
          <p:sp>
            <p:nvSpPr>
              <p:cNvPr id="38" name="Rectangle 37">
                <a:extLst>
                  <a:ext uri="{FF2B5EF4-FFF2-40B4-BE49-F238E27FC236}">
                    <a16:creationId xmlns:a16="http://schemas.microsoft.com/office/drawing/2014/main" id="{0B91A8C1-2510-994C-3026-94234C60748D}"/>
                  </a:ext>
                </a:extLst>
              </p:cNvPr>
              <p:cNvSpPr/>
              <p:nvPr/>
            </p:nvSpPr>
            <p:spPr>
              <a:xfrm>
                <a:off x="3744805" y="2710249"/>
                <a:ext cx="1631506" cy="78009"/>
              </a:xfrm>
              <a:prstGeom prst="rect">
                <a:avLst/>
              </a:prstGeom>
              <a:solidFill>
                <a:schemeClr val="tx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9" name="Group 38">
              <a:extLst>
                <a:ext uri="{FF2B5EF4-FFF2-40B4-BE49-F238E27FC236}">
                  <a16:creationId xmlns:a16="http://schemas.microsoft.com/office/drawing/2014/main" id="{05488F67-3759-0D2A-B6BE-85BCBE673BEA}"/>
                </a:ext>
              </a:extLst>
            </p:cNvPr>
            <p:cNvGrpSpPr/>
            <p:nvPr/>
          </p:nvGrpSpPr>
          <p:grpSpPr>
            <a:xfrm>
              <a:off x="8439127" y="3428999"/>
              <a:ext cx="1631506" cy="1692627"/>
              <a:chOff x="7124677" y="1095632"/>
              <a:chExt cx="1631506" cy="1692627"/>
            </a:xfrm>
          </p:grpSpPr>
          <p:sp>
            <p:nvSpPr>
              <p:cNvPr id="40" name="Rectangle 39">
                <a:extLst>
                  <a:ext uri="{FF2B5EF4-FFF2-40B4-BE49-F238E27FC236}">
                    <a16:creationId xmlns:a16="http://schemas.microsoft.com/office/drawing/2014/main" id="{E9F1B0AD-D688-2450-7C57-7A9BF5C20344}"/>
                  </a:ext>
                </a:extLst>
              </p:cNvPr>
              <p:cNvSpPr/>
              <p:nvPr/>
            </p:nvSpPr>
            <p:spPr>
              <a:xfrm>
                <a:off x="7124677" y="1095632"/>
                <a:ext cx="1631506" cy="169262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1600" b="1" dirty="0">
                    <a:solidFill>
                      <a:schemeClr val="bg1"/>
                    </a:solidFill>
                    <a:latin typeface="+mn-lt"/>
                  </a:rPr>
                  <a:t>Modes</a:t>
                </a:r>
                <a:br>
                  <a:rPr lang="en-US" sz="1200" b="1" dirty="0">
                    <a:solidFill>
                      <a:schemeClr val="bg1"/>
                    </a:solidFill>
                    <a:latin typeface="+mn-lt"/>
                  </a:rPr>
                </a:br>
                <a:r>
                  <a:rPr lang="en-US" sz="1400" dirty="0">
                    <a:solidFill>
                      <a:schemeClr val="bg1"/>
                    </a:solidFill>
                    <a:latin typeface="+mn-lt"/>
                  </a:rPr>
                  <a:t>Users can view dashboards in grid or presentation mode for better clarity.</a:t>
                </a:r>
              </a:p>
            </p:txBody>
          </p:sp>
          <p:sp>
            <p:nvSpPr>
              <p:cNvPr id="41" name="Rectangle 40">
                <a:extLst>
                  <a:ext uri="{FF2B5EF4-FFF2-40B4-BE49-F238E27FC236}">
                    <a16:creationId xmlns:a16="http://schemas.microsoft.com/office/drawing/2014/main" id="{D73B8280-522B-B410-4348-398E31F6FF9C}"/>
                  </a:ext>
                </a:extLst>
              </p:cNvPr>
              <p:cNvSpPr/>
              <p:nvPr/>
            </p:nvSpPr>
            <p:spPr>
              <a:xfrm>
                <a:off x="7124677" y="2710249"/>
                <a:ext cx="1631506" cy="78009"/>
              </a:xfrm>
              <a:prstGeom prst="rect">
                <a:avLst/>
              </a:prstGeom>
              <a:solidFill>
                <a:schemeClr val="tx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2" name="Group 41">
              <a:extLst>
                <a:ext uri="{FF2B5EF4-FFF2-40B4-BE49-F238E27FC236}">
                  <a16:creationId xmlns:a16="http://schemas.microsoft.com/office/drawing/2014/main" id="{DA479B3C-1257-BFEB-F7C1-82138601E095}"/>
                </a:ext>
              </a:extLst>
            </p:cNvPr>
            <p:cNvGrpSpPr/>
            <p:nvPr/>
          </p:nvGrpSpPr>
          <p:grpSpPr>
            <a:xfrm>
              <a:off x="3388391" y="1736373"/>
              <a:ext cx="1631506" cy="1692627"/>
              <a:chOff x="2073941" y="2839130"/>
              <a:chExt cx="1631506" cy="1692627"/>
            </a:xfrm>
          </p:grpSpPr>
          <p:sp>
            <p:nvSpPr>
              <p:cNvPr id="43" name="Rectangle 42">
                <a:extLst>
                  <a:ext uri="{FF2B5EF4-FFF2-40B4-BE49-F238E27FC236}">
                    <a16:creationId xmlns:a16="http://schemas.microsoft.com/office/drawing/2014/main" id="{D3A08548-1393-E196-7D83-FFC2565F4F39}"/>
                  </a:ext>
                </a:extLst>
              </p:cNvPr>
              <p:cNvSpPr/>
              <p:nvPr/>
            </p:nvSpPr>
            <p:spPr>
              <a:xfrm>
                <a:off x="2073941" y="2839130"/>
                <a:ext cx="1631506" cy="169262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1600" b="1" dirty="0">
                    <a:solidFill>
                      <a:schemeClr val="bg1"/>
                    </a:solidFill>
                    <a:latin typeface="+mn-lt"/>
                  </a:rPr>
                  <a:t>Shared Dashboards </a:t>
                </a:r>
                <a:br>
                  <a:rPr lang="en-US" sz="1600" b="1" dirty="0">
                    <a:solidFill>
                      <a:schemeClr val="bg1"/>
                    </a:solidFill>
                    <a:latin typeface="+mn-lt"/>
                  </a:rPr>
                </a:br>
                <a:r>
                  <a:rPr lang="en-US" sz="1400" dirty="0">
                    <a:solidFill>
                      <a:schemeClr val="bg1"/>
                    </a:solidFill>
                    <a:latin typeface="+mn-lt"/>
                  </a:rPr>
                  <a:t>Created by administrators and accessible to users at various levels. These dashboards display critical information relevant to specific roles.</a:t>
                </a:r>
                <a:endParaRPr lang="en-US" sz="1100" dirty="0">
                  <a:solidFill>
                    <a:schemeClr val="bg1"/>
                  </a:solidFill>
                  <a:latin typeface="+mn-lt"/>
                </a:endParaRPr>
              </a:p>
            </p:txBody>
          </p:sp>
          <p:sp>
            <p:nvSpPr>
              <p:cNvPr id="44" name="Rectangle 43">
                <a:extLst>
                  <a:ext uri="{FF2B5EF4-FFF2-40B4-BE49-F238E27FC236}">
                    <a16:creationId xmlns:a16="http://schemas.microsoft.com/office/drawing/2014/main" id="{4554E44E-943D-5CE9-1D9E-556BA24B6CD2}"/>
                  </a:ext>
                </a:extLst>
              </p:cNvPr>
              <p:cNvSpPr/>
              <p:nvPr/>
            </p:nvSpPr>
            <p:spPr>
              <a:xfrm>
                <a:off x="2073941" y="4453747"/>
                <a:ext cx="1631506" cy="78009"/>
              </a:xfrm>
              <a:prstGeom prst="rect">
                <a:avLst/>
              </a:prstGeom>
              <a:solidFill>
                <a:schemeClr val="tx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5" name="Group 44">
              <a:extLst>
                <a:ext uri="{FF2B5EF4-FFF2-40B4-BE49-F238E27FC236}">
                  <a16:creationId xmlns:a16="http://schemas.microsoft.com/office/drawing/2014/main" id="{83DC03EC-20A7-7FF6-8256-3F7B0AD0F469}"/>
                </a:ext>
              </a:extLst>
            </p:cNvPr>
            <p:cNvGrpSpPr/>
            <p:nvPr/>
          </p:nvGrpSpPr>
          <p:grpSpPr>
            <a:xfrm>
              <a:off x="6760635" y="1736373"/>
              <a:ext cx="1631506" cy="1692627"/>
              <a:chOff x="5446185" y="2839130"/>
              <a:chExt cx="1631506" cy="1692627"/>
            </a:xfrm>
          </p:grpSpPr>
          <p:sp>
            <p:nvSpPr>
              <p:cNvPr id="46" name="Rectangle 45">
                <a:extLst>
                  <a:ext uri="{FF2B5EF4-FFF2-40B4-BE49-F238E27FC236}">
                    <a16:creationId xmlns:a16="http://schemas.microsoft.com/office/drawing/2014/main" id="{BFDC5588-D5E7-447B-1F53-997B9B323992}"/>
                  </a:ext>
                </a:extLst>
              </p:cNvPr>
              <p:cNvSpPr/>
              <p:nvPr/>
            </p:nvSpPr>
            <p:spPr>
              <a:xfrm>
                <a:off x="5446185" y="2839130"/>
                <a:ext cx="1631506" cy="1692627"/>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1600" b="1" dirty="0">
                    <a:solidFill>
                      <a:schemeClr val="bg1"/>
                    </a:solidFill>
                    <a:latin typeface="+mn-lt"/>
                  </a:rPr>
                  <a:t>Personal Dashboards</a:t>
                </a:r>
                <a:br>
                  <a:rPr lang="en-US" sz="1200" b="1" dirty="0">
                    <a:solidFill>
                      <a:schemeClr val="bg1"/>
                    </a:solidFill>
                    <a:latin typeface="+mn-lt"/>
                  </a:rPr>
                </a:br>
                <a:r>
                  <a:rPr lang="en-US" sz="1400" dirty="0">
                    <a:solidFill>
                      <a:schemeClr val="bg1"/>
                    </a:solidFill>
                    <a:latin typeface="+mn-lt"/>
                  </a:rPr>
                  <a:t>Created by individual users with report access permissions, allowing customization to display metrics important to them.</a:t>
                </a:r>
              </a:p>
            </p:txBody>
          </p:sp>
          <p:sp>
            <p:nvSpPr>
              <p:cNvPr id="47" name="Rectangle 46">
                <a:extLst>
                  <a:ext uri="{FF2B5EF4-FFF2-40B4-BE49-F238E27FC236}">
                    <a16:creationId xmlns:a16="http://schemas.microsoft.com/office/drawing/2014/main" id="{9341CC61-7AE7-A0FA-58D7-9A49A5C19BFA}"/>
                  </a:ext>
                </a:extLst>
              </p:cNvPr>
              <p:cNvSpPr/>
              <p:nvPr/>
            </p:nvSpPr>
            <p:spPr>
              <a:xfrm>
                <a:off x="5446185" y="4453747"/>
                <a:ext cx="1631506" cy="78009"/>
              </a:xfrm>
              <a:prstGeom prst="rect">
                <a:avLst/>
              </a:prstGeom>
              <a:solidFill>
                <a:schemeClr val="tx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48" name="Freeform 10">
              <a:extLst>
                <a:ext uri="{FF2B5EF4-FFF2-40B4-BE49-F238E27FC236}">
                  <a16:creationId xmlns:a16="http://schemas.microsoft.com/office/drawing/2014/main" id="{DC99A0FA-7E53-05E8-4EE3-C870F2EE3AA9}"/>
                </a:ext>
              </a:extLst>
            </p:cNvPr>
            <p:cNvSpPr>
              <a:spLocks noEditPoints="1"/>
            </p:cNvSpPr>
            <p:nvPr/>
          </p:nvSpPr>
          <p:spPr bwMode="auto">
            <a:xfrm>
              <a:off x="5546953" y="2283856"/>
              <a:ext cx="625852" cy="622454"/>
            </a:xfrm>
            <a:custGeom>
              <a:avLst/>
              <a:gdLst>
                <a:gd name="T0" fmla="*/ 5998 w 6268"/>
                <a:gd name="T1" fmla="*/ 2349 h 6234"/>
                <a:gd name="T2" fmla="*/ 5864 w 6268"/>
                <a:gd name="T3" fmla="*/ 1789 h 6234"/>
                <a:gd name="T4" fmla="*/ 5601 w 6268"/>
                <a:gd name="T5" fmla="*/ 1281 h 6234"/>
                <a:gd name="T6" fmla="*/ 5195 w 6268"/>
                <a:gd name="T7" fmla="*/ 832 h 6234"/>
                <a:gd name="T8" fmla="*/ 4675 w 6268"/>
                <a:gd name="T9" fmla="*/ 489 h 6234"/>
                <a:gd name="T10" fmla="*/ 4082 w 6268"/>
                <a:gd name="T11" fmla="*/ 293 h 6234"/>
                <a:gd name="T12" fmla="*/ 3770 w 6268"/>
                <a:gd name="T13" fmla="*/ 255 h 6234"/>
                <a:gd name="T14" fmla="*/ 4120 w 6268"/>
                <a:gd name="T15" fmla="*/ 45 h 6234"/>
                <a:gd name="T16" fmla="*/ 4723 w 6268"/>
                <a:gd name="T17" fmla="*/ 234 h 6234"/>
                <a:gd name="T18" fmla="*/ 5261 w 6268"/>
                <a:gd name="T19" fmla="*/ 558 h 6234"/>
                <a:gd name="T20" fmla="*/ 5712 w 6268"/>
                <a:gd name="T21" fmla="*/ 1007 h 6234"/>
                <a:gd name="T22" fmla="*/ 6036 w 6268"/>
                <a:gd name="T23" fmla="*/ 1548 h 6234"/>
                <a:gd name="T24" fmla="*/ 6223 w 6268"/>
                <a:gd name="T25" fmla="*/ 2146 h 6234"/>
                <a:gd name="T26" fmla="*/ 6261 w 6268"/>
                <a:gd name="T27" fmla="*/ 2654 h 6234"/>
                <a:gd name="T28" fmla="*/ 6173 w 6268"/>
                <a:gd name="T29" fmla="*/ 2741 h 6234"/>
                <a:gd name="T30" fmla="*/ 3581 w 6268"/>
                <a:gd name="T31" fmla="*/ 2727 h 6234"/>
                <a:gd name="T32" fmla="*/ 3518 w 6268"/>
                <a:gd name="T33" fmla="*/ 2621 h 6234"/>
                <a:gd name="T34" fmla="*/ 3553 w 6268"/>
                <a:gd name="T35" fmla="*/ 35 h 6234"/>
                <a:gd name="T36" fmla="*/ 3643 w 6268"/>
                <a:gd name="T37" fmla="*/ 0 h 6234"/>
                <a:gd name="T38" fmla="*/ 2346 w 6268"/>
                <a:gd name="T39" fmla="*/ 867 h 6234"/>
                <a:gd name="T40" fmla="*/ 1701 w 6268"/>
                <a:gd name="T41" fmla="*/ 1082 h 6234"/>
                <a:gd name="T42" fmla="*/ 1143 w 6268"/>
                <a:gd name="T43" fmla="*/ 1451 h 6234"/>
                <a:gd name="T44" fmla="*/ 699 w 6268"/>
                <a:gd name="T45" fmla="*/ 1947 h 6234"/>
                <a:gd name="T46" fmla="*/ 394 w 6268"/>
                <a:gd name="T47" fmla="*/ 2547 h 6234"/>
                <a:gd name="T48" fmla="*/ 257 w 6268"/>
                <a:gd name="T49" fmla="*/ 3226 h 6234"/>
                <a:gd name="T50" fmla="*/ 302 w 6268"/>
                <a:gd name="T51" fmla="*/ 3923 h 6234"/>
                <a:gd name="T52" fmla="*/ 522 w 6268"/>
                <a:gd name="T53" fmla="*/ 4558 h 6234"/>
                <a:gd name="T54" fmla="*/ 893 w 6268"/>
                <a:gd name="T55" fmla="*/ 5106 h 6234"/>
                <a:gd name="T56" fmla="*/ 1384 w 6268"/>
                <a:gd name="T57" fmla="*/ 5541 h 6234"/>
                <a:gd name="T58" fmla="*/ 1977 w 6268"/>
                <a:gd name="T59" fmla="*/ 5841 h 6234"/>
                <a:gd name="T60" fmla="*/ 2644 w 6268"/>
                <a:gd name="T61" fmla="*/ 5978 h 6234"/>
                <a:gd name="T62" fmla="*/ 3343 w 6268"/>
                <a:gd name="T63" fmla="*/ 5931 h 6234"/>
                <a:gd name="T64" fmla="*/ 3983 w 6268"/>
                <a:gd name="T65" fmla="*/ 5704 h 6234"/>
                <a:gd name="T66" fmla="*/ 4529 w 6268"/>
                <a:gd name="T67" fmla="*/ 5326 h 6234"/>
                <a:gd name="T68" fmla="*/ 4966 w 6268"/>
                <a:gd name="T69" fmla="*/ 4816 h 6234"/>
                <a:gd name="T70" fmla="*/ 5256 w 6268"/>
                <a:gd name="T71" fmla="*/ 4211 h 6234"/>
                <a:gd name="T72" fmla="*/ 5384 w 6268"/>
                <a:gd name="T73" fmla="*/ 3528 h 6234"/>
                <a:gd name="T74" fmla="*/ 2729 w 6268"/>
                <a:gd name="T75" fmla="*/ 3490 h 6234"/>
                <a:gd name="T76" fmla="*/ 2693 w 6268"/>
                <a:gd name="T77" fmla="*/ 827 h 6234"/>
                <a:gd name="T78" fmla="*/ 2854 w 6268"/>
                <a:gd name="T79" fmla="*/ 577 h 6234"/>
                <a:gd name="T80" fmla="*/ 2941 w 6268"/>
                <a:gd name="T81" fmla="*/ 664 h 6234"/>
                <a:gd name="T82" fmla="*/ 5545 w 6268"/>
                <a:gd name="T83" fmla="*/ 3282 h 6234"/>
                <a:gd name="T84" fmla="*/ 5634 w 6268"/>
                <a:gd name="T85" fmla="*/ 3372 h 6234"/>
                <a:gd name="T86" fmla="*/ 5585 w 6268"/>
                <a:gd name="T87" fmla="*/ 3951 h 6234"/>
                <a:gd name="T88" fmla="*/ 5363 w 6268"/>
                <a:gd name="T89" fmla="*/ 4624 h 6234"/>
                <a:gd name="T90" fmla="*/ 4987 w 6268"/>
                <a:gd name="T91" fmla="*/ 5213 h 6234"/>
                <a:gd name="T92" fmla="*/ 4484 w 6268"/>
                <a:gd name="T93" fmla="*/ 5688 h 6234"/>
                <a:gd name="T94" fmla="*/ 3874 w 6268"/>
                <a:gd name="T95" fmla="*/ 6030 h 6234"/>
                <a:gd name="T96" fmla="*/ 3185 w 6268"/>
                <a:gd name="T97" fmla="*/ 6212 h 6234"/>
                <a:gd name="T98" fmla="*/ 2452 w 6268"/>
                <a:gd name="T99" fmla="*/ 6212 h 6234"/>
                <a:gd name="T100" fmla="*/ 1762 w 6268"/>
                <a:gd name="T101" fmla="*/ 6030 h 6234"/>
                <a:gd name="T102" fmla="*/ 1153 w 6268"/>
                <a:gd name="T103" fmla="*/ 5688 h 6234"/>
                <a:gd name="T104" fmla="*/ 652 w 6268"/>
                <a:gd name="T105" fmla="*/ 5213 h 6234"/>
                <a:gd name="T106" fmla="*/ 276 w 6268"/>
                <a:gd name="T107" fmla="*/ 4624 h 6234"/>
                <a:gd name="T108" fmla="*/ 52 w 6268"/>
                <a:gd name="T109" fmla="*/ 3951 h 6234"/>
                <a:gd name="T110" fmla="*/ 5 w 6268"/>
                <a:gd name="T111" fmla="*/ 3218 h 6234"/>
                <a:gd name="T112" fmla="*/ 142 w 6268"/>
                <a:gd name="T113" fmla="*/ 2510 h 6234"/>
                <a:gd name="T114" fmla="*/ 446 w 6268"/>
                <a:gd name="T115" fmla="*/ 1874 h 6234"/>
                <a:gd name="T116" fmla="*/ 888 w 6268"/>
                <a:gd name="T117" fmla="*/ 1342 h 6234"/>
                <a:gd name="T118" fmla="*/ 1446 w 6268"/>
                <a:gd name="T119" fmla="*/ 929 h 6234"/>
                <a:gd name="T120" fmla="*/ 2098 w 6268"/>
                <a:gd name="T121" fmla="*/ 666 h 6234"/>
                <a:gd name="T122" fmla="*/ 2818 w 6268"/>
                <a:gd name="T123" fmla="*/ 572 h 6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268" h="6234">
                  <a:moveTo>
                    <a:pt x="3770" y="255"/>
                  </a:moveTo>
                  <a:lnTo>
                    <a:pt x="3770" y="2495"/>
                  </a:lnTo>
                  <a:lnTo>
                    <a:pt x="6012" y="2495"/>
                  </a:lnTo>
                  <a:lnTo>
                    <a:pt x="5998" y="2349"/>
                  </a:lnTo>
                  <a:lnTo>
                    <a:pt x="5977" y="2207"/>
                  </a:lnTo>
                  <a:lnTo>
                    <a:pt x="5949" y="2065"/>
                  </a:lnTo>
                  <a:lnTo>
                    <a:pt x="5911" y="1928"/>
                  </a:lnTo>
                  <a:lnTo>
                    <a:pt x="5864" y="1789"/>
                  </a:lnTo>
                  <a:lnTo>
                    <a:pt x="5812" y="1656"/>
                  </a:lnTo>
                  <a:lnTo>
                    <a:pt x="5748" y="1529"/>
                  </a:lnTo>
                  <a:lnTo>
                    <a:pt x="5677" y="1404"/>
                  </a:lnTo>
                  <a:lnTo>
                    <a:pt x="5601" y="1281"/>
                  </a:lnTo>
                  <a:lnTo>
                    <a:pt x="5514" y="1163"/>
                  </a:lnTo>
                  <a:lnTo>
                    <a:pt x="5422" y="1052"/>
                  </a:lnTo>
                  <a:lnTo>
                    <a:pt x="5311" y="938"/>
                  </a:lnTo>
                  <a:lnTo>
                    <a:pt x="5195" y="832"/>
                  </a:lnTo>
                  <a:lnTo>
                    <a:pt x="5072" y="733"/>
                  </a:lnTo>
                  <a:lnTo>
                    <a:pt x="4947" y="643"/>
                  </a:lnTo>
                  <a:lnTo>
                    <a:pt x="4810" y="560"/>
                  </a:lnTo>
                  <a:lnTo>
                    <a:pt x="4675" y="489"/>
                  </a:lnTo>
                  <a:lnTo>
                    <a:pt x="4534" y="425"/>
                  </a:lnTo>
                  <a:lnTo>
                    <a:pt x="4387" y="371"/>
                  </a:lnTo>
                  <a:lnTo>
                    <a:pt x="4236" y="328"/>
                  </a:lnTo>
                  <a:lnTo>
                    <a:pt x="4082" y="293"/>
                  </a:lnTo>
                  <a:lnTo>
                    <a:pt x="3926" y="269"/>
                  </a:lnTo>
                  <a:lnTo>
                    <a:pt x="3770" y="255"/>
                  </a:lnTo>
                  <a:lnTo>
                    <a:pt x="3770" y="255"/>
                  </a:lnTo>
                  <a:lnTo>
                    <a:pt x="3770" y="255"/>
                  </a:lnTo>
                  <a:close/>
                  <a:moveTo>
                    <a:pt x="3643" y="0"/>
                  </a:moveTo>
                  <a:lnTo>
                    <a:pt x="3806" y="5"/>
                  </a:lnTo>
                  <a:lnTo>
                    <a:pt x="3964" y="19"/>
                  </a:lnTo>
                  <a:lnTo>
                    <a:pt x="4120" y="45"/>
                  </a:lnTo>
                  <a:lnTo>
                    <a:pt x="4276" y="78"/>
                  </a:lnTo>
                  <a:lnTo>
                    <a:pt x="4427" y="121"/>
                  </a:lnTo>
                  <a:lnTo>
                    <a:pt x="4576" y="172"/>
                  </a:lnTo>
                  <a:lnTo>
                    <a:pt x="4723" y="234"/>
                  </a:lnTo>
                  <a:lnTo>
                    <a:pt x="4862" y="300"/>
                  </a:lnTo>
                  <a:lnTo>
                    <a:pt x="5001" y="378"/>
                  </a:lnTo>
                  <a:lnTo>
                    <a:pt x="5131" y="463"/>
                  </a:lnTo>
                  <a:lnTo>
                    <a:pt x="5261" y="558"/>
                  </a:lnTo>
                  <a:lnTo>
                    <a:pt x="5384" y="659"/>
                  </a:lnTo>
                  <a:lnTo>
                    <a:pt x="5497" y="768"/>
                  </a:lnTo>
                  <a:lnTo>
                    <a:pt x="5611" y="884"/>
                  </a:lnTo>
                  <a:lnTo>
                    <a:pt x="5712" y="1007"/>
                  </a:lnTo>
                  <a:lnTo>
                    <a:pt x="5805" y="1134"/>
                  </a:lnTo>
                  <a:lnTo>
                    <a:pt x="5890" y="1269"/>
                  </a:lnTo>
                  <a:lnTo>
                    <a:pt x="5970" y="1406"/>
                  </a:lnTo>
                  <a:lnTo>
                    <a:pt x="6036" y="1548"/>
                  </a:lnTo>
                  <a:lnTo>
                    <a:pt x="6098" y="1692"/>
                  </a:lnTo>
                  <a:lnTo>
                    <a:pt x="6147" y="1841"/>
                  </a:lnTo>
                  <a:lnTo>
                    <a:pt x="6192" y="1992"/>
                  </a:lnTo>
                  <a:lnTo>
                    <a:pt x="6223" y="2146"/>
                  </a:lnTo>
                  <a:lnTo>
                    <a:pt x="6246" y="2304"/>
                  </a:lnTo>
                  <a:lnTo>
                    <a:pt x="6261" y="2460"/>
                  </a:lnTo>
                  <a:lnTo>
                    <a:pt x="6268" y="2621"/>
                  </a:lnTo>
                  <a:lnTo>
                    <a:pt x="6261" y="2654"/>
                  </a:lnTo>
                  <a:lnTo>
                    <a:pt x="6249" y="2682"/>
                  </a:lnTo>
                  <a:lnTo>
                    <a:pt x="6230" y="2710"/>
                  </a:lnTo>
                  <a:lnTo>
                    <a:pt x="6204" y="2727"/>
                  </a:lnTo>
                  <a:lnTo>
                    <a:pt x="6173" y="2741"/>
                  </a:lnTo>
                  <a:lnTo>
                    <a:pt x="6140" y="2746"/>
                  </a:lnTo>
                  <a:lnTo>
                    <a:pt x="3643" y="2746"/>
                  </a:lnTo>
                  <a:lnTo>
                    <a:pt x="3612" y="2741"/>
                  </a:lnTo>
                  <a:lnTo>
                    <a:pt x="3581" y="2727"/>
                  </a:lnTo>
                  <a:lnTo>
                    <a:pt x="3553" y="2710"/>
                  </a:lnTo>
                  <a:lnTo>
                    <a:pt x="3537" y="2682"/>
                  </a:lnTo>
                  <a:lnTo>
                    <a:pt x="3522" y="2654"/>
                  </a:lnTo>
                  <a:lnTo>
                    <a:pt x="3518" y="2621"/>
                  </a:lnTo>
                  <a:lnTo>
                    <a:pt x="3518" y="125"/>
                  </a:lnTo>
                  <a:lnTo>
                    <a:pt x="3522" y="92"/>
                  </a:lnTo>
                  <a:lnTo>
                    <a:pt x="3537" y="61"/>
                  </a:lnTo>
                  <a:lnTo>
                    <a:pt x="3553" y="35"/>
                  </a:lnTo>
                  <a:lnTo>
                    <a:pt x="3581" y="19"/>
                  </a:lnTo>
                  <a:lnTo>
                    <a:pt x="3612" y="5"/>
                  </a:lnTo>
                  <a:lnTo>
                    <a:pt x="3643" y="0"/>
                  </a:lnTo>
                  <a:lnTo>
                    <a:pt x="3643" y="0"/>
                  </a:lnTo>
                  <a:lnTo>
                    <a:pt x="3643" y="0"/>
                  </a:lnTo>
                  <a:close/>
                  <a:moveTo>
                    <a:pt x="2693" y="827"/>
                  </a:moveTo>
                  <a:lnTo>
                    <a:pt x="2518" y="839"/>
                  </a:lnTo>
                  <a:lnTo>
                    <a:pt x="2346" y="867"/>
                  </a:lnTo>
                  <a:lnTo>
                    <a:pt x="2178" y="905"/>
                  </a:lnTo>
                  <a:lnTo>
                    <a:pt x="2013" y="952"/>
                  </a:lnTo>
                  <a:lnTo>
                    <a:pt x="1854" y="1011"/>
                  </a:lnTo>
                  <a:lnTo>
                    <a:pt x="1701" y="1082"/>
                  </a:lnTo>
                  <a:lnTo>
                    <a:pt x="1552" y="1160"/>
                  </a:lnTo>
                  <a:lnTo>
                    <a:pt x="1410" y="1248"/>
                  </a:lnTo>
                  <a:lnTo>
                    <a:pt x="1273" y="1345"/>
                  </a:lnTo>
                  <a:lnTo>
                    <a:pt x="1143" y="1451"/>
                  </a:lnTo>
                  <a:lnTo>
                    <a:pt x="1020" y="1562"/>
                  </a:lnTo>
                  <a:lnTo>
                    <a:pt x="907" y="1685"/>
                  </a:lnTo>
                  <a:lnTo>
                    <a:pt x="798" y="1812"/>
                  </a:lnTo>
                  <a:lnTo>
                    <a:pt x="699" y="1947"/>
                  </a:lnTo>
                  <a:lnTo>
                    <a:pt x="609" y="2089"/>
                  </a:lnTo>
                  <a:lnTo>
                    <a:pt x="529" y="2238"/>
                  </a:lnTo>
                  <a:lnTo>
                    <a:pt x="458" y="2389"/>
                  </a:lnTo>
                  <a:lnTo>
                    <a:pt x="394" y="2547"/>
                  </a:lnTo>
                  <a:lnTo>
                    <a:pt x="342" y="2713"/>
                  </a:lnTo>
                  <a:lnTo>
                    <a:pt x="305" y="2878"/>
                  </a:lnTo>
                  <a:lnTo>
                    <a:pt x="274" y="3048"/>
                  </a:lnTo>
                  <a:lnTo>
                    <a:pt x="257" y="3226"/>
                  </a:lnTo>
                  <a:lnTo>
                    <a:pt x="253" y="3405"/>
                  </a:lnTo>
                  <a:lnTo>
                    <a:pt x="257" y="3580"/>
                  </a:lnTo>
                  <a:lnTo>
                    <a:pt x="274" y="3752"/>
                  </a:lnTo>
                  <a:lnTo>
                    <a:pt x="302" y="3923"/>
                  </a:lnTo>
                  <a:lnTo>
                    <a:pt x="342" y="4088"/>
                  </a:lnTo>
                  <a:lnTo>
                    <a:pt x="394" y="4249"/>
                  </a:lnTo>
                  <a:lnTo>
                    <a:pt x="453" y="4405"/>
                  </a:lnTo>
                  <a:lnTo>
                    <a:pt x="522" y="4558"/>
                  </a:lnTo>
                  <a:lnTo>
                    <a:pt x="602" y="4705"/>
                  </a:lnTo>
                  <a:lnTo>
                    <a:pt x="690" y="4844"/>
                  </a:lnTo>
                  <a:lnTo>
                    <a:pt x="787" y="4979"/>
                  </a:lnTo>
                  <a:lnTo>
                    <a:pt x="893" y="5106"/>
                  </a:lnTo>
                  <a:lnTo>
                    <a:pt x="1004" y="5227"/>
                  </a:lnTo>
                  <a:lnTo>
                    <a:pt x="1122" y="5340"/>
                  </a:lnTo>
                  <a:lnTo>
                    <a:pt x="1250" y="5444"/>
                  </a:lnTo>
                  <a:lnTo>
                    <a:pt x="1384" y="5541"/>
                  </a:lnTo>
                  <a:lnTo>
                    <a:pt x="1524" y="5631"/>
                  </a:lnTo>
                  <a:lnTo>
                    <a:pt x="1670" y="5709"/>
                  </a:lnTo>
                  <a:lnTo>
                    <a:pt x="1821" y="5780"/>
                  </a:lnTo>
                  <a:lnTo>
                    <a:pt x="1977" y="5841"/>
                  </a:lnTo>
                  <a:lnTo>
                    <a:pt x="2136" y="5891"/>
                  </a:lnTo>
                  <a:lnTo>
                    <a:pt x="2301" y="5931"/>
                  </a:lnTo>
                  <a:lnTo>
                    <a:pt x="2469" y="5960"/>
                  </a:lnTo>
                  <a:lnTo>
                    <a:pt x="2644" y="5978"/>
                  </a:lnTo>
                  <a:lnTo>
                    <a:pt x="2818" y="5983"/>
                  </a:lnTo>
                  <a:lnTo>
                    <a:pt x="2998" y="5978"/>
                  </a:lnTo>
                  <a:lnTo>
                    <a:pt x="3173" y="5960"/>
                  </a:lnTo>
                  <a:lnTo>
                    <a:pt x="3343" y="5931"/>
                  </a:lnTo>
                  <a:lnTo>
                    <a:pt x="3511" y="5889"/>
                  </a:lnTo>
                  <a:lnTo>
                    <a:pt x="3671" y="5837"/>
                  </a:lnTo>
                  <a:lnTo>
                    <a:pt x="3829" y="5775"/>
                  </a:lnTo>
                  <a:lnTo>
                    <a:pt x="3983" y="5704"/>
                  </a:lnTo>
                  <a:lnTo>
                    <a:pt x="4127" y="5622"/>
                  </a:lnTo>
                  <a:lnTo>
                    <a:pt x="4269" y="5532"/>
                  </a:lnTo>
                  <a:lnTo>
                    <a:pt x="4404" y="5430"/>
                  </a:lnTo>
                  <a:lnTo>
                    <a:pt x="4529" y="5326"/>
                  </a:lnTo>
                  <a:lnTo>
                    <a:pt x="4652" y="5208"/>
                  </a:lnTo>
                  <a:lnTo>
                    <a:pt x="4763" y="5088"/>
                  </a:lnTo>
                  <a:lnTo>
                    <a:pt x="4869" y="4955"/>
                  </a:lnTo>
                  <a:lnTo>
                    <a:pt x="4966" y="4816"/>
                  </a:lnTo>
                  <a:lnTo>
                    <a:pt x="5051" y="4674"/>
                  </a:lnTo>
                  <a:lnTo>
                    <a:pt x="5131" y="4525"/>
                  </a:lnTo>
                  <a:lnTo>
                    <a:pt x="5200" y="4372"/>
                  </a:lnTo>
                  <a:lnTo>
                    <a:pt x="5256" y="4211"/>
                  </a:lnTo>
                  <a:lnTo>
                    <a:pt x="5306" y="4045"/>
                  </a:lnTo>
                  <a:lnTo>
                    <a:pt x="5344" y="3880"/>
                  </a:lnTo>
                  <a:lnTo>
                    <a:pt x="5370" y="3705"/>
                  </a:lnTo>
                  <a:lnTo>
                    <a:pt x="5384" y="3528"/>
                  </a:lnTo>
                  <a:lnTo>
                    <a:pt x="2818" y="3528"/>
                  </a:lnTo>
                  <a:lnTo>
                    <a:pt x="2785" y="3523"/>
                  </a:lnTo>
                  <a:lnTo>
                    <a:pt x="2755" y="3511"/>
                  </a:lnTo>
                  <a:lnTo>
                    <a:pt x="2729" y="3490"/>
                  </a:lnTo>
                  <a:lnTo>
                    <a:pt x="2712" y="3469"/>
                  </a:lnTo>
                  <a:lnTo>
                    <a:pt x="2698" y="3438"/>
                  </a:lnTo>
                  <a:lnTo>
                    <a:pt x="2693" y="3403"/>
                  </a:lnTo>
                  <a:lnTo>
                    <a:pt x="2693" y="827"/>
                  </a:lnTo>
                  <a:lnTo>
                    <a:pt x="2693" y="827"/>
                  </a:lnTo>
                  <a:lnTo>
                    <a:pt x="2693" y="827"/>
                  </a:lnTo>
                  <a:close/>
                  <a:moveTo>
                    <a:pt x="2818" y="572"/>
                  </a:moveTo>
                  <a:lnTo>
                    <a:pt x="2854" y="577"/>
                  </a:lnTo>
                  <a:lnTo>
                    <a:pt x="2882" y="588"/>
                  </a:lnTo>
                  <a:lnTo>
                    <a:pt x="2908" y="607"/>
                  </a:lnTo>
                  <a:lnTo>
                    <a:pt x="2927" y="636"/>
                  </a:lnTo>
                  <a:lnTo>
                    <a:pt x="2941" y="664"/>
                  </a:lnTo>
                  <a:lnTo>
                    <a:pt x="2946" y="697"/>
                  </a:lnTo>
                  <a:lnTo>
                    <a:pt x="2946" y="3278"/>
                  </a:lnTo>
                  <a:lnTo>
                    <a:pt x="5512" y="3278"/>
                  </a:lnTo>
                  <a:lnTo>
                    <a:pt x="5545" y="3282"/>
                  </a:lnTo>
                  <a:lnTo>
                    <a:pt x="5575" y="3294"/>
                  </a:lnTo>
                  <a:lnTo>
                    <a:pt x="5601" y="3315"/>
                  </a:lnTo>
                  <a:lnTo>
                    <a:pt x="5623" y="3341"/>
                  </a:lnTo>
                  <a:lnTo>
                    <a:pt x="5634" y="3372"/>
                  </a:lnTo>
                  <a:lnTo>
                    <a:pt x="5639" y="3405"/>
                  </a:lnTo>
                  <a:lnTo>
                    <a:pt x="5632" y="3589"/>
                  </a:lnTo>
                  <a:lnTo>
                    <a:pt x="5613" y="3771"/>
                  </a:lnTo>
                  <a:lnTo>
                    <a:pt x="5585" y="3951"/>
                  </a:lnTo>
                  <a:lnTo>
                    <a:pt x="5545" y="4128"/>
                  </a:lnTo>
                  <a:lnTo>
                    <a:pt x="5495" y="4298"/>
                  </a:lnTo>
                  <a:lnTo>
                    <a:pt x="5434" y="4464"/>
                  </a:lnTo>
                  <a:lnTo>
                    <a:pt x="5363" y="4624"/>
                  </a:lnTo>
                  <a:lnTo>
                    <a:pt x="5280" y="4780"/>
                  </a:lnTo>
                  <a:lnTo>
                    <a:pt x="5193" y="4929"/>
                  </a:lnTo>
                  <a:lnTo>
                    <a:pt x="5093" y="5076"/>
                  </a:lnTo>
                  <a:lnTo>
                    <a:pt x="4987" y="5213"/>
                  </a:lnTo>
                  <a:lnTo>
                    <a:pt x="4871" y="5343"/>
                  </a:lnTo>
                  <a:lnTo>
                    <a:pt x="4751" y="5466"/>
                  </a:lnTo>
                  <a:lnTo>
                    <a:pt x="4619" y="5581"/>
                  </a:lnTo>
                  <a:lnTo>
                    <a:pt x="4484" y="5688"/>
                  </a:lnTo>
                  <a:lnTo>
                    <a:pt x="4340" y="5787"/>
                  </a:lnTo>
                  <a:lnTo>
                    <a:pt x="4191" y="5877"/>
                  </a:lnTo>
                  <a:lnTo>
                    <a:pt x="4035" y="5960"/>
                  </a:lnTo>
                  <a:lnTo>
                    <a:pt x="3874" y="6030"/>
                  </a:lnTo>
                  <a:lnTo>
                    <a:pt x="3709" y="6090"/>
                  </a:lnTo>
                  <a:lnTo>
                    <a:pt x="3541" y="6141"/>
                  </a:lnTo>
                  <a:lnTo>
                    <a:pt x="3366" y="6182"/>
                  </a:lnTo>
                  <a:lnTo>
                    <a:pt x="3185" y="6212"/>
                  </a:lnTo>
                  <a:lnTo>
                    <a:pt x="3005" y="6229"/>
                  </a:lnTo>
                  <a:lnTo>
                    <a:pt x="2818" y="6234"/>
                  </a:lnTo>
                  <a:lnTo>
                    <a:pt x="2634" y="6229"/>
                  </a:lnTo>
                  <a:lnTo>
                    <a:pt x="2452" y="6212"/>
                  </a:lnTo>
                  <a:lnTo>
                    <a:pt x="2273" y="6182"/>
                  </a:lnTo>
                  <a:lnTo>
                    <a:pt x="2098" y="6141"/>
                  </a:lnTo>
                  <a:lnTo>
                    <a:pt x="1928" y="6090"/>
                  </a:lnTo>
                  <a:lnTo>
                    <a:pt x="1762" y="6030"/>
                  </a:lnTo>
                  <a:lnTo>
                    <a:pt x="1602" y="5960"/>
                  </a:lnTo>
                  <a:lnTo>
                    <a:pt x="1446" y="5877"/>
                  </a:lnTo>
                  <a:lnTo>
                    <a:pt x="1299" y="5787"/>
                  </a:lnTo>
                  <a:lnTo>
                    <a:pt x="1153" y="5688"/>
                  </a:lnTo>
                  <a:lnTo>
                    <a:pt x="1018" y="5581"/>
                  </a:lnTo>
                  <a:lnTo>
                    <a:pt x="888" y="5466"/>
                  </a:lnTo>
                  <a:lnTo>
                    <a:pt x="765" y="5343"/>
                  </a:lnTo>
                  <a:lnTo>
                    <a:pt x="652" y="5213"/>
                  </a:lnTo>
                  <a:lnTo>
                    <a:pt x="543" y="5076"/>
                  </a:lnTo>
                  <a:lnTo>
                    <a:pt x="446" y="4929"/>
                  </a:lnTo>
                  <a:lnTo>
                    <a:pt x="357" y="4780"/>
                  </a:lnTo>
                  <a:lnTo>
                    <a:pt x="276" y="4624"/>
                  </a:lnTo>
                  <a:lnTo>
                    <a:pt x="203" y="4464"/>
                  </a:lnTo>
                  <a:lnTo>
                    <a:pt x="142" y="4298"/>
                  </a:lnTo>
                  <a:lnTo>
                    <a:pt x="92" y="4128"/>
                  </a:lnTo>
                  <a:lnTo>
                    <a:pt x="52" y="3951"/>
                  </a:lnTo>
                  <a:lnTo>
                    <a:pt x="23" y="3771"/>
                  </a:lnTo>
                  <a:lnTo>
                    <a:pt x="5" y="3589"/>
                  </a:lnTo>
                  <a:lnTo>
                    <a:pt x="0" y="3405"/>
                  </a:lnTo>
                  <a:lnTo>
                    <a:pt x="5" y="3218"/>
                  </a:lnTo>
                  <a:lnTo>
                    <a:pt x="23" y="3034"/>
                  </a:lnTo>
                  <a:lnTo>
                    <a:pt x="52" y="2855"/>
                  </a:lnTo>
                  <a:lnTo>
                    <a:pt x="92" y="2682"/>
                  </a:lnTo>
                  <a:lnTo>
                    <a:pt x="142" y="2510"/>
                  </a:lnTo>
                  <a:lnTo>
                    <a:pt x="203" y="2344"/>
                  </a:lnTo>
                  <a:lnTo>
                    <a:pt x="276" y="2181"/>
                  </a:lnTo>
                  <a:lnTo>
                    <a:pt x="357" y="2025"/>
                  </a:lnTo>
                  <a:lnTo>
                    <a:pt x="446" y="1874"/>
                  </a:lnTo>
                  <a:lnTo>
                    <a:pt x="543" y="1732"/>
                  </a:lnTo>
                  <a:lnTo>
                    <a:pt x="652" y="1595"/>
                  </a:lnTo>
                  <a:lnTo>
                    <a:pt x="765" y="1463"/>
                  </a:lnTo>
                  <a:lnTo>
                    <a:pt x="888" y="1342"/>
                  </a:lnTo>
                  <a:lnTo>
                    <a:pt x="1018" y="1224"/>
                  </a:lnTo>
                  <a:lnTo>
                    <a:pt x="1153" y="1118"/>
                  </a:lnTo>
                  <a:lnTo>
                    <a:pt x="1299" y="1018"/>
                  </a:lnTo>
                  <a:lnTo>
                    <a:pt x="1446" y="929"/>
                  </a:lnTo>
                  <a:lnTo>
                    <a:pt x="1602" y="846"/>
                  </a:lnTo>
                  <a:lnTo>
                    <a:pt x="1762" y="777"/>
                  </a:lnTo>
                  <a:lnTo>
                    <a:pt x="1928" y="716"/>
                  </a:lnTo>
                  <a:lnTo>
                    <a:pt x="2098" y="666"/>
                  </a:lnTo>
                  <a:lnTo>
                    <a:pt x="2273" y="624"/>
                  </a:lnTo>
                  <a:lnTo>
                    <a:pt x="2452" y="593"/>
                  </a:lnTo>
                  <a:lnTo>
                    <a:pt x="2634" y="577"/>
                  </a:lnTo>
                  <a:lnTo>
                    <a:pt x="2818" y="572"/>
                  </a:lnTo>
                  <a:lnTo>
                    <a:pt x="2818" y="572"/>
                  </a:lnTo>
                  <a:lnTo>
                    <a:pt x="2818" y="572"/>
                  </a:lnTo>
                  <a:close/>
                </a:path>
              </a:pathLst>
            </a:custGeom>
            <a:solidFill>
              <a:schemeClr val="tx1">
                <a:lumMod val="75000"/>
                <a:lumOff val="25000"/>
              </a:schemeClr>
            </a:solidFill>
            <a:ln>
              <a:noFill/>
            </a:ln>
          </p:spPr>
          <p:txBody>
            <a:bodyPr vert="horz" wrap="square" lIns="91440" tIns="45720" rIns="91440" bIns="45720" numCol="1" anchor="t" anchorCtr="0" compatLnSpc="1">
              <a:prstTxWarp prst="textNoShape">
                <a:avLst/>
              </a:prstTxWarp>
            </a:bodyPr>
            <a:lstStyle/>
            <a:p>
              <a:endParaRPr lang="en-US"/>
            </a:p>
          </p:txBody>
        </p:sp>
        <p:grpSp>
          <p:nvGrpSpPr>
            <p:cNvPr id="53" name="Group 52">
              <a:extLst>
                <a:ext uri="{FF2B5EF4-FFF2-40B4-BE49-F238E27FC236}">
                  <a16:creationId xmlns:a16="http://schemas.microsoft.com/office/drawing/2014/main" id="{681D09C9-424F-D656-7BB8-D79337B640B9}"/>
                </a:ext>
              </a:extLst>
            </p:cNvPr>
            <p:cNvGrpSpPr/>
            <p:nvPr/>
          </p:nvGrpSpPr>
          <p:grpSpPr>
            <a:xfrm>
              <a:off x="1702269" y="3428999"/>
              <a:ext cx="1631506" cy="1692627"/>
              <a:chOff x="387819" y="1095632"/>
              <a:chExt cx="1631506" cy="1692627"/>
            </a:xfrm>
          </p:grpSpPr>
          <p:sp>
            <p:nvSpPr>
              <p:cNvPr id="54" name="Rectangle 53">
                <a:extLst>
                  <a:ext uri="{FF2B5EF4-FFF2-40B4-BE49-F238E27FC236}">
                    <a16:creationId xmlns:a16="http://schemas.microsoft.com/office/drawing/2014/main" id="{D15A3326-1434-C4C3-CC7E-F502ABBABF68}"/>
                  </a:ext>
                </a:extLst>
              </p:cNvPr>
              <p:cNvSpPr/>
              <p:nvPr/>
            </p:nvSpPr>
            <p:spPr>
              <a:xfrm>
                <a:off x="387819" y="1095632"/>
                <a:ext cx="1631506" cy="169262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1600" b="1" dirty="0">
                    <a:solidFill>
                      <a:schemeClr val="bg1"/>
                    </a:solidFill>
                    <a:latin typeface="+mn-lt"/>
                  </a:rPr>
                  <a:t>Perspectives</a:t>
                </a:r>
                <a:br>
                  <a:rPr lang="en-US" sz="1200" b="1" dirty="0">
                    <a:solidFill>
                      <a:schemeClr val="bg1"/>
                    </a:solidFill>
                    <a:latin typeface="+mn-lt"/>
                  </a:rPr>
                </a:br>
                <a:r>
                  <a:rPr lang="en-US" sz="1400" dirty="0">
                    <a:solidFill>
                      <a:schemeClr val="bg1"/>
                    </a:solidFill>
                    <a:latin typeface="+mn-lt"/>
                  </a:rPr>
                  <a:t>Can group dashboards by themes or subjects, such as business units or tasks, with filters for contextual views.. </a:t>
                </a:r>
              </a:p>
            </p:txBody>
          </p:sp>
          <p:sp>
            <p:nvSpPr>
              <p:cNvPr id="55" name="Rectangle 54">
                <a:extLst>
                  <a:ext uri="{FF2B5EF4-FFF2-40B4-BE49-F238E27FC236}">
                    <a16:creationId xmlns:a16="http://schemas.microsoft.com/office/drawing/2014/main" id="{085BF76E-C87C-1CB5-16C7-D6CC93EA4B4B}"/>
                  </a:ext>
                </a:extLst>
              </p:cNvPr>
              <p:cNvSpPr/>
              <p:nvPr/>
            </p:nvSpPr>
            <p:spPr>
              <a:xfrm>
                <a:off x="387819" y="2710249"/>
                <a:ext cx="1631506" cy="78009"/>
              </a:xfrm>
              <a:prstGeom prst="rect">
                <a:avLst/>
              </a:prstGeom>
              <a:solidFill>
                <a:schemeClr val="tx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57" name="Group 56">
            <a:extLst>
              <a:ext uri="{FF2B5EF4-FFF2-40B4-BE49-F238E27FC236}">
                <a16:creationId xmlns:a16="http://schemas.microsoft.com/office/drawing/2014/main" id="{DE09C4F5-B0D7-5B08-B1C5-CE7CC1A927A1}"/>
              </a:ext>
            </a:extLst>
          </p:cNvPr>
          <p:cNvGrpSpPr/>
          <p:nvPr/>
        </p:nvGrpSpPr>
        <p:grpSpPr>
          <a:xfrm>
            <a:off x="3356216" y="4119686"/>
            <a:ext cx="1249549" cy="1252413"/>
            <a:chOff x="-692150" y="2144713"/>
            <a:chExt cx="692150" cy="693737"/>
          </a:xfrm>
          <a:solidFill>
            <a:schemeClr val="tx1">
              <a:lumMod val="75000"/>
              <a:lumOff val="25000"/>
            </a:schemeClr>
          </a:solidFill>
        </p:grpSpPr>
        <p:sp>
          <p:nvSpPr>
            <p:cNvPr id="58" name="Freeform 27">
              <a:extLst>
                <a:ext uri="{FF2B5EF4-FFF2-40B4-BE49-F238E27FC236}">
                  <a16:creationId xmlns:a16="http://schemas.microsoft.com/office/drawing/2014/main" id="{D24FF2A8-10E2-AE47-A7AC-8BD9A591207C}"/>
                </a:ext>
              </a:extLst>
            </p:cNvPr>
            <p:cNvSpPr>
              <a:spLocks noEditPoints="1"/>
            </p:cNvSpPr>
            <p:nvPr/>
          </p:nvSpPr>
          <p:spPr bwMode="auto">
            <a:xfrm>
              <a:off x="-92075" y="2282825"/>
              <a:ext cx="92075" cy="93662"/>
            </a:xfrm>
            <a:custGeom>
              <a:avLst/>
              <a:gdLst>
                <a:gd name="T0" fmla="*/ 400 w 800"/>
                <a:gd name="T1" fmla="*/ 0 h 800"/>
                <a:gd name="T2" fmla="*/ 0 w 800"/>
                <a:gd name="T3" fmla="*/ 400 h 800"/>
                <a:gd name="T4" fmla="*/ 400 w 800"/>
                <a:gd name="T5" fmla="*/ 800 h 800"/>
                <a:gd name="T6" fmla="*/ 800 w 800"/>
                <a:gd name="T7" fmla="*/ 400 h 800"/>
                <a:gd name="T8" fmla="*/ 400 w 800"/>
                <a:gd name="T9" fmla="*/ 0 h 800"/>
                <a:gd name="T10" fmla="*/ 400 w 800"/>
                <a:gd name="T11" fmla="*/ 600 h 800"/>
                <a:gd name="T12" fmla="*/ 200 w 800"/>
                <a:gd name="T13" fmla="*/ 400 h 800"/>
                <a:gd name="T14" fmla="*/ 400 w 800"/>
                <a:gd name="T15" fmla="*/ 200 h 800"/>
                <a:gd name="T16" fmla="*/ 600 w 800"/>
                <a:gd name="T17" fmla="*/ 400 h 800"/>
                <a:gd name="T18" fmla="*/ 400 w 800"/>
                <a:gd name="T19" fmla="*/ 600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0" h="800">
                  <a:moveTo>
                    <a:pt x="400" y="0"/>
                  </a:moveTo>
                  <a:cubicBezTo>
                    <a:pt x="179" y="0"/>
                    <a:pt x="0" y="179"/>
                    <a:pt x="0" y="400"/>
                  </a:cubicBezTo>
                  <a:cubicBezTo>
                    <a:pt x="0" y="621"/>
                    <a:pt x="179" y="800"/>
                    <a:pt x="400" y="800"/>
                  </a:cubicBezTo>
                  <a:cubicBezTo>
                    <a:pt x="621" y="800"/>
                    <a:pt x="800" y="621"/>
                    <a:pt x="800" y="400"/>
                  </a:cubicBezTo>
                  <a:cubicBezTo>
                    <a:pt x="800" y="179"/>
                    <a:pt x="621" y="0"/>
                    <a:pt x="400" y="0"/>
                  </a:cubicBezTo>
                  <a:close/>
                  <a:moveTo>
                    <a:pt x="400" y="600"/>
                  </a:moveTo>
                  <a:cubicBezTo>
                    <a:pt x="290" y="600"/>
                    <a:pt x="200" y="510"/>
                    <a:pt x="200" y="400"/>
                  </a:cubicBezTo>
                  <a:cubicBezTo>
                    <a:pt x="200" y="290"/>
                    <a:pt x="290" y="200"/>
                    <a:pt x="400" y="200"/>
                  </a:cubicBezTo>
                  <a:cubicBezTo>
                    <a:pt x="510" y="200"/>
                    <a:pt x="600" y="290"/>
                    <a:pt x="600" y="400"/>
                  </a:cubicBezTo>
                  <a:cubicBezTo>
                    <a:pt x="600" y="510"/>
                    <a:pt x="510" y="600"/>
                    <a:pt x="400" y="6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28">
              <a:extLst>
                <a:ext uri="{FF2B5EF4-FFF2-40B4-BE49-F238E27FC236}">
                  <a16:creationId xmlns:a16="http://schemas.microsoft.com/office/drawing/2014/main" id="{62DABF11-728E-87E5-8F66-649F181DD605}"/>
                </a:ext>
              </a:extLst>
            </p:cNvPr>
            <p:cNvSpPr>
              <a:spLocks noEditPoints="1"/>
            </p:cNvSpPr>
            <p:nvPr/>
          </p:nvSpPr>
          <p:spPr bwMode="auto">
            <a:xfrm>
              <a:off x="-692150" y="2665413"/>
              <a:ext cx="92075" cy="92075"/>
            </a:xfrm>
            <a:custGeom>
              <a:avLst/>
              <a:gdLst>
                <a:gd name="T0" fmla="*/ 400 w 800"/>
                <a:gd name="T1" fmla="*/ 0 h 800"/>
                <a:gd name="T2" fmla="*/ 0 w 800"/>
                <a:gd name="T3" fmla="*/ 400 h 800"/>
                <a:gd name="T4" fmla="*/ 400 w 800"/>
                <a:gd name="T5" fmla="*/ 800 h 800"/>
                <a:gd name="T6" fmla="*/ 800 w 800"/>
                <a:gd name="T7" fmla="*/ 400 h 800"/>
                <a:gd name="T8" fmla="*/ 400 w 800"/>
                <a:gd name="T9" fmla="*/ 0 h 800"/>
                <a:gd name="T10" fmla="*/ 400 w 800"/>
                <a:gd name="T11" fmla="*/ 600 h 800"/>
                <a:gd name="T12" fmla="*/ 200 w 800"/>
                <a:gd name="T13" fmla="*/ 400 h 800"/>
                <a:gd name="T14" fmla="*/ 400 w 800"/>
                <a:gd name="T15" fmla="*/ 200 h 800"/>
                <a:gd name="T16" fmla="*/ 600 w 800"/>
                <a:gd name="T17" fmla="*/ 400 h 800"/>
                <a:gd name="T18" fmla="*/ 400 w 800"/>
                <a:gd name="T19" fmla="*/ 600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0" h="800">
                  <a:moveTo>
                    <a:pt x="400" y="0"/>
                  </a:moveTo>
                  <a:cubicBezTo>
                    <a:pt x="179" y="0"/>
                    <a:pt x="0" y="179"/>
                    <a:pt x="0" y="400"/>
                  </a:cubicBezTo>
                  <a:cubicBezTo>
                    <a:pt x="0" y="621"/>
                    <a:pt x="179" y="800"/>
                    <a:pt x="400" y="800"/>
                  </a:cubicBezTo>
                  <a:cubicBezTo>
                    <a:pt x="621" y="800"/>
                    <a:pt x="800" y="621"/>
                    <a:pt x="800" y="400"/>
                  </a:cubicBezTo>
                  <a:cubicBezTo>
                    <a:pt x="800" y="179"/>
                    <a:pt x="621" y="0"/>
                    <a:pt x="400" y="0"/>
                  </a:cubicBezTo>
                  <a:close/>
                  <a:moveTo>
                    <a:pt x="400" y="600"/>
                  </a:moveTo>
                  <a:cubicBezTo>
                    <a:pt x="290" y="600"/>
                    <a:pt x="200" y="510"/>
                    <a:pt x="200" y="400"/>
                  </a:cubicBezTo>
                  <a:cubicBezTo>
                    <a:pt x="200" y="290"/>
                    <a:pt x="290" y="200"/>
                    <a:pt x="400" y="200"/>
                  </a:cubicBezTo>
                  <a:cubicBezTo>
                    <a:pt x="510" y="200"/>
                    <a:pt x="600" y="290"/>
                    <a:pt x="600" y="400"/>
                  </a:cubicBezTo>
                  <a:cubicBezTo>
                    <a:pt x="600" y="510"/>
                    <a:pt x="510" y="600"/>
                    <a:pt x="400" y="6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 name="Freeform 29">
              <a:extLst>
                <a:ext uri="{FF2B5EF4-FFF2-40B4-BE49-F238E27FC236}">
                  <a16:creationId xmlns:a16="http://schemas.microsoft.com/office/drawing/2014/main" id="{BFDB8905-EDBE-2638-8BD9-D887D5262E88}"/>
                </a:ext>
              </a:extLst>
            </p:cNvPr>
            <p:cNvSpPr>
              <a:spLocks/>
            </p:cNvSpPr>
            <p:nvPr/>
          </p:nvSpPr>
          <p:spPr bwMode="auto">
            <a:xfrm>
              <a:off x="-185738" y="2247900"/>
              <a:ext cx="125413" cy="71437"/>
            </a:xfrm>
            <a:custGeom>
              <a:avLst/>
              <a:gdLst>
                <a:gd name="T0" fmla="*/ 1020 w 1091"/>
                <a:gd name="T1" fmla="*/ 440 h 630"/>
                <a:gd name="T2" fmla="*/ 157 w 1091"/>
                <a:gd name="T3" fmla="*/ 24 h 630"/>
                <a:gd name="T4" fmla="*/ 24 w 1091"/>
                <a:gd name="T5" fmla="*/ 71 h 630"/>
                <a:gd name="T6" fmla="*/ 71 w 1091"/>
                <a:gd name="T7" fmla="*/ 204 h 630"/>
                <a:gd name="T8" fmla="*/ 933 w 1091"/>
                <a:gd name="T9" fmla="*/ 621 h 630"/>
                <a:gd name="T10" fmla="*/ 977 w 1091"/>
                <a:gd name="T11" fmla="*/ 630 h 630"/>
                <a:gd name="T12" fmla="*/ 1067 w 1091"/>
                <a:gd name="T13" fmla="*/ 574 h 630"/>
                <a:gd name="T14" fmla="*/ 1020 w 1091"/>
                <a:gd name="T15" fmla="*/ 440 h 63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91" h="630">
                  <a:moveTo>
                    <a:pt x="1020" y="440"/>
                  </a:moveTo>
                  <a:cubicBezTo>
                    <a:pt x="157" y="24"/>
                    <a:pt x="157" y="24"/>
                    <a:pt x="157" y="24"/>
                  </a:cubicBezTo>
                  <a:cubicBezTo>
                    <a:pt x="108" y="0"/>
                    <a:pt x="48" y="21"/>
                    <a:pt x="24" y="71"/>
                  </a:cubicBezTo>
                  <a:cubicBezTo>
                    <a:pt x="0" y="120"/>
                    <a:pt x="21" y="180"/>
                    <a:pt x="71" y="204"/>
                  </a:cubicBezTo>
                  <a:cubicBezTo>
                    <a:pt x="933" y="621"/>
                    <a:pt x="933" y="621"/>
                    <a:pt x="933" y="621"/>
                  </a:cubicBezTo>
                  <a:cubicBezTo>
                    <a:pt x="947" y="627"/>
                    <a:pt x="962" y="630"/>
                    <a:pt x="977" y="630"/>
                  </a:cubicBezTo>
                  <a:cubicBezTo>
                    <a:pt x="1014" y="630"/>
                    <a:pt x="1050" y="610"/>
                    <a:pt x="1067" y="574"/>
                  </a:cubicBezTo>
                  <a:cubicBezTo>
                    <a:pt x="1091" y="524"/>
                    <a:pt x="1070" y="464"/>
                    <a:pt x="1020" y="44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30">
              <a:extLst>
                <a:ext uri="{FF2B5EF4-FFF2-40B4-BE49-F238E27FC236}">
                  <a16:creationId xmlns:a16="http://schemas.microsoft.com/office/drawing/2014/main" id="{DB575D6C-294B-C775-DC08-0DDFF186DC72}"/>
                </a:ext>
              </a:extLst>
            </p:cNvPr>
            <p:cNvSpPr>
              <a:spLocks noEditPoints="1"/>
            </p:cNvSpPr>
            <p:nvPr/>
          </p:nvSpPr>
          <p:spPr bwMode="auto">
            <a:xfrm>
              <a:off x="-219075" y="2746375"/>
              <a:ext cx="92075" cy="92075"/>
            </a:xfrm>
            <a:custGeom>
              <a:avLst/>
              <a:gdLst>
                <a:gd name="T0" fmla="*/ 400 w 800"/>
                <a:gd name="T1" fmla="*/ 0 h 800"/>
                <a:gd name="T2" fmla="*/ 0 w 800"/>
                <a:gd name="T3" fmla="*/ 400 h 800"/>
                <a:gd name="T4" fmla="*/ 400 w 800"/>
                <a:gd name="T5" fmla="*/ 800 h 800"/>
                <a:gd name="T6" fmla="*/ 800 w 800"/>
                <a:gd name="T7" fmla="*/ 400 h 800"/>
                <a:gd name="T8" fmla="*/ 400 w 800"/>
                <a:gd name="T9" fmla="*/ 0 h 800"/>
                <a:gd name="T10" fmla="*/ 400 w 800"/>
                <a:gd name="T11" fmla="*/ 600 h 800"/>
                <a:gd name="T12" fmla="*/ 200 w 800"/>
                <a:gd name="T13" fmla="*/ 400 h 800"/>
                <a:gd name="T14" fmla="*/ 400 w 800"/>
                <a:gd name="T15" fmla="*/ 200 h 800"/>
                <a:gd name="T16" fmla="*/ 600 w 800"/>
                <a:gd name="T17" fmla="*/ 400 h 800"/>
                <a:gd name="T18" fmla="*/ 400 w 800"/>
                <a:gd name="T19" fmla="*/ 600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0" h="800">
                  <a:moveTo>
                    <a:pt x="400" y="0"/>
                  </a:moveTo>
                  <a:cubicBezTo>
                    <a:pt x="179" y="0"/>
                    <a:pt x="0" y="179"/>
                    <a:pt x="0" y="400"/>
                  </a:cubicBezTo>
                  <a:cubicBezTo>
                    <a:pt x="0" y="621"/>
                    <a:pt x="179" y="800"/>
                    <a:pt x="400" y="800"/>
                  </a:cubicBezTo>
                  <a:cubicBezTo>
                    <a:pt x="621" y="800"/>
                    <a:pt x="800" y="621"/>
                    <a:pt x="800" y="400"/>
                  </a:cubicBezTo>
                  <a:cubicBezTo>
                    <a:pt x="800" y="179"/>
                    <a:pt x="621" y="0"/>
                    <a:pt x="400" y="0"/>
                  </a:cubicBezTo>
                  <a:close/>
                  <a:moveTo>
                    <a:pt x="400" y="600"/>
                  </a:moveTo>
                  <a:cubicBezTo>
                    <a:pt x="290" y="600"/>
                    <a:pt x="200" y="510"/>
                    <a:pt x="200" y="400"/>
                  </a:cubicBezTo>
                  <a:cubicBezTo>
                    <a:pt x="200" y="290"/>
                    <a:pt x="290" y="200"/>
                    <a:pt x="400" y="200"/>
                  </a:cubicBezTo>
                  <a:cubicBezTo>
                    <a:pt x="510" y="200"/>
                    <a:pt x="600" y="290"/>
                    <a:pt x="600" y="400"/>
                  </a:cubicBezTo>
                  <a:cubicBezTo>
                    <a:pt x="600" y="510"/>
                    <a:pt x="510" y="600"/>
                    <a:pt x="400" y="6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31">
              <a:extLst>
                <a:ext uri="{FF2B5EF4-FFF2-40B4-BE49-F238E27FC236}">
                  <a16:creationId xmlns:a16="http://schemas.microsoft.com/office/drawing/2014/main" id="{C22F9309-D9F0-14AA-EA81-49C7811C6909}"/>
                </a:ext>
              </a:extLst>
            </p:cNvPr>
            <p:cNvSpPr>
              <a:spLocks/>
            </p:cNvSpPr>
            <p:nvPr/>
          </p:nvSpPr>
          <p:spPr bwMode="auto">
            <a:xfrm>
              <a:off x="-312738" y="2709863"/>
              <a:ext cx="125413" cy="73025"/>
            </a:xfrm>
            <a:custGeom>
              <a:avLst/>
              <a:gdLst>
                <a:gd name="T0" fmla="*/ 1020 w 1091"/>
                <a:gd name="T1" fmla="*/ 440 h 631"/>
                <a:gd name="T2" fmla="*/ 157 w 1091"/>
                <a:gd name="T3" fmla="*/ 24 h 631"/>
                <a:gd name="T4" fmla="*/ 24 w 1091"/>
                <a:gd name="T5" fmla="*/ 71 h 631"/>
                <a:gd name="T6" fmla="*/ 71 w 1091"/>
                <a:gd name="T7" fmla="*/ 204 h 631"/>
                <a:gd name="T8" fmla="*/ 933 w 1091"/>
                <a:gd name="T9" fmla="*/ 621 h 631"/>
                <a:gd name="T10" fmla="*/ 977 w 1091"/>
                <a:gd name="T11" fmla="*/ 631 h 631"/>
                <a:gd name="T12" fmla="*/ 1067 w 1091"/>
                <a:gd name="T13" fmla="*/ 574 h 631"/>
                <a:gd name="T14" fmla="*/ 1020 w 1091"/>
                <a:gd name="T15" fmla="*/ 440 h 6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91" h="631">
                  <a:moveTo>
                    <a:pt x="1020" y="440"/>
                  </a:moveTo>
                  <a:cubicBezTo>
                    <a:pt x="157" y="24"/>
                    <a:pt x="157" y="24"/>
                    <a:pt x="157" y="24"/>
                  </a:cubicBezTo>
                  <a:cubicBezTo>
                    <a:pt x="108" y="0"/>
                    <a:pt x="48" y="21"/>
                    <a:pt x="24" y="71"/>
                  </a:cubicBezTo>
                  <a:cubicBezTo>
                    <a:pt x="0" y="120"/>
                    <a:pt x="21" y="180"/>
                    <a:pt x="71" y="204"/>
                  </a:cubicBezTo>
                  <a:cubicBezTo>
                    <a:pt x="933" y="621"/>
                    <a:pt x="933" y="621"/>
                    <a:pt x="933" y="621"/>
                  </a:cubicBezTo>
                  <a:cubicBezTo>
                    <a:pt x="947" y="627"/>
                    <a:pt x="962" y="631"/>
                    <a:pt x="977" y="631"/>
                  </a:cubicBezTo>
                  <a:cubicBezTo>
                    <a:pt x="1014" y="631"/>
                    <a:pt x="1050" y="610"/>
                    <a:pt x="1067" y="574"/>
                  </a:cubicBezTo>
                  <a:cubicBezTo>
                    <a:pt x="1091" y="524"/>
                    <a:pt x="1070" y="464"/>
                    <a:pt x="1020" y="44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32">
              <a:extLst>
                <a:ext uri="{FF2B5EF4-FFF2-40B4-BE49-F238E27FC236}">
                  <a16:creationId xmlns:a16="http://schemas.microsoft.com/office/drawing/2014/main" id="{714AA549-5B4F-7FA3-51BF-5486D6FED85B}"/>
                </a:ext>
              </a:extLst>
            </p:cNvPr>
            <p:cNvSpPr>
              <a:spLocks noEditPoints="1"/>
            </p:cNvSpPr>
            <p:nvPr/>
          </p:nvSpPr>
          <p:spPr bwMode="auto">
            <a:xfrm>
              <a:off x="-392113" y="2457450"/>
              <a:ext cx="92075" cy="92075"/>
            </a:xfrm>
            <a:custGeom>
              <a:avLst/>
              <a:gdLst>
                <a:gd name="T0" fmla="*/ 400 w 800"/>
                <a:gd name="T1" fmla="*/ 0 h 800"/>
                <a:gd name="T2" fmla="*/ 0 w 800"/>
                <a:gd name="T3" fmla="*/ 400 h 800"/>
                <a:gd name="T4" fmla="*/ 400 w 800"/>
                <a:gd name="T5" fmla="*/ 800 h 800"/>
                <a:gd name="T6" fmla="*/ 800 w 800"/>
                <a:gd name="T7" fmla="*/ 400 h 800"/>
                <a:gd name="T8" fmla="*/ 400 w 800"/>
                <a:gd name="T9" fmla="*/ 0 h 800"/>
                <a:gd name="T10" fmla="*/ 400 w 800"/>
                <a:gd name="T11" fmla="*/ 600 h 800"/>
                <a:gd name="T12" fmla="*/ 200 w 800"/>
                <a:gd name="T13" fmla="*/ 400 h 800"/>
                <a:gd name="T14" fmla="*/ 400 w 800"/>
                <a:gd name="T15" fmla="*/ 200 h 800"/>
                <a:gd name="T16" fmla="*/ 600 w 800"/>
                <a:gd name="T17" fmla="*/ 400 h 800"/>
                <a:gd name="T18" fmla="*/ 400 w 800"/>
                <a:gd name="T19" fmla="*/ 600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0" h="800">
                  <a:moveTo>
                    <a:pt x="400" y="0"/>
                  </a:moveTo>
                  <a:cubicBezTo>
                    <a:pt x="179" y="0"/>
                    <a:pt x="0" y="179"/>
                    <a:pt x="0" y="400"/>
                  </a:cubicBezTo>
                  <a:cubicBezTo>
                    <a:pt x="0" y="621"/>
                    <a:pt x="179" y="800"/>
                    <a:pt x="400" y="800"/>
                  </a:cubicBezTo>
                  <a:cubicBezTo>
                    <a:pt x="621" y="800"/>
                    <a:pt x="800" y="621"/>
                    <a:pt x="800" y="400"/>
                  </a:cubicBezTo>
                  <a:cubicBezTo>
                    <a:pt x="800" y="179"/>
                    <a:pt x="621" y="0"/>
                    <a:pt x="400" y="0"/>
                  </a:cubicBezTo>
                  <a:close/>
                  <a:moveTo>
                    <a:pt x="400" y="600"/>
                  </a:moveTo>
                  <a:cubicBezTo>
                    <a:pt x="290" y="600"/>
                    <a:pt x="200" y="510"/>
                    <a:pt x="200" y="400"/>
                  </a:cubicBezTo>
                  <a:cubicBezTo>
                    <a:pt x="200" y="290"/>
                    <a:pt x="290" y="200"/>
                    <a:pt x="400" y="200"/>
                  </a:cubicBezTo>
                  <a:cubicBezTo>
                    <a:pt x="510" y="200"/>
                    <a:pt x="600" y="290"/>
                    <a:pt x="600" y="400"/>
                  </a:cubicBezTo>
                  <a:cubicBezTo>
                    <a:pt x="600" y="510"/>
                    <a:pt x="510" y="600"/>
                    <a:pt x="400" y="6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33">
              <a:extLst>
                <a:ext uri="{FF2B5EF4-FFF2-40B4-BE49-F238E27FC236}">
                  <a16:creationId xmlns:a16="http://schemas.microsoft.com/office/drawing/2014/main" id="{8580FE10-B60C-5EF7-B37A-19EBA24170F7}"/>
                </a:ext>
              </a:extLst>
            </p:cNvPr>
            <p:cNvSpPr>
              <a:spLocks/>
            </p:cNvSpPr>
            <p:nvPr/>
          </p:nvSpPr>
          <p:spPr bwMode="auto">
            <a:xfrm>
              <a:off x="-463550" y="2409825"/>
              <a:ext cx="103188" cy="84137"/>
            </a:xfrm>
            <a:custGeom>
              <a:avLst/>
              <a:gdLst>
                <a:gd name="T0" fmla="*/ 837 w 889"/>
                <a:gd name="T1" fmla="*/ 551 h 730"/>
                <a:gd name="T2" fmla="*/ 175 w 889"/>
                <a:gd name="T3" fmla="*/ 34 h 730"/>
                <a:gd name="T4" fmla="*/ 34 w 889"/>
                <a:gd name="T5" fmla="*/ 51 h 730"/>
                <a:gd name="T6" fmla="*/ 52 w 889"/>
                <a:gd name="T7" fmla="*/ 192 h 730"/>
                <a:gd name="T8" fmla="*/ 714 w 889"/>
                <a:gd name="T9" fmla="*/ 708 h 730"/>
                <a:gd name="T10" fmla="*/ 776 w 889"/>
                <a:gd name="T11" fmla="*/ 730 h 730"/>
                <a:gd name="T12" fmla="*/ 855 w 889"/>
                <a:gd name="T13" fmla="*/ 691 h 730"/>
                <a:gd name="T14" fmla="*/ 837 w 889"/>
                <a:gd name="T15" fmla="*/ 551 h 73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89" h="730">
                  <a:moveTo>
                    <a:pt x="837" y="551"/>
                  </a:moveTo>
                  <a:cubicBezTo>
                    <a:pt x="175" y="34"/>
                    <a:pt x="175" y="34"/>
                    <a:pt x="175" y="34"/>
                  </a:cubicBezTo>
                  <a:cubicBezTo>
                    <a:pt x="131" y="0"/>
                    <a:pt x="68" y="8"/>
                    <a:pt x="34" y="51"/>
                  </a:cubicBezTo>
                  <a:cubicBezTo>
                    <a:pt x="0" y="95"/>
                    <a:pt x="8" y="158"/>
                    <a:pt x="52" y="192"/>
                  </a:cubicBezTo>
                  <a:cubicBezTo>
                    <a:pt x="714" y="708"/>
                    <a:pt x="714" y="708"/>
                    <a:pt x="714" y="708"/>
                  </a:cubicBezTo>
                  <a:cubicBezTo>
                    <a:pt x="733" y="723"/>
                    <a:pt x="754" y="730"/>
                    <a:pt x="776" y="730"/>
                  </a:cubicBezTo>
                  <a:cubicBezTo>
                    <a:pt x="805" y="730"/>
                    <a:pt x="835" y="716"/>
                    <a:pt x="855" y="691"/>
                  </a:cubicBezTo>
                  <a:cubicBezTo>
                    <a:pt x="889" y="647"/>
                    <a:pt x="881" y="585"/>
                    <a:pt x="837" y="55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34">
              <a:extLst>
                <a:ext uri="{FF2B5EF4-FFF2-40B4-BE49-F238E27FC236}">
                  <a16:creationId xmlns:a16="http://schemas.microsoft.com/office/drawing/2014/main" id="{42161A2A-A083-6359-76C8-0605F0CC4E76}"/>
                </a:ext>
              </a:extLst>
            </p:cNvPr>
            <p:cNvSpPr>
              <a:spLocks noEditPoints="1"/>
            </p:cNvSpPr>
            <p:nvPr/>
          </p:nvSpPr>
          <p:spPr bwMode="auto">
            <a:xfrm>
              <a:off x="-265113" y="2444750"/>
              <a:ext cx="254000" cy="255587"/>
            </a:xfrm>
            <a:custGeom>
              <a:avLst/>
              <a:gdLst>
                <a:gd name="T0" fmla="*/ 1100 w 2200"/>
                <a:gd name="T1" fmla="*/ 0 h 2200"/>
                <a:gd name="T2" fmla="*/ 0 w 2200"/>
                <a:gd name="T3" fmla="*/ 1100 h 2200"/>
                <a:gd name="T4" fmla="*/ 1100 w 2200"/>
                <a:gd name="T5" fmla="*/ 2200 h 2200"/>
                <a:gd name="T6" fmla="*/ 2200 w 2200"/>
                <a:gd name="T7" fmla="*/ 1100 h 2200"/>
                <a:gd name="T8" fmla="*/ 1100 w 2200"/>
                <a:gd name="T9" fmla="*/ 0 h 2200"/>
                <a:gd name="T10" fmla="*/ 1100 w 2200"/>
                <a:gd name="T11" fmla="*/ 2000 h 2200"/>
                <a:gd name="T12" fmla="*/ 200 w 2200"/>
                <a:gd name="T13" fmla="*/ 1100 h 2200"/>
                <a:gd name="T14" fmla="*/ 1100 w 2200"/>
                <a:gd name="T15" fmla="*/ 200 h 2200"/>
                <a:gd name="T16" fmla="*/ 2000 w 2200"/>
                <a:gd name="T17" fmla="*/ 1100 h 2200"/>
                <a:gd name="T18" fmla="*/ 1100 w 2200"/>
                <a:gd name="T19" fmla="*/ 2000 h 2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00" h="2200">
                  <a:moveTo>
                    <a:pt x="1100" y="0"/>
                  </a:moveTo>
                  <a:cubicBezTo>
                    <a:pt x="493" y="0"/>
                    <a:pt x="0" y="494"/>
                    <a:pt x="0" y="1100"/>
                  </a:cubicBezTo>
                  <a:cubicBezTo>
                    <a:pt x="0" y="1707"/>
                    <a:pt x="493" y="2200"/>
                    <a:pt x="1100" y="2200"/>
                  </a:cubicBezTo>
                  <a:cubicBezTo>
                    <a:pt x="1707" y="2200"/>
                    <a:pt x="2200" y="1707"/>
                    <a:pt x="2200" y="1100"/>
                  </a:cubicBezTo>
                  <a:cubicBezTo>
                    <a:pt x="2200" y="494"/>
                    <a:pt x="1707" y="0"/>
                    <a:pt x="1100" y="0"/>
                  </a:cubicBezTo>
                  <a:close/>
                  <a:moveTo>
                    <a:pt x="1100" y="2000"/>
                  </a:moveTo>
                  <a:cubicBezTo>
                    <a:pt x="604" y="2000"/>
                    <a:pt x="200" y="1596"/>
                    <a:pt x="200" y="1100"/>
                  </a:cubicBezTo>
                  <a:cubicBezTo>
                    <a:pt x="200" y="604"/>
                    <a:pt x="604" y="200"/>
                    <a:pt x="1100" y="200"/>
                  </a:cubicBezTo>
                  <a:cubicBezTo>
                    <a:pt x="1596" y="200"/>
                    <a:pt x="2000" y="604"/>
                    <a:pt x="2000" y="1100"/>
                  </a:cubicBezTo>
                  <a:cubicBezTo>
                    <a:pt x="2000" y="1596"/>
                    <a:pt x="1596" y="2000"/>
                    <a:pt x="1100" y="20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35">
              <a:extLst>
                <a:ext uri="{FF2B5EF4-FFF2-40B4-BE49-F238E27FC236}">
                  <a16:creationId xmlns:a16="http://schemas.microsoft.com/office/drawing/2014/main" id="{75892AB8-43E5-2BC4-D624-61B7484B154A}"/>
                </a:ext>
              </a:extLst>
            </p:cNvPr>
            <p:cNvSpPr>
              <a:spLocks noEditPoints="1"/>
            </p:cNvSpPr>
            <p:nvPr/>
          </p:nvSpPr>
          <p:spPr bwMode="auto">
            <a:xfrm>
              <a:off x="-184150" y="2492375"/>
              <a:ext cx="92075" cy="92075"/>
            </a:xfrm>
            <a:custGeom>
              <a:avLst/>
              <a:gdLst>
                <a:gd name="T0" fmla="*/ 400 w 800"/>
                <a:gd name="T1" fmla="*/ 0 h 800"/>
                <a:gd name="T2" fmla="*/ 0 w 800"/>
                <a:gd name="T3" fmla="*/ 400 h 800"/>
                <a:gd name="T4" fmla="*/ 400 w 800"/>
                <a:gd name="T5" fmla="*/ 800 h 800"/>
                <a:gd name="T6" fmla="*/ 800 w 800"/>
                <a:gd name="T7" fmla="*/ 400 h 800"/>
                <a:gd name="T8" fmla="*/ 400 w 800"/>
                <a:gd name="T9" fmla="*/ 0 h 800"/>
                <a:gd name="T10" fmla="*/ 400 w 800"/>
                <a:gd name="T11" fmla="*/ 600 h 800"/>
                <a:gd name="T12" fmla="*/ 200 w 800"/>
                <a:gd name="T13" fmla="*/ 400 h 800"/>
                <a:gd name="T14" fmla="*/ 400 w 800"/>
                <a:gd name="T15" fmla="*/ 200 h 800"/>
                <a:gd name="T16" fmla="*/ 600 w 800"/>
                <a:gd name="T17" fmla="*/ 400 h 800"/>
                <a:gd name="T18" fmla="*/ 400 w 800"/>
                <a:gd name="T19" fmla="*/ 600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0" h="800">
                  <a:moveTo>
                    <a:pt x="400" y="0"/>
                  </a:moveTo>
                  <a:cubicBezTo>
                    <a:pt x="179" y="0"/>
                    <a:pt x="0" y="179"/>
                    <a:pt x="0" y="400"/>
                  </a:cubicBezTo>
                  <a:cubicBezTo>
                    <a:pt x="0" y="621"/>
                    <a:pt x="179" y="800"/>
                    <a:pt x="400" y="800"/>
                  </a:cubicBezTo>
                  <a:cubicBezTo>
                    <a:pt x="621" y="800"/>
                    <a:pt x="800" y="621"/>
                    <a:pt x="800" y="400"/>
                  </a:cubicBezTo>
                  <a:cubicBezTo>
                    <a:pt x="800" y="179"/>
                    <a:pt x="621" y="0"/>
                    <a:pt x="400" y="0"/>
                  </a:cubicBezTo>
                  <a:close/>
                  <a:moveTo>
                    <a:pt x="400" y="600"/>
                  </a:moveTo>
                  <a:cubicBezTo>
                    <a:pt x="290" y="600"/>
                    <a:pt x="200" y="510"/>
                    <a:pt x="200" y="400"/>
                  </a:cubicBezTo>
                  <a:cubicBezTo>
                    <a:pt x="200" y="290"/>
                    <a:pt x="290" y="200"/>
                    <a:pt x="400" y="200"/>
                  </a:cubicBezTo>
                  <a:cubicBezTo>
                    <a:pt x="510" y="200"/>
                    <a:pt x="600" y="290"/>
                    <a:pt x="600" y="400"/>
                  </a:cubicBezTo>
                  <a:cubicBezTo>
                    <a:pt x="600" y="510"/>
                    <a:pt x="510" y="600"/>
                    <a:pt x="400" y="6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36">
              <a:extLst>
                <a:ext uri="{FF2B5EF4-FFF2-40B4-BE49-F238E27FC236}">
                  <a16:creationId xmlns:a16="http://schemas.microsoft.com/office/drawing/2014/main" id="{96E8BF9B-FBC2-7083-297B-E648E9128A87}"/>
                </a:ext>
              </a:extLst>
            </p:cNvPr>
            <p:cNvSpPr>
              <a:spLocks noEditPoints="1"/>
            </p:cNvSpPr>
            <p:nvPr/>
          </p:nvSpPr>
          <p:spPr bwMode="auto">
            <a:xfrm>
              <a:off x="-207963" y="2606675"/>
              <a:ext cx="138113" cy="93662"/>
            </a:xfrm>
            <a:custGeom>
              <a:avLst/>
              <a:gdLst>
                <a:gd name="T0" fmla="*/ 890 w 1200"/>
                <a:gd name="T1" fmla="*/ 0 h 800"/>
                <a:gd name="T2" fmla="*/ 310 w 1200"/>
                <a:gd name="T3" fmla="*/ 0 h 800"/>
                <a:gd name="T4" fmla="*/ 0 w 1200"/>
                <a:gd name="T5" fmla="*/ 301 h 800"/>
                <a:gd name="T6" fmla="*/ 0 w 1200"/>
                <a:gd name="T7" fmla="*/ 565 h 800"/>
                <a:gd name="T8" fmla="*/ 50 w 1200"/>
                <a:gd name="T9" fmla="*/ 652 h 800"/>
                <a:gd name="T10" fmla="*/ 600 w 1200"/>
                <a:gd name="T11" fmla="*/ 800 h 800"/>
                <a:gd name="T12" fmla="*/ 1150 w 1200"/>
                <a:gd name="T13" fmla="*/ 652 h 800"/>
                <a:gd name="T14" fmla="*/ 1200 w 1200"/>
                <a:gd name="T15" fmla="*/ 565 h 800"/>
                <a:gd name="T16" fmla="*/ 1200 w 1200"/>
                <a:gd name="T17" fmla="*/ 302 h 800"/>
                <a:gd name="T18" fmla="*/ 890 w 1200"/>
                <a:gd name="T19" fmla="*/ 0 h 800"/>
                <a:gd name="T20" fmla="*/ 1000 w 1200"/>
                <a:gd name="T21" fmla="*/ 505 h 800"/>
                <a:gd name="T22" fmla="*/ 200 w 1200"/>
                <a:gd name="T23" fmla="*/ 505 h 800"/>
                <a:gd name="T24" fmla="*/ 200 w 1200"/>
                <a:gd name="T25" fmla="*/ 302 h 800"/>
                <a:gd name="T26" fmla="*/ 310 w 1200"/>
                <a:gd name="T27" fmla="*/ 200 h 800"/>
                <a:gd name="T28" fmla="*/ 890 w 1200"/>
                <a:gd name="T29" fmla="*/ 200 h 800"/>
                <a:gd name="T30" fmla="*/ 1000 w 1200"/>
                <a:gd name="T31" fmla="*/ 302 h 800"/>
                <a:gd name="T32" fmla="*/ 1000 w 1200"/>
                <a:gd name="T33" fmla="*/ 505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00" h="800">
                  <a:moveTo>
                    <a:pt x="890" y="0"/>
                  </a:moveTo>
                  <a:cubicBezTo>
                    <a:pt x="310" y="0"/>
                    <a:pt x="310" y="0"/>
                    <a:pt x="310" y="0"/>
                  </a:cubicBezTo>
                  <a:cubicBezTo>
                    <a:pt x="139" y="0"/>
                    <a:pt x="0" y="135"/>
                    <a:pt x="0" y="301"/>
                  </a:cubicBezTo>
                  <a:cubicBezTo>
                    <a:pt x="0" y="565"/>
                    <a:pt x="0" y="565"/>
                    <a:pt x="0" y="565"/>
                  </a:cubicBezTo>
                  <a:cubicBezTo>
                    <a:pt x="0" y="601"/>
                    <a:pt x="19" y="634"/>
                    <a:pt x="50" y="652"/>
                  </a:cubicBezTo>
                  <a:cubicBezTo>
                    <a:pt x="218" y="749"/>
                    <a:pt x="408" y="800"/>
                    <a:pt x="600" y="800"/>
                  </a:cubicBezTo>
                  <a:cubicBezTo>
                    <a:pt x="792" y="800"/>
                    <a:pt x="983" y="749"/>
                    <a:pt x="1150" y="652"/>
                  </a:cubicBezTo>
                  <a:cubicBezTo>
                    <a:pt x="1181" y="634"/>
                    <a:pt x="1200" y="601"/>
                    <a:pt x="1200" y="565"/>
                  </a:cubicBezTo>
                  <a:cubicBezTo>
                    <a:pt x="1200" y="302"/>
                    <a:pt x="1200" y="302"/>
                    <a:pt x="1200" y="302"/>
                  </a:cubicBezTo>
                  <a:cubicBezTo>
                    <a:pt x="1200" y="135"/>
                    <a:pt x="1061" y="0"/>
                    <a:pt x="890" y="0"/>
                  </a:cubicBezTo>
                  <a:close/>
                  <a:moveTo>
                    <a:pt x="1000" y="505"/>
                  </a:moveTo>
                  <a:cubicBezTo>
                    <a:pt x="751" y="629"/>
                    <a:pt x="449" y="629"/>
                    <a:pt x="200" y="505"/>
                  </a:cubicBezTo>
                  <a:cubicBezTo>
                    <a:pt x="200" y="302"/>
                    <a:pt x="200" y="302"/>
                    <a:pt x="200" y="302"/>
                  </a:cubicBezTo>
                  <a:cubicBezTo>
                    <a:pt x="200" y="246"/>
                    <a:pt x="249" y="200"/>
                    <a:pt x="310" y="200"/>
                  </a:cubicBezTo>
                  <a:cubicBezTo>
                    <a:pt x="890" y="200"/>
                    <a:pt x="890" y="200"/>
                    <a:pt x="890" y="200"/>
                  </a:cubicBezTo>
                  <a:cubicBezTo>
                    <a:pt x="951" y="200"/>
                    <a:pt x="1000" y="246"/>
                    <a:pt x="1000" y="302"/>
                  </a:cubicBezTo>
                  <a:cubicBezTo>
                    <a:pt x="1000" y="505"/>
                    <a:pt x="1000" y="505"/>
                    <a:pt x="1000" y="50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Freeform 37">
              <a:extLst>
                <a:ext uri="{FF2B5EF4-FFF2-40B4-BE49-F238E27FC236}">
                  <a16:creationId xmlns:a16="http://schemas.microsoft.com/office/drawing/2014/main" id="{BED2724F-0521-24FC-19AA-41A54A636B48}"/>
                </a:ext>
              </a:extLst>
            </p:cNvPr>
            <p:cNvSpPr>
              <a:spLocks noEditPoints="1"/>
            </p:cNvSpPr>
            <p:nvPr/>
          </p:nvSpPr>
          <p:spPr bwMode="auto">
            <a:xfrm>
              <a:off x="-541338" y="2584450"/>
              <a:ext cx="252413" cy="254000"/>
            </a:xfrm>
            <a:custGeom>
              <a:avLst/>
              <a:gdLst>
                <a:gd name="T0" fmla="*/ 1100 w 2200"/>
                <a:gd name="T1" fmla="*/ 0 h 2200"/>
                <a:gd name="T2" fmla="*/ 0 w 2200"/>
                <a:gd name="T3" fmla="*/ 1100 h 2200"/>
                <a:gd name="T4" fmla="*/ 1100 w 2200"/>
                <a:gd name="T5" fmla="*/ 2200 h 2200"/>
                <a:gd name="T6" fmla="*/ 2200 w 2200"/>
                <a:gd name="T7" fmla="*/ 1100 h 2200"/>
                <a:gd name="T8" fmla="*/ 1100 w 2200"/>
                <a:gd name="T9" fmla="*/ 0 h 2200"/>
                <a:gd name="T10" fmla="*/ 1100 w 2200"/>
                <a:gd name="T11" fmla="*/ 2000 h 2200"/>
                <a:gd name="T12" fmla="*/ 200 w 2200"/>
                <a:gd name="T13" fmla="*/ 1100 h 2200"/>
                <a:gd name="T14" fmla="*/ 1100 w 2200"/>
                <a:gd name="T15" fmla="*/ 200 h 2200"/>
                <a:gd name="T16" fmla="*/ 2000 w 2200"/>
                <a:gd name="T17" fmla="*/ 1100 h 2200"/>
                <a:gd name="T18" fmla="*/ 1100 w 2200"/>
                <a:gd name="T19" fmla="*/ 2000 h 2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00" h="2200">
                  <a:moveTo>
                    <a:pt x="1100" y="0"/>
                  </a:moveTo>
                  <a:cubicBezTo>
                    <a:pt x="493" y="0"/>
                    <a:pt x="0" y="494"/>
                    <a:pt x="0" y="1100"/>
                  </a:cubicBezTo>
                  <a:cubicBezTo>
                    <a:pt x="0" y="1707"/>
                    <a:pt x="493" y="2200"/>
                    <a:pt x="1100" y="2200"/>
                  </a:cubicBezTo>
                  <a:cubicBezTo>
                    <a:pt x="1707" y="2200"/>
                    <a:pt x="2200" y="1706"/>
                    <a:pt x="2200" y="1100"/>
                  </a:cubicBezTo>
                  <a:cubicBezTo>
                    <a:pt x="2200" y="493"/>
                    <a:pt x="1707" y="0"/>
                    <a:pt x="1100" y="0"/>
                  </a:cubicBezTo>
                  <a:close/>
                  <a:moveTo>
                    <a:pt x="1100" y="2000"/>
                  </a:moveTo>
                  <a:cubicBezTo>
                    <a:pt x="604" y="2000"/>
                    <a:pt x="200" y="1596"/>
                    <a:pt x="200" y="1100"/>
                  </a:cubicBezTo>
                  <a:cubicBezTo>
                    <a:pt x="200" y="604"/>
                    <a:pt x="604" y="200"/>
                    <a:pt x="1100" y="200"/>
                  </a:cubicBezTo>
                  <a:cubicBezTo>
                    <a:pt x="1596" y="200"/>
                    <a:pt x="2000" y="604"/>
                    <a:pt x="2000" y="1100"/>
                  </a:cubicBezTo>
                  <a:cubicBezTo>
                    <a:pt x="2000" y="1596"/>
                    <a:pt x="1596" y="2000"/>
                    <a:pt x="1100" y="20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38">
              <a:extLst>
                <a:ext uri="{FF2B5EF4-FFF2-40B4-BE49-F238E27FC236}">
                  <a16:creationId xmlns:a16="http://schemas.microsoft.com/office/drawing/2014/main" id="{F5188FF6-844C-451C-7F34-0F41526C2121}"/>
                </a:ext>
              </a:extLst>
            </p:cNvPr>
            <p:cNvSpPr>
              <a:spLocks noEditPoints="1"/>
            </p:cNvSpPr>
            <p:nvPr/>
          </p:nvSpPr>
          <p:spPr bwMode="auto">
            <a:xfrm>
              <a:off x="-461963" y="2630488"/>
              <a:ext cx="93663" cy="92075"/>
            </a:xfrm>
            <a:custGeom>
              <a:avLst/>
              <a:gdLst>
                <a:gd name="T0" fmla="*/ 400 w 800"/>
                <a:gd name="T1" fmla="*/ 0 h 800"/>
                <a:gd name="T2" fmla="*/ 0 w 800"/>
                <a:gd name="T3" fmla="*/ 400 h 800"/>
                <a:gd name="T4" fmla="*/ 400 w 800"/>
                <a:gd name="T5" fmla="*/ 800 h 800"/>
                <a:gd name="T6" fmla="*/ 800 w 800"/>
                <a:gd name="T7" fmla="*/ 400 h 800"/>
                <a:gd name="T8" fmla="*/ 400 w 800"/>
                <a:gd name="T9" fmla="*/ 0 h 800"/>
                <a:gd name="T10" fmla="*/ 400 w 800"/>
                <a:gd name="T11" fmla="*/ 600 h 800"/>
                <a:gd name="T12" fmla="*/ 200 w 800"/>
                <a:gd name="T13" fmla="*/ 400 h 800"/>
                <a:gd name="T14" fmla="*/ 400 w 800"/>
                <a:gd name="T15" fmla="*/ 200 h 800"/>
                <a:gd name="T16" fmla="*/ 600 w 800"/>
                <a:gd name="T17" fmla="*/ 400 h 800"/>
                <a:gd name="T18" fmla="*/ 400 w 800"/>
                <a:gd name="T19" fmla="*/ 600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0" h="800">
                  <a:moveTo>
                    <a:pt x="400" y="0"/>
                  </a:moveTo>
                  <a:cubicBezTo>
                    <a:pt x="179" y="0"/>
                    <a:pt x="0" y="179"/>
                    <a:pt x="0" y="400"/>
                  </a:cubicBezTo>
                  <a:cubicBezTo>
                    <a:pt x="0" y="621"/>
                    <a:pt x="179" y="800"/>
                    <a:pt x="400" y="800"/>
                  </a:cubicBezTo>
                  <a:cubicBezTo>
                    <a:pt x="621" y="800"/>
                    <a:pt x="800" y="621"/>
                    <a:pt x="800" y="400"/>
                  </a:cubicBezTo>
                  <a:cubicBezTo>
                    <a:pt x="800" y="179"/>
                    <a:pt x="621" y="0"/>
                    <a:pt x="400" y="0"/>
                  </a:cubicBezTo>
                  <a:close/>
                  <a:moveTo>
                    <a:pt x="400" y="600"/>
                  </a:moveTo>
                  <a:cubicBezTo>
                    <a:pt x="290" y="600"/>
                    <a:pt x="200" y="510"/>
                    <a:pt x="200" y="400"/>
                  </a:cubicBezTo>
                  <a:cubicBezTo>
                    <a:pt x="200" y="290"/>
                    <a:pt x="290" y="200"/>
                    <a:pt x="400" y="200"/>
                  </a:cubicBezTo>
                  <a:cubicBezTo>
                    <a:pt x="510" y="200"/>
                    <a:pt x="600" y="290"/>
                    <a:pt x="600" y="400"/>
                  </a:cubicBezTo>
                  <a:cubicBezTo>
                    <a:pt x="600" y="510"/>
                    <a:pt x="510" y="600"/>
                    <a:pt x="400" y="6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39">
              <a:extLst>
                <a:ext uri="{FF2B5EF4-FFF2-40B4-BE49-F238E27FC236}">
                  <a16:creationId xmlns:a16="http://schemas.microsoft.com/office/drawing/2014/main" id="{9DC1F94A-1E4F-37FB-64DF-D2781C00E7DA}"/>
                </a:ext>
              </a:extLst>
            </p:cNvPr>
            <p:cNvSpPr>
              <a:spLocks noEditPoints="1"/>
            </p:cNvSpPr>
            <p:nvPr/>
          </p:nvSpPr>
          <p:spPr bwMode="auto">
            <a:xfrm>
              <a:off x="-484188" y="2746375"/>
              <a:ext cx="138113" cy="92075"/>
            </a:xfrm>
            <a:custGeom>
              <a:avLst/>
              <a:gdLst>
                <a:gd name="T0" fmla="*/ 890 w 1200"/>
                <a:gd name="T1" fmla="*/ 0 h 800"/>
                <a:gd name="T2" fmla="*/ 310 w 1200"/>
                <a:gd name="T3" fmla="*/ 0 h 800"/>
                <a:gd name="T4" fmla="*/ 0 w 1200"/>
                <a:gd name="T5" fmla="*/ 301 h 800"/>
                <a:gd name="T6" fmla="*/ 0 w 1200"/>
                <a:gd name="T7" fmla="*/ 565 h 800"/>
                <a:gd name="T8" fmla="*/ 50 w 1200"/>
                <a:gd name="T9" fmla="*/ 652 h 800"/>
                <a:gd name="T10" fmla="*/ 600 w 1200"/>
                <a:gd name="T11" fmla="*/ 800 h 800"/>
                <a:gd name="T12" fmla="*/ 1150 w 1200"/>
                <a:gd name="T13" fmla="*/ 652 h 800"/>
                <a:gd name="T14" fmla="*/ 1200 w 1200"/>
                <a:gd name="T15" fmla="*/ 565 h 800"/>
                <a:gd name="T16" fmla="*/ 1200 w 1200"/>
                <a:gd name="T17" fmla="*/ 302 h 800"/>
                <a:gd name="T18" fmla="*/ 890 w 1200"/>
                <a:gd name="T19" fmla="*/ 0 h 800"/>
                <a:gd name="T20" fmla="*/ 1000 w 1200"/>
                <a:gd name="T21" fmla="*/ 505 h 800"/>
                <a:gd name="T22" fmla="*/ 200 w 1200"/>
                <a:gd name="T23" fmla="*/ 505 h 800"/>
                <a:gd name="T24" fmla="*/ 200 w 1200"/>
                <a:gd name="T25" fmla="*/ 302 h 800"/>
                <a:gd name="T26" fmla="*/ 310 w 1200"/>
                <a:gd name="T27" fmla="*/ 200 h 800"/>
                <a:gd name="T28" fmla="*/ 890 w 1200"/>
                <a:gd name="T29" fmla="*/ 200 h 800"/>
                <a:gd name="T30" fmla="*/ 1000 w 1200"/>
                <a:gd name="T31" fmla="*/ 302 h 800"/>
                <a:gd name="T32" fmla="*/ 1000 w 1200"/>
                <a:gd name="T33" fmla="*/ 505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00" h="800">
                  <a:moveTo>
                    <a:pt x="890" y="0"/>
                  </a:moveTo>
                  <a:cubicBezTo>
                    <a:pt x="310" y="0"/>
                    <a:pt x="310" y="0"/>
                    <a:pt x="310" y="0"/>
                  </a:cubicBezTo>
                  <a:cubicBezTo>
                    <a:pt x="139" y="0"/>
                    <a:pt x="0" y="135"/>
                    <a:pt x="0" y="301"/>
                  </a:cubicBezTo>
                  <a:cubicBezTo>
                    <a:pt x="0" y="565"/>
                    <a:pt x="0" y="565"/>
                    <a:pt x="0" y="565"/>
                  </a:cubicBezTo>
                  <a:cubicBezTo>
                    <a:pt x="0" y="601"/>
                    <a:pt x="19" y="634"/>
                    <a:pt x="50" y="652"/>
                  </a:cubicBezTo>
                  <a:cubicBezTo>
                    <a:pt x="218" y="749"/>
                    <a:pt x="408" y="800"/>
                    <a:pt x="600" y="800"/>
                  </a:cubicBezTo>
                  <a:cubicBezTo>
                    <a:pt x="792" y="800"/>
                    <a:pt x="983" y="749"/>
                    <a:pt x="1150" y="652"/>
                  </a:cubicBezTo>
                  <a:cubicBezTo>
                    <a:pt x="1181" y="634"/>
                    <a:pt x="1200" y="601"/>
                    <a:pt x="1200" y="565"/>
                  </a:cubicBezTo>
                  <a:cubicBezTo>
                    <a:pt x="1200" y="302"/>
                    <a:pt x="1200" y="302"/>
                    <a:pt x="1200" y="302"/>
                  </a:cubicBezTo>
                  <a:cubicBezTo>
                    <a:pt x="1200" y="135"/>
                    <a:pt x="1061" y="0"/>
                    <a:pt x="890" y="0"/>
                  </a:cubicBezTo>
                  <a:close/>
                  <a:moveTo>
                    <a:pt x="1000" y="505"/>
                  </a:moveTo>
                  <a:cubicBezTo>
                    <a:pt x="751" y="629"/>
                    <a:pt x="449" y="629"/>
                    <a:pt x="200" y="505"/>
                  </a:cubicBezTo>
                  <a:cubicBezTo>
                    <a:pt x="200" y="302"/>
                    <a:pt x="200" y="302"/>
                    <a:pt x="200" y="302"/>
                  </a:cubicBezTo>
                  <a:cubicBezTo>
                    <a:pt x="200" y="246"/>
                    <a:pt x="249" y="200"/>
                    <a:pt x="310" y="200"/>
                  </a:cubicBezTo>
                  <a:cubicBezTo>
                    <a:pt x="890" y="200"/>
                    <a:pt x="890" y="200"/>
                    <a:pt x="890" y="200"/>
                  </a:cubicBezTo>
                  <a:cubicBezTo>
                    <a:pt x="951" y="200"/>
                    <a:pt x="1000" y="246"/>
                    <a:pt x="1000" y="302"/>
                  </a:cubicBezTo>
                  <a:cubicBezTo>
                    <a:pt x="1000" y="505"/>
                    <a:pt x="1000" y="505"/>
                    <a:pt x="1000" y="50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40">
              <a:extLst>
                <a:ext uri="{FF2B5EF4-FFF2-40B4-BE49-F238E27FC236}">
                  <a16:creationId xmlns:a16="http://schemas.microsoft.com/office/drawing/2014/main" id="{176B1EF9-687C-A84E-281C-540AE3ABD602}"/>
                </a:ext>
              </a:extLst>
            </p:cNvPr>
            <p:cNvSpPr>
              <a:spLocks noEditPoints="1"/>
            </p:cNvSpPr>
            <p:nvPr/>
          </p:nvSpPr>
          <p:spPr bwMode="auto">
            <a:xfrm>
              <a:off x="-692150" y="2295525"/>
              <a:ext cx="254000" cy="254000"/>
            </a:xfrm>
            <a:custGeom>
              <a:avLst/>
              <a:gdLst>
                <a:gd name="T0" fmla="*/ 1100 w 2200"/>
                <a:gd name="T1" fmla="*/ 0 h 2200"/>
                <a:gd name="T2" fmla="*/ 0 w 2200"/>
                <a:gd name="T3" fmla="*/ 1100 h 2200"/>
                <a:gd name="T4" fmla="*/ 1100 w 2200"/>
                <a:gd name="T5" fmla="*/ 2200 h 2200"/>
                <a:gd name="T6" fmla="*/ 2200 w 2200"/>
                <a:gd name="T7" fmla="*/ 1100 h 2200"/>
                <a:gd name="T8" fmla="*/ 1100 w 2200"/>
                <a:gd name="T9" fmla="*/ 0 h 2200"/>
                <a:gd name="T10" fmla="*/ 1100 w 2200"/>
                <a:gd name="T11" fmla="*/ 2000 h 2200"/>
                <a:gd name="T12" fmla="*/ 200 w 2200"/>
                <a:gd name="T13" fmla="*/ 1100 h 2200"/>
                <a:gd name="T14" fmla="*/ 1100 w 2200"/>
                <a:gd name="T15" fmla="*/ 200 h 2200"/>
                <a:gd name="T16" fmla="*/ 2000 w 2200"/>
                <a:gd name="T17" fmla="*/ 1100 h 2200"/>
                <a:gd name="T18" fmla="*/ 1100 w 2200"/>
                <a:gd name="T19" fmla="*/ 2000 h 2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00" h="2200">
                  <a:moveTo>
                    <a:pt x="1100" y="0"/>
                  </a:moveTo>
                  <a:cubicBezTo>
                    <a:pt x="494" y="0"/>
                    <a:pt x="0" y="493"/>
                    <a:pt x="0" y="1100"/>
                  </a:cubicBezTo>
                  <a:cubicBezTo>
                    <a:pt x="0" y="1707"/>
                    <a:pt x="494" y="2200"/>
                    <a:pt x="1100" y="2200"/>
                  </a:cubicBezTo>
                  <a:cubicBezTo>
                    <a:pt x="1707" y="2200"/>
                    <a:pt x="2200" y="1707"/>
                    <a:pt x="2200" y="1100"/>
                  </a:cubicBezTo>
                  <a:cubicBezTo>
                    <a:pt x="2200" y="493"/>
                    <a:pt x="1706" y="0"/>
                    <a:pt x="1100" y="0"/>
                  </a:cubicBezTo>
                  <a:close/>
                  <a:moveTo>
                    <a:pt x="1100" y="2000"/>
                  </a:moveTo>
                  <a:cubicBezTo>
                    <a:pt x="604" y="2000"/>
                    <a:pt x="200" y="1596"/>
                    <a:pt x="200" y="1100"/>
                  </a:cubicBezTo>
                  <a:cubicBezTo>
                    <a:pt x="200" y="604"/>
                    <a:pt x="604" y="200"/>
                    <a:pt x="1100" y="200"/>
                  </a:cubicBezTo>
                  <a:cubicBezTo>
                    <a:pt x="1596" y="200"/>
                    <a:pt x="2000" y="604"/>
                    <a:pt x="2000" y="1100"/>
                  </a:cubicBezTo>
                  <a:cubicBezTo>
                    <a:pt x="2000" y="1596"/>
                    <a:pt x="1596" y="2000"/>
                    <a:pt x="1100" y="20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41">
              <a:extLst>
                <a:ext uri="{FF2B5EF4-FFF2-40B4-BE49-F238E27FC236}">
                  <a16:creationId xmlns:a16="http://schemas.microsoft.com/office/drawing/2014/main" id="{D0E8F451-9F95-6F51-3BD6-93C5D724F881}"/>
                </a:ext>
              </a:extLst>
            </p:cNvPr>
            <p:cNvSpPr>
              <a:spLocks noEditPoints="1"/>
            </p:cNvSpPr>
            <p:nvPr/>
          </p:nvSpPr>
          <p:spPr bwMode="auto">
            <a:xfrm>
              <a:off x="-611188" y="2341563"/>
              <a:ext cx="92075" cy="92075"/>
            </a:xfrm>
            <a:custGeom>
              <a:avLst/>
              <a:gdLst>
                <a:gd name="T0" fmla="*/ 400 w 800"/>
                <a:gd name="T1" fmla="*/ 0 h 800"/>
                <a:gd name="T2" fmla="*/ 0 w 800"/>
                <a:gd name="T3" fmla="*/ 400 h 800"/>
                <a:gd name="T4" fmla="*/ 400 w 800"/>
                <a:gd name="T5" fmla="*/ 800 h 800"/>
                <a:gd name="T6" fmla="*/ 800 w 800"/>
                <a:gd name="T7" fmla="*/ 400 h 800"/>
                <a:gd name="T8" fmla="*/ 400 w 800"/>
                <a:gd name="T9" fmla="*/ 0 h 800"/>
                <a:gd name="T10" fmla="*/ 400 w 800"/>
                <a:gd name="T11" fmla="*/ 600 h 800"/>
                <a:gd name="T12" fmla="*/ 200 w 800"/>
                <a:gd name="T13" fmla="*/ 400 h 800"/>
                <a:gd name="T14" fmla="*/ 400 w 800"/>
                <a:gd name="T15" fmla="*/ 200 h 800"/>
                <a:gd name="T16" fmla="*/ 600 w 800"/>
                <a:gd name="T17" fmla="*/ 400 h 800"/>
                <a:gd name="T18" fmla="*/ 400 w 800"/>
                <a:gd name="T19" fmla="*/ 600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0" h="800">
                  <a:moveTo>
                    <a:pt x="400" y="0"/>
                  </a:moveTo>
                  <a:cubicBezTo>
                    <a:pt x="179" y="0"/>
                    <a:pt x="0" y="179"/>
                    <a:pt x="0" y="400"/>
                  </a:cubicBezTo>
                  <a:cubicBezTo>
                    <a:pt x="0" y="621"/>
                    <a:pt x="179" y="800"/>
                    <a:pt x="400" y="800"/>
                  </a:cubicBezTo>
                  <a:cubicBezTo>
                    <a:pt x="621" y="800"/>
                    <a:pt x="800" y="621"/>
                    <a:pt x="800" y="400"/>
                  </a:cubicBezTo>
                  <a:cubicBezTo>
                    <a:pt x="800" y="179"/>
                    <a:pt x="621" y="0"/>
                    <a:pt x="400" y="0"/>
                  </a:cubicBezTo>
                  <a:close/>
                  <a:moveTo>
                    <a:pt x="400" y="600"/>
                  </a:moveTo>
                  <a:cubicBezTo>
                    <a:pt x="290" y="600"/>
                    <a:pt x="200" y="510"/>
                    <a:pt x="200" y="400"/>
                  </a:cubicBezTo>
                  <a:cubicBezTo>
                    <a:pt x="200" y="290"/>
                    <a:pt x="290" y="200"/>
                    <a:pt x="400" y="200"/>
                  </a:cubicBezTo>
                  <a:cubicBezTo>
                    <a:pt x="510" y="200"/>
                    <a:pt x="600" y="290"/>
                    <a:pt x="600" y="400"/>
                  </a:cubicBezTo>
                  <a:cubicBezTo>
                    <a:pt x="600" y="510"/>
                    <a:pt x="510" y="600"/>
                    <a:pt x="400" y="6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42">
              <a:extLst>
                <a:ext uri="{FF2B5EF4-FFF2-40B4-BE49-F238E27FC236}">
                  <a16:creationId xmlns:a16="http://schemas.microsoft.com/office/drawing/2014/main" id="{EF449CF2-3175-29A9-CE46-CA40CFCEE1BA}"/>
                </a:ext>
              </a:extLst>
            </p:cNvPr>
            <p:cNvSpPr>
              <a:spLocks noEditPoints="1"/>
            </p:cNvSpPr>
            <p:nvPr/>
          </p:nvSpPr>
          <p:spPr bwMode="auto">
            <a:xfrm>
              <a:off x="-635000" y="2457450"/>
              <a:ext cx="139700" cy="92075"/>
            </a:xfrm>
            <a:custGeom>
              <a:avLst/>
              <a:gdLst>
                <a:gd name="T0" fmla="*/ 890 w 1200"/>
                <a:gd name="T1" fmla="*/ 0 h 800"/>
                <a:gd name="T2" fmla="*/ 310 w 1200"/>
                <a:gd name="T3" fmla="*/ 0 h 800"/>
                <a:gd name="T4" fmla="*/ 0 w 1200"/>
                <a:gd name="T5" fmla="*/ 301 h 800"/>
                <a:gd name="T6" fmla="*/ 0 w 1200"/>
                <a:gd name="T7" fmla="*/ 565 h 800"/>
                <a:gd name="T8" fmla="*/ 50 w 1200"/>
                <a:gd name="T9" fmla="*/ 652 h 800"/>
                <a:gd name="T10" fmla="*/ 600 w 1200"/>
                <a:gd name="T11" fmla="*/ 800 h 800"/>
                <a:gd name="T12" fmla="*/ 1150 w 1200"/>
                <a:gd name="T13" fmla="*/ 652 h 800"/>
                <a:gd name="T14" fmla="*/ 1200 w 1200"/>
                <a:gd name="T15" fmla="*/ 565 h 800"/>
                <a:gd name="T16" fmla="*/ 1200 w 1200"/>
                <a:gd name="T17" fmla="*/ 302 h 800"/>
                <a:gd name="T18" fmla="*/ 890 w 1200"/>
                <a:gd name="T19" fmla="*/ 0 h 800"/>
                <a:gd name="T20" fmla="*/ 1000 w 1200"/>
                <a:gd name="T21" fmla="*/ 505 h 800"/>
                <a:gd name="T22" fmla="*/ 200 w 1200"/>
                <a:gd name="T23" fmla="*/ 505 h 800"/>
                <a:gd name="T24" fmla="*/ 200 w 1200"/>
                <a:gd name="T25" fmla="*/ 302 h 800"/>
                <a:gd name="T26" fmla="*/ 310 w 1200"/>
                <a:gd name="T27" fmla="*/ 200 h 800"/>
                <a:gd name="T28" fmla="*/ 890 w 1200"/>
                <a:gd name="T29" fmla="*/ 200 h 800"/>
                <a:gd name="T30" fmla="*/ 1000 w 1200"/>
                <a:gd name="T31" fmla="*/ 302 h 800"/>
                <a:gd name="T32" fmla="*/ 1000 w 1200"/>
                <a:gd name="T33" fmla="*/ 505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00" h="800">
                  <a:moveTo>
                    <a:pt x="890" y="0"/>
                  </a:moveTo>
                  <a:cubicBezTo>
                    <a:pt x="310" y="0"/>
                    <a:pt x="310" y="0"/>
                    <a:pt x="310" y="0"/>
                  </a:cubicBezTo>
                  <a:cubicBezTo>
                    <a:pt x="139" y="0"/>
                    <a:pt x="0" y="135"/>
                    <a:pt x="0" y="301"/>
                  </a:cubicBezTo>
                  <a:cubicBezTo>
                    <a:pt x="0" y="565"/>
                    <a:pt x="0" y="565"/>
                    <a:pt x="0" y="565"/>
                  </a:cubicBezTo>
                  <a:cubicBezTo>
                    <a:pt x="0" y="601"/>
                    <a:pt x="19" y="634"/>
                    <a:pt x="50" y="652"/>
                  </a:cubicBezTo>
                  <a:cubicBezTo>
                    <a:pt x="218" y="749"/>
                    <a:pt x="408" y="800"/>
                    <a:pt x="600" y="800"/>
                  </a:cubicBezTo>
                  <a:cubicBezTo>
                    <a:pt x="792" y="800"/>
                    <a:pt x="983" y="749"/>
                    <a:pt x="1150" y="652"/>
                  </a:cubicBezTo>
                  <a:cubicBezTo>
                    <a:pt x="1181" y="634"/>
                    <a:pt x="1200" y="601"/>
                    <a:pt x="1200" y="565"/>
                  </a:cubicBezTo>
                  <a:cubicBezTo>
                    <a:pt x="1200" y="302"/>
                    <a:pt x="1200" y="302"/>
                    <a:pt x="1200" y="302"/>
                  </a:cubicBezTo>
                  <a:cubicBezTo>
                    <a:pt x="1200" y="135"/>
                    <a:pt x="1061" y="0"/>
                    <a:pt x="890" y="0"/>
                  </a:cubicBezTo>
                  <a:close/>
                  <a:moveTo>
                    <a:pt x="1000" y="505"/>
                  </a:moveTo>
                  <a:cubicBezTo>
                    <a:pt x="751" y="629"/>
                    <a:pt x="449" y="629"/>
                    <a:pt x="200" y="505"/>
                  </a:cubicBezTo>
                  <a:cubicBezTo>
                    <a:pt x="200" y="302"/>
                    <a:pt x="200" y="302"/>
                    <a:pt x="200" y="302"/>
                  </a:cubicBezTo>
                  <a:cubicBezTo>
                    <a:pt x="200" y="246"/>
                    <a:pt x="249" y="200"/>
                    <a:pt x="310" y="200"/>
                  </a:cubicBezTo>
                  <a:cubicBezTo>
                    <a:pt x="890" y="200"/>
                    <a:pt x="890" y="200"/>
                    <a:pt x="890" y="200"/>
                  </a:cubicBezTo>
                  <a:cubicBezTo>
                    <a:pt x="951" y="200"/>
                    <a:pt x="1000" y="246"/>
                    <a:pt x="1000" y="302"/>
                  </a:cubicBezTo>
                  <a:cubicBezTo>
                    <a:pt x="1000" y="505"/>
                    <a:pt x="1000" y="505"/>
                    <a:pt x="1000" y="50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43">
              <a:extLst>
                <a:ext uri="{FF2B5EF4-FFF2-40B4-BE49-F238E27FC236}">
                  <a16:creationId xmlns:a16="http://schemas.microsoft.com/office/drawing/2014/main" id="{1A9809C2-BCC4-7E21-B79B-B4D94F359896}"/>
                </a:ext>
              </a:extLst>
            </p:cNvPr>
            <p:cNvSpPr>
              <a:spLocks noEditPoints="1"/>
            </p:cNvSpPr>
            <p:nvPr/>
          </p:nvSpPr>
          <p:spPr bwMode="auto">
            <a:xfrm>
              <a:off x="-415925" y="2144713"/>
              <a:ext cx="254000" cy="254000"/>
            </a:xfrm>
            <a:custGeom>
              <a:avLst/>
              <a:gdLst>
                <a:gd name="T0" fmla="*/ 1100 w 2200"/>
                <a:gd name="T1" fmla="*/ 0 h 2200"/>
                <a:gd name="T2" fmla="*/ 0 w 2200"/>
                <a:gd name="T3" fmla="*/ 1100 h 2200"/>
                <a:gd name="T4" fmla="*/ 1100 w 2200"/>
                <a:gd name="T5" fmla="*/ 2200 h 2200"/>
                <a:gd name="T6" fmla="*/ 2200 w 2200"/>
                <a:gd name="T7" fmla="*/ 1100 h 2200"/>
                <a:gd name="T8" fmla="*/ 1100 w 2200"/>
                <a:gd name="T9" fmla="*/ 0 h 2200"/>
                <a:gd name="T10" fmla="*/ 1100 w 2200"/>
                <a:gd name="T11" fmla="*/ 2000 h 2200"/>
                <a:gd name="T12" fmla="*/ 200 w 2200"/>
                <a:gd name="T13" fmla="*/ 1100 h 2200"/>
                <a:gd name="T14" fmla="*/ 1100 w 2200"/>
                <a:gd name="T15" fmla="*/ 200 h 2200"/>
                <a:gd name="T16" fmla="*/ 2000 w 2200"/>
                <a:gd name="T17" fmla="*/ 1100 h 2200"/>
                <a:gd name="T18" fmla="*/ 1100 w 2200"/>
                <a:gd name="T19" fmla="*/ 2000 h 2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00" h="2200">
                  <a:moveTo>
                    <a:pt x="1100" y="0"/>
                  </a:moveTo>
                  <a:cubicBezTo>
                    <a:pt x="494" y="0"/>
                    <a:pt x="0" y="493"/>
                    <a:pt x="0" y="1100"/>
                  </a:cubicBezTo>
                  <a:cubicBezTo>
                    <a:pt x="0" y="1707"/>
                    <a:pt x="494" y="2200"/>
                    <a:pt x="1100" y="2200"/>
                  </a:cubicBezTo>
                  <a:cubicBezTo>
                    <a:pt x="1707" y="2200"/>
                    <a:pt x="2200" y="1707"/>
                    <a:pt x="2200" y="1100"/>
                  </a:cubicBezTo>
                  <a:cubicBezTo>
                    <a:pt x="2200" y="493"/>
                    <a:pt x="1706" y="0"/>
                    <a:pt x="1100" y="0"/>
                  </a:cubicBezTo>
                  <a:close/>
                  <a:moveTo>
                    <a:pt x="1100" y="2000"/>
                  </a:moveTo>
                  <a:cubicBezTo>
                    <a:pt x="604" y="2000"/>
                    <a:pt x="200" y="1596"/>
                    <a:pt x="200" y="1100"/>
                  </a:cubicBezTo>
                  <a:cubicBezTo>
                    <a:pt x="200" y="604"/>
                    <a:pt x="604" y="200"/>
                    <a:pt x="1100" y="200"/>
                  </a:cubicBezTo>
                  <a:cubicBezTo>
                    <a:pt x="1596" y="200"/>
                    <a:pt x="2000" y="604"/>
                    <a:pt x="2000" y="1100"/>
                  </a:cubicBezTo>
                  <a:cubicBezTo>
                    <a:pt x="2000" y="1596"/>
                    <a:pt x="1596" y="2000"/>
                    <a:pt x="1100" y="20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44">
              <a:extLst>
                <a:ext uri="{FF2B5EF4-FFF2-40B4-BE49-F238E27FC236}">
                  <a16:creationId xmlns:a16="http://schemas.microsoft.com/office/drawing/2014/main" id="{0D9178A7-49E9-3C44-A111-3E2A3F25674A}"/>
                </a:ext>
              </a:extLst>
            </p:cNvPr>
            <p:cNvSpPr>
              <a:spLocks noEditPoints="1"/>
            </p:cNvSpPr>
            <p:nvPr/>
          </p:nvSpPr>
          <p:spPr bwMode="auto">
            <a:xfrm>
              <a:off x="-334963" y="2190750"/>
              <a:ext cx="92075" cy="92075"/>
            </a:xfrm>
            <a:custGeom>
              <a:avLst/>
              <a:gdLst>
                <a:gd name="T0" fmla="*/ 400 w 800"/>
                <a:gd name="T1" fmla="*/ 0 h 800"/>
                <a:gd name="T2" fmla="*/ 0 w 800"/>
                <a:gd name="T3" fmla="*/ 400 h 800"/>
                <a:gd name="T4" fmla="*/ 400 w 800"/>
                <a:gd name="T5" fmla="*/ 800 h 800"/>
                <a:gd name="T6" fmla="*/ 800 w 800"/>
                <a:gd name="T7" fmla="*/ 400 h 800"/>
                <a:gd name="T8" fmla="*/ 400 w 800"/>
                <a:gd name="T9" fmla="*/ 0 h 800"/>
                <a:gd name="T10" fmla="*/ 400 w 800"/>
                <a:gd name="T11" fmla="*/ 600 h 800"/>
                <a:gd name="T12" fmla="*/ 200 w 800"/>
                <a:gd name="T13" fmla="*/ 400 h 800"/>
                <a:gd name="T14" fmla="*/ 400 w 800"/>
                <a:gd name="T15" fmla="*/ 200 h 800"/>
                <a:gd name="T16" fmla="*/ 600 w 800"/>
                <a:gd name="T17" fmla="*/ 400 h 800"/>
                <a:gd name="T18" fmla="*/ 400 w 800"/>
                <a:gd name="T19" fmla="*/ 600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0" h="800">
                  <a:moveTo>
                    <a:pt x="400" y="0"/>
                  </a:moveTo>
                  <a:cubicBezTo>
                    <a:pt x="179" y="0"/>
                    <a:pt x="0" y="179"/>
                    <a:pt x="0" y="400"/>
                  </a:cubicBezTo>
                  <a:cubicBezTo>
                    <a:pt x="0" y="621"/>
                    <a:pt x="179" y="800"/>
                    <a:pt x="400" y="800"/>
                  </a:cubicBezTo>
                  <a:cubicBezTo>
                    <a:pt x="621" y="800"/>
                    <a:pt x="800" y="621"/>
                    <a:pt x="800" y="400"/>
                  </a:cubicBezTo>
                  <a:cubicBezTo>
                    <a:pt x="800" y="179"/>
                    <a:pt x="621" y="0"/>
                    <a:pt x="400" y="0"/>
                  </a:cubicBezTo>
                  <a:close/>
                  <a:moveTo>
                    <a:pt x="400" y="600"/>
                  </a:moveTo>
                  <a:cubicBezTo>
                    <a:pt x="290" y="600"/>
                    <a:pt x="200" y="510"/>
                    <a:pt x="200" y="400"/>
                  </a:cubicBezTo>
                  <a:cubicBezTo>
                    <a:pt x="200" y="290"/>
                    <a:pt x="290" y="200"/>
                    <a:pt x="400" y="200"/>
                  </a:cubicBezTo>
                  <a:cubicBezTo>
                    <a:pt x="510" y="200"/>
                    <a:pt x="600" y="290"/>
                    <a:pt x="600" y="400"/>
                  </a:cubicBezTo>
                  <a:cubicBezTo>
                    <a:pt x="600" y="510"/>
                    <a:pt x="510" y="600"/>
                    <a:pt x="400" y="6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45">
              <a:extLst>
                <a:ext uri="{FF2B5EF4-FFF2-40B4-BE49-F238E27FC236}">
                  <a16:creationId xmlns:a16="http://schemas.microsoft.com/office/drawing/2014/main" id="{B9F25039-8082-9688-442F-64A4096FF747}"/>
                </a:ext>
              </a:extLst>
            </p:cNvPr>
            <p:cNvSpPr>
              <a:spLocks noEditPoints="1"/>
            </p:cNvSpPr>
            <p:nvPr/>
          </p:nvSpPr>
          <p:spPr bwMode="auto">
            <a:xfrm>
              <a:off x="-357188" y="2306638"/>
              <a:ext cx="138113" cy="92075"/>
            </a:xfrm>
            <a:custGeom>
              <a:avLst/>
              <a:gdLst>
                <a:gd name="T0" fmla="*/ 890 w 1200"/>
                <a:gd name="T1" fmla="*/ 0 h 800"/>
                <a:gd name="T2" fmla="*/ 310 w 1200"/>
                <a:gd name="T3" fmla="*/ 0 h 800"/>
                <a:gd name="T4" fmla="*/ 0 w 1200"/>
                <a:gd name="T5" fmla="*/ 302 h 800"/>
                <a:gd name="T6" fmla="*/ 0 w 1200"/>
                <a:gd name="T7" fmla="*/ 565 h 800"/>
                <a:gd name="T8" fmla="*/ 50 w 1200"/>
                <a:gd name="T9" fmla="*/ 652 h 800"/>
                <a:gd name="T10" fmla="*/ 600 w 1200"/>
                <a:gd name="T11" fmla="*/ 800 h 800"/>
                <a:gd name="T12" fmla="*/ 1150 w 1200"/>
                <a:gd name="T13" fmla="*/ 652 h 800"/>
                <a:gd name="T14" fmla="*/ 1200 w 1200"/>
                <a:gd name="T15" fmla="*/ 565 h 800"/>
                <a:gd name="T16" fmla="*/ 1200 w 1200"/>
                <a:gd name="T17" fmla="*/ 302 h 800"/>
                <a:gd name="T18" fmla="*/ 890 w 1200"/>
                <a:gd name="T19" fmla="*/ 0 h 800"/>
                <a:gd name="T20" fmla="*/ 1000 w 1200"/>
                <a:gd name="T21" fmla="*/ 506 h 800"/>
                <a:gd name="T22" fmla="*/ 200 w 1200"/>
                <a:gd name="T23" fmla="*/ 506 h 800"/>
                <a:gd name="T24" fmla="*/ 200 w 1200"/>
                <a:gd name="T25" fmla="*/ 302 h 800"/>
                <a:gd name="T26" fmla="*/ 310 w 1200"/>
                <a:gd name="T27" fmla="*/ 200 h 800"/>
                <a:gd name="T28" fmla="*/ 890 w 1200"/>
                <a:gd name="T29" fmla="*/ 200 h 800"/>
                <a:gd name="T30" fmla="*/ 1000 w 1200"/>
                <a:gd name="T31" fmla="*/ 302 h 800"/>
                <a:gd name="T32" fmla="*/ 1000 w 1200"/>
                <a:gd name="T33" fmla="*/ 506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00" h="800">
                  <a:moveTo>
                    <a:pt x="890" y="0"/>
                  </a:moveTo>
                  <a:cubicBezTo>
                    <a:pt x="310" y="0"/>
                    <a:pt x="310" y="0"/>
                    <a:pt x="310" y="0"/>
                  </a:cubicBezTo>
                  <a:cubicBezTo>
                    <a:pt x="139" y="0"/>
                    <a:pt x="0" y="135"/>
                    <a:pt x="0" y="302"/>
                  </a:cubicBezTo>
                  <a:cubicBezTo>
                    <a:pt x="0" y="565"/>
                    <a:pt x="0" y="565"/>
                    <a:pt x="0" y="565"/>
                  </a:cubicBezTo>
                  <a:cubicBezTo>
                    <a:pt x="0" y="601"/>
                    <a:pt x="19" y="634"/>
                    <a:pt x="50" y="652"/>
                  </a:cubicBezTo>
                  <a:cubicBezTo>
                    <a:pt x="218" y="749"/>
                    <a:pt x="408" y="800"/>
                    <a:pt x="600" y="800"/>
                  </a:cubicBezTo>
                  <a:cubicBezTo>
                    <a:pt x="792" y="800"/>
                    <a:pt x="983" y="749"/>
                    <a:pt x="1150" y="652"/>
                  </a:cubicBezTo>
                  <a:cubicBezTo>
                    <a:pt x="1181" y="634"/>
                    <a:pt x="1200" y="601"/>
                    <a:pt x="1200" y="565"/>
                  </a:cubicBezTo>
                  <a:cubicBezTo>
                    <a:pt x="1200" y="302"/>
                    <a:pt x="1200" y="302"/>
                    <a:pt x="1200" y="302"/>
                  </a:cubicBezTo>
                  <a:cubicBezTo>
                    <a:pt x="1200" y="135"/>
                    <a:pt x="1061" y="0"/>
                    <a:pt x="890" y="0"/>
                  </a:cubicBezTo>
                  <a:close/>
                  <a:moveTo>
                    <a:pt x="1000" y="506"/>
                  </a:moveTo>
                  <a:cubicBezTo>
                    <a:pt x="751" y="629"/>
                    <a:pt x="449" y="629"/>
                    <a:pt x="200" y="506"/>
                  </a:cubicBezTo>
                  <a:cubicBezTo>
                    <a:pt x="200" y="302"/>
                    <a:pt x="200" y="302"/>
                    <a:pt x="200" y="302"/>
                  </a:cubicBezTo>
                  <a:cubicBezTo>
                    <a:pt x="200" y="246"/>
                    <a:pt x="249" y="200"/>
                    <a:pt x="310" y="200"/>
                  </a:cubicBezTo>
                  <a:cubicBezTo>
                    <a:pt x="890" y="200"/>
                    <a:pt x="890" y="200"/>
                    <a:pt x="890" y="200"/>
                  </a:cubicBezTo>
                  <a:cubicBezTo>
                    <a:pt x="951" y="200"/>
                    <a:pt x="1000" y="246"/>
                    <a:pt x="1000" y="302"/>
                  </a:cubicBezTo>
                  <a:cubicBezTo>
                    <a:pt x="1000" y="506"/>
                    <a:pt x="1000" y="506"/>
                    <a:pt x="1000" y="50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46">
              <a:extLst>
                <a:ext uri="{FF2B5EF4-FFF2-40B4-BE49-F238E27FC236}">
                  <a16:creationId xmlns:a16="http://schemas.microsoft.com/office/drawing/2014/main" id="{7F20DBD1-70C5-AB7D-67C0-27A175C116E7}"/>
                </a:ext>
              </a:extLst>
            </p:cNvPr>
            <p:cNvSpPr>
              <a:spLocks/>
            </p:cNvSpPr>
            <p:nvPr/>
          </p:nvSpPr>
          <p:spPr bwMode="auto">
            <a:xfrm>
              <a:off x="-496888" y="2259013"/>
              <a:ext cx="106363" cy="93662"/>
            </a:xfrm>
            <a:custGeom>
              <a:avLst/>
              <a:gdLst>
                <a:gd name="T0" fmla="*/ 881 w 917"/>
                <a:gd name="T1" fmla="*/ 47 h 805"/>
                <a:gd name="T2" fmla="*/ 740 w 917"/>
                <a:gd name="T3" fmla="*/ 36 h 805"/>
                <a:gd name="T4" fmla="*/ 47 w 917"/>
                <a:gd name="T5" fmla="*/ 629 h 805"/>
                <a:gd name="T6" fmla="*/ 36 w 917"/>
                <a:gd name="T7" fmla="*/ 770 h 805"/>
                <a:gd name="T8" fmla="*/ 112 w 917"/>
                <a:gd name="T9" fmla="*/ 805 h 805"/>
                <a:gd name="T10" fmla="*/ 177 w 917"/>
                <a:gd name="T11" fmla="*/ 781 h 805"/>
                <a:gd name="T12" fmla="*/ 870 w 917"/>
                <a:gd name="T13" fmla="*/ 188 h 805"/>
                <a:gd name="T14" fmla="*/ 881 w 917"/>
                <a:gd name="T15" fmla="*/ 47 h 80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17" h="805">
                  <a:moveTo>
                    <a:pt x="881" y="47"/>
                  </a:moveTo>
                  <a:cubicBezTo>
                    <a:pt x="845" y="5"/>
                    <a:pt x="782" y="0"/>
                    <a:pt x="740" y="36"/>
                  </a:cubicBezTo>
                  <a:cubicBezTo>
                    <a:pt x="47" y="629"/>
                    <a:pt x="47" y="629"/>
                    <a:pt x="47" y="629"/>
                  </a:cubicBezTo>
                  <a:cubicBezTo>
                    <a:pt x="5" y="665"/>
                    <a:pt x="0" y="728"/>
                    <a:pt x="36" y="770"/>
                  </a:cubicBezTo>
                  <a:cubicBezTo>
                    <a:pt x="56" y="793"/>
                    <a:pt x="84" y="805"/>
                    <a:pt x="112" y="805"/>
                  </a:cubicBezTo>
                  <a:cubicBezTo>
                    <a:pt x="135" y="805"/>
                    <a:pt x="158" y="797"/>
                    <a:pt x="177" y="781"/>
                  </a:cubicBezTo>
                  <a:cubicBezTo>
                    <a:pt x="870" y="188"/>
                    <a:pt x="870" y="188"/>
                    <a:pt x="870" y="188"/>
                  </a:cubicBezTo>
                  <a:cubicBezTo>
                    <a:pt x="912" y="152"/>
                    <a:pt x="917" y="89"/>
                    <a:pt x="881" y="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47">
              <a:extLst>
                <a:ext uri="{FF2B5EF4-FFF2-40B4-BE49-F238E27FC236}">
                  <a16:creationId xmlns:a16="http://schemas.microsoft.com/office/drawing/2014/main" id="{8B4E7E60-992F-BA36-0DE2-88BAF5156823}"/>
                </a:ext>
              </a:extLst>
            </p:cNvPr>
            <p:cNvSpPr>
              <a:spLocks/>
            </p:cNvSpPr>
            <p:nvPr/>
          </p:nvSpPr>
          <p:spPr bwMode="auto">
            <a:xfrm>
              <a:off x="-231775" y="2351088"/>
              <a:ext cx="95250" cy="117475"/>
            </a:xfrm>
            <a:custGeom>
              <a:avLst/>
              <a:gdLst>
                <a:gd name="T0" fmla="*/ 793 w 826"/>
                <a:gd name="T1" fmla="*/ 853 h 1013"/>
                <a:gd name="T2" fmla="*/ 193 w 826"/>
                <a:gd name="T3" fmla="*/ 53 h 1013"/>
                <a:gd name="T4" fmla="*/ 53 w 826"/>
                <a:gd name="T5" fmla="*/ 33 h 1013"/>
                <a:gd name="T6" fmla="*/ 33 w 826"/>
                <a:gd name="T7" fmla="*/ 173 h 1013"/>
                <a:gd name="T8" fmla="*/ 633 w 826"/>
                <a:gd name="T9" fmla="*/ 973 h 1013"/>
                <a:gd name="T10" fmla="*/ 713 w 826"/>
                <a:gd name="T11" fmla="*/ 1013 h 1013"/>
                <a:gd name="T12" fmla="*/ 773 w 826"/>
                <a:gd name="T13" fmla="*/ 993 h 1013"/>
                <a:gd name="T14" fmla="*/ 793 w 826"/>
                <a:gd name="T15" fmla="*/ 853 h 101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26" h="1013">
                  <a:moveTo>
                    <a:pt x="793" y="853"/>
                  </a:moveTo>
                  <a:cubicBezTo>
                    <a:pt x="193" y="53"/>
                    <a:pt x="193" y="53"/>
                    <a:pt x="193" y="53"/>
                  </a:cubicBezTo>
                  <a:cubicBezTo>
                    <a:pt x="160" y="9"/>
                    <a:pt x="97" y="0"/>
                    <a:pt x="53" y="33"/>
                  </a:cubicBezTo>
                  <a:cubicBezTo>
                    <a:pt x="9" y="66"/>
                    <a:pt x="0" y="129"/>
                    <a:pt x="33" y="173"/>
                  </a:cubicBezTo>
                  <a:cubicBezTo>
                    <a:pt x="633" y="973"/>
                    <a:pt x="633" y="973"/>
                    <a:pt x="633" y="973"/>
                  </a:cubicBezTo>
                  <a:cubicBezTo>
                    <a:pt x="653" y="999"/>
                    <a:pt x="683" y="1013"/>
                    <a:pt x="713" y="1013"/>
                  </a:cubicBezTo>
                  <a:cubicBezTo>
                    <a:pt x="734" y="1013"/>
                    <a:pt x="755" y="1006"/>
                    <a:pt x="773" y="993"/>
                  </a:cubicBezTo>
                  <a:cubicBezTo>
                    <a:pt x="817" y="960"/>
                    <a:pt x="826" y="897"/>
                    <a:pt x="793" y="8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Freeform 48">
              <a:extLst>
                <a:ext uri="{FF2B5EF4-FFF2-40B4-BE49-F238E27FC236}">
                  <a16:creationId xmlns:a16="http://schemas.microsoft.com/office/drawing/2014/main" id="{8D4DA33A-E2A1-F75C-F29E-5809D16FD38A}"/>
                </a:ext>
              </a:extLst>
            </p:cNvPr>
            <p:cNvSpPr>
              <a:spLocks/>
            </p:cNvSpPr>
            <p:nvPr/>
          </p:nvSpPr>
          <p:spPr bwMode="auto">
            <a:xfrm>
              <a:off x="-322263" y="2605088"/>
              <a:ext cx="90488" cy="73025"/>
            </a:xfrm>
            <a:custGeom>
              <a:avLst/>
              <a:gdLst>
                <a:gd name="T0" fmla="*/ 751 w 784"/>
                <a:gd name="T1" fmla="*/ 53 h 631"/>
                <a:gd name="T2" fmla="*/ 611 w 784"/>
                <a:gd name="T3" fmla="*/ 33 h 631"/>
                <a:gd name="T4" fmla="*/ 53 w 784"/>
                <a:gd name="T5" fmla="*/ 452 h 631"/>
                <a:gd name="T6" fmla="*/ 33 w 784"/>
                <a:gd name="T7" fmla="*/ 591 h 631"/>
                <a:gd name="T8" fmla="*/ 113 w 784"/>
                <a:gd name="T9" fmla="*/ 631 h 631"/>
                <a:gd name="T10" fmla="*/ 173 w 784"/>
                <a:gd name="T11" fmla="*/ 611 h 631"/>
                <a:gd name="T12" fmla="*/ 731 w 784"/>
                <a:gd name="T13" fmla="*/ 193 h 631"/>
                <a:gd name="T14" fmla="*/ 751 w 784"/>
                <a:gd name="T15" fmla="*/ 53 h 6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84" h="631">
                  <a:moveTo>
                    <a:pt x="751" y="53"/>
                  </a:moveTo>
                  <a:cubicBezTo>
                    <a:pt x="718" y="8"/>
                    <a:pt x="655" y="0"/>
                    <a:pt x="611" y="33"/>
                  </a:cubicBezTo>
                  <a:cubicBezTo>
                    <a:pt x="53" y="452"/>
                    <a:pt x="53" y="452"/>
                    <a:pt x="53" y="452"/>
                  </a:cubicBezTo>
                  <a:cubicBezTo>
                    <a:pt x="8" y="485"/>
                    <a:pt x="0" y="547"/>
                    <a:pt x="33" y="591"/>
                  </a:cubicBezTo>
                  <a:cubicBezTo>
                    <a:pt x="52" y="618"/>
                    <a:pt x="82" y="631"/>
                    <a:pt x="113" y="631"/>
                  </a:cubicBezTo>
                  <a:cubicBezTo>
                    <a:pt x="134" y="631"/>
                    <a:pt x="155" y="625"/>
                    <a:pt x="173" y="611"/>
                  </a:cubicBezTo>
                  <a:cubicBezTo>
                    <a:pt x="731" y="193"/>
                    <a:pt x="731" y="193"/>
                    <a:pt x="731" y="193"/>
                  </a:cubicBezTo>
                  <a:cubicBezTo>
                    <a:pt x="775" y="160"/>
                    <a:pt x="784" y="97"/>
                    <a:pt x="751"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49">
              <a:extLst>
                <a:ext uri="{FF2B5EF4-FFF2-40B4-BE49-F238E27FC236}">
                  <a16:creationId xmlns:a16="http://schemas.microsoft.com/office/drawing/2014/main" id="{18428EE6-CF41-530B-54AD-74F64ECE2FA9}"/>
                </a:ext>
              </a:extLst>
            </p:cNvPr>
            <p:cNvSpPr>
              <a:spLocks/>
            </p:cNvSpPr>
            <p:nvPr/>
          </p:nvSpPr>
          <p:spPr bwMode="auto">
            <a:xfrm>
              <a:off x="-622300" y="2700338"/>
              <a:ext cx="103188" cy="22225"/>
            </a:xfrm>
            <a:custGeom>
              <a:avLst/>
              <a:gdLst>
                <a:gd name="T0" fmla="*/ 800 w 900"/>
                <a:gd name="T1" fmla="*/ 0 h 200"/>
                <a:gd name="T2" fmla="*/ 100 w 900"/>
                <a:gd name="T3" fmla="*/ 0 h 200"/>
                <a:gd name="T4" fmla="*/ 0 w 900"/>
                <a:gd name="T5" fmla="*/ 100 h 200"/>
                <a:gd name="T6" fmla="*/ 100 w 900"/>
                <a:gd name="T7" fmla="*/ 200 h 200"/>
                <a:gd name="T8" fmla="*/ 800 w 900"/>
                <a:gd name="T9" fmla="*/ 200 h 200"/>
                <a:gd name="T10" fmla="*/ 900 w 900"/>
                <a:gd name="T11" fmla="*/ 100 h 200"/>
                <a:gd name="T12" fmla="*/ 800 w 900"/>
                <a:gd name="T13" fmla="*/ 0 h 200"/>
              </a:gdLst>
              <a:ahLst/>
              <a:cxnLst>
                <a:cxn ang="0">
                  <a:pos x="T0" y="T1"/>
                </a:cxn>
                <a:cxn ang="0">
                  <a:pos x="T2" y="T3"/>
                </a:cxn>
                <a:cxn ang="0">
                  <a:pos x="T4" y="T5"/>
                </a:cxn>
                <a:cxn ang="0">
                  <a:pos x="T6" y="T7"/>
                </a:cxn>
                <a:cxn ang="0">
                  <a:pos x="T8" y="T9"/>
                </a:cxn>
                <a:cxn ang="0">
                  <a:pos x="T10" y="T11"/>
                </a:cxn>
                <a:cxn ang="0">
                  <a:pos x="T12" y="T13"/>
                </a:cxn>
              </a:cxnLst>
              <a:rect l="0" t="0" r="r" b="b"/>
              <a:pathLst>
                <a:path w="900" h="200">
                  <a:moveTo>
                    <a:pt x="800" y="0"/>
                  </a:moveTo>
                  <a:cubicBezTo>
                    <a:pt x="100" y="0"/>
                    <a:pt x="100" y="0"/>
                    <a:pt x="100" y="0"/>
                  </a:cubicBezTo>
                  <a:cubicBezTo>
                    <a:pt x="45" y="0"/>
                    <a:pt x="0" y="45"/>
                    <a:pt x="0" y="100"/>
                  </a:cubicBezTo>
                  <a:cubicBezTo>
                    <a:pt x="0" y="155"/>
                    <a:pt x="45" y="200"/>
                    <a:pt x="100" y="200"/>
                  </a:cubicBezTo>
                  <a:cubicBezTo>
                    <a:pt x="800" y="200"/>
                    <a:pt x="800" y="200"/>
                    <a:pt x="800" y="200"/>
                  </a:cubicBezTo>
                  <a:cubicBezTo>
                    <a:pt x="855" y="200"/>
                    <a:pt x="900" y="155"/>
                    <a:pt x="900" y="100"/>
                  </a:cubicBezTo>
                  <a:cubicBezTo>
                    <a:pt x="900" y="45"/>
                    <a:pt x="855" y="0"/>
                    <a:pt x="80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1" name="Freeform 50">
              <a:extLst>
                <a:ext uri="{FF2B5EF4-FFF2-40B4-BE49-F238E27FC236}">
                  <a16:creationId xmlns:a16="http://schemas.microsoft.com/office/drawing/2014/main" id="{018D1704-EAD3-2BAE-B3A8-34D4592B6C3D}"/>
                </a:ext>
              </a:extLst>
            </p:cNvPr>
            <p:cNvSpPr>
              <a:spLocks noEditPoints="1"/>
            </p:cNvSpPr>
            <p:nvPr/>
          </p:nvSpPr>
          <p:spPr bwMode="auto">
            <a:xfrm>
              <a:off x="-611188" y="2144713"/>
              <a:ext cx="92075" cy="92075"/>
            </a:xfrm>
            <a:custGeom>
              <a:avLst/>
              <a:gdLst>
                <a:gd name="T0" fmla="*/ 400 w 800"/>
                <a:gd name="T1" fmla="*/ 0 h 800"/>
                <a:gd name="T2" fmla="*/ 0 w 800"/>
                <a:gd name="T3" fmla="*/ 400 h 800"/>
                <a:gd name="T4" fmla="*/ 400 w 800"/>
                <a:gd name="T5" fmla="*/ 800 h 800"/>
                <a:gd name="T6" fmla="*/ 800 w 800"/>
                <a:gd name="T7" fmla="*/ 400 h 800"/>
                <a:gd name="T8" fmla="*/ 400 w 800"/>
                <a:gd name="T9" fmla="*/ 0 h 800"/>
                <a:gd name="T10" fmla="*/ 400 w 800"/>
                <a:gd name="T11" fmla="*/ 600 h 800"/>
                <a:gd name="T12" fmla="*/ 200 w 800"/>
                <a:gd name="T13" fmla="*/ 400 h 800"/>
                <a:gd name="T14" fmla="*/ 400 w 800"/>
                <a:gd name="T15" fmla="*/ 200 h 800"/>
                <a:gd name="T16" fmla="*/ 600 w 800"/>
                <a:gd name="T17" fmla="*/ 400 h 800"/>
                <a:gd name="T18" fmla="*/ 400 w 800"/>
                <a:gd name="T19" fmla="*/ 600 h 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0" h="800">
                  <a:moveTo>
                    <a:pt x="400" y="0"/>
                  </a:moveTo>
                  <a:cubicBezTo>
                    <a:pt x="179" y="0"/>
                    <a:pt x="0" y="179"/>
                    <a:pt x="0" y="400"/>
                  </a:cubicBezTo>
                  <a:cubicBezTo>
                    <a:pt x="0" y="621"/>
                    <a:pt x="179" y="800"/>
                    <a:pt x="400" y="800"/>
                  </a:cubicBezTo>
                  <a:cubicBezTo>
                    <a:pt x="621" y="800"/>
                    <a:pt x="800" y="621"/>
                    <a:pt x="800" y="400"/>
                  </a:cubicBezTo>
                  <a:cubicBezTo>
                    <a:pt x="800" y="179"/>
                    <a:pt x="621" y="0"/>
                    <a:pt x="400" y="0"/>
                  </a:cubicBezTo>
                  <a:close/>
                  <a:moveTo>
                    <a:pt x="400" y="600"/>
                  </a:moveTo>
                  <a:cubicBezTo>
                    <a:pt x="290" y="600"/>
                    <a:pt x="200" y="510"/>
                    <a:pt x="200" y="400"/>
                  </a:cubicBezTo>
                  <a:cubicBezTo>
                    <a:pt x="200" y="290"/>
                    <a:pt x="290" y="200"/>
                    <a:pt x="400" y="200"/>
                  </a:cubicBezTo>
                  <a:cubicBezTo>
                    <a:pt x="510" y="200"/>
                    <a:pt x="600" y="290"/>
                    <a:pt x="600" y="400"/>
                  </a:cubicBezTo>
                  <a:cubicBezTo>
                    <a:pt x="600" y="510"/>
                    <a:pt x="510" y="600"/>
                    <a:pt x="400" y="6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51">
              <a:extLst>
                <a:ext uri="{FF2B5EF4-FFF2-40B4-BE49-F238E27FC236}">
                  <a16:creationId xmlns:a16="http://schemas.microsoft.com/office/drawing/2014/main" id="{C6B47622-DA2D-3E4C-03B7-531CBE0CBC35}"/>
                </a:ext>
              </a:extLst>
            </p:cNvPr>
            <p:cNvSpPr>
              <a:spLocks/>
            </p:cNvSpPr>
            <p:nvPr/>
          </p:nvSpPr>
          <p:spPr bwMode="auto">
            <a:xfrm>
              <a:off x="-576263" y="2214563"/>
              <a:ext cx="22225" cy="103187"/>
            </a:xfrm>
            <a:custGeom>
              <a:avLst/>
              <a:gdLst>
                <a:gd name="T0" fmla="*/ 100 w 200"/>
                <a:gd name="T1" fmla="*/ 0 h 900"/>
                <a:gd name="T2" fmla="*/ 0 w 200"/>
                <a:gd name="T3" fmla="*/ 100 h 900"/>
                <a:gd name="T4" fmla="*/ 0 w 200"/>
                <a:gd name="T5" fmla="*/ 800 h 900"/>
                <a:gd name="T6" fmla="*/ 100 w 200"/>
                <a:gd name="T7" fmla="*/ 900 h 900"/>
                <a:gd name="T8" fmla="*/ 200 w 200"/>
                <a:gd name="T9" fmla="*/ 800 h 900"/>
                <a:gd name="T10" fmla="*/ 200 w 200"/>
                <a:gd name="T11" fmla="*/ 100 h 900"/>
                <a:gd name="T12" fmla="*/ 100 w 200"/>
                <a:gd name="T13" fmla="*/ 0 h 900"/>
              </a:gdLst>
              <a:ahLst/>
              <a:cxnLst>
                <a:cxn ang="0">
                  <a:pos x="T0" y="T1"/>
                </a:cxn>
                <a:cxn ang="0">
                  <a:pos x="T2" y="T3"/>
                </a:cxn>
                <a:cxn ang="0">
                  <a:pos x="T4" y="T5"/>
                </a:cxn>
                <a:cxn ang="0">
                  <a:pos x="T6" y="T7"/>
                </a:cxn>
                <a:cxn ang="0">
                  <a:pos x="T8" y="T9"/>
                </a:cxn>
                <a:cxn ang="0">
                  <a:pos x="T10" y="T11"/>
                </a:cxn>
                <a:cxn ang="0">
                  <a:pos x="T12" y="T13"/>
                </a:cxn>
              </a:cxnLst>
              <a:rect l="0" t="0" r="r" b="b"/>
              <a:pathLst>
                <a:path w="200" h="900">
                  <a:moveTo>
                    <a:pt x="100" y="0"/>
                  </a:moveTo>
                  <a:cubicBezTo>
                    <a:pt x="45" y="0"/>
                    <a:pt x="0" y="45"/>
                    <a:pt x="0" y="100"/>
                  </a:cubicBezTo>
                  <a:cubicBezTo>
                    <a:pt x="0" y="800"/>
                    <a:pt x="0" y="800"/>
                    <a:pt x="0" y="800"/>
                  </a:cubicBezTo>
                  <a:cubicBezTo>
                    <a:pt x="0" y="855"/>
                    <a:pt x="45" y="900"/>
                    <a:pt x="100" y="900"/>
                  </a:cubicBezTo>
                  <a:cubicBezTo>
                    <a:pt x="155" y="900"/>
                    <a:pt x="200" y="855"/>
                    <a:pt x="200" y="800"/>
                  </a:cubicBezTo>
                  <a:cubicBezTo>
                    <a:pt x="200" y="100"/>
                    <a:pt x="200" y="100"/>
                    <a:pt x="200" y="100"/>
                  </a:cubicBezTo>
                  <a:cubicBezTo>
                    <a:pt x="200" y="45"/>
                    <a:pt x="155" y="0"/>
                    <a:pt x="10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83" name="Group 82">
            <a:extLst>
              <a:ext uri="{FF2B5EF4-FFF2-40B4-BE49-F238E27FC236}">
                <a16:creationId xmlns:a16="http://schemas.microsoft.com/office/drawing/2014/main" id="{C4FB9F2B-16AF-EB73-58B0-1C3D0D0635DF}"/>
              </a:ext>
            </a:extLst>
          </p:cNvPr>
          <p:cNvGrpSpPr/>
          <p:nvPr/>
        </p:nvGrpSpPr>
        <p:grpSpPr>
          <a:xfrm>
            <a:off x="1094441" y="1945682"/>
            <a:ext cx="1124210" cy="937940"/>
            <a:chOff x="-427038" y="3409950"/>
            <a:chExt cx="1082676" cy="903288"/>
          </a:xfrm>
          <a:solidFill>
            <a:schemeClr val="tx1">
              <a:lumMod val="75000"/>
              <a:lumOff val="25000"/>
            </a:schemeClr>
          </a:solidFill>
        </p:grpSpPr>
        <p:sp>
          <p:nvSpPr>
            <p:cNvPr id="84" name="Freeform 14">
              <a:extLst>
                <a:ext uri="{FF2B5EF4-FFF2-40B4-BE49-F238E27FC236}">
                  <a16:creationId xmlns:a16="http://schemas.microsoft.com/office/drawing/2014/main" id="{0345C827-53BB-78C6-7EE7-FE46F88992FA}"/>
                </a:ext>
              </a:extLst>
            </p:cNvPr>
            <p:cNvSpPr>
              <a:spLocks noEditPoints="1"/>
            </p:cNvSpPr>
            <p:nvPr/>
          </p:nvSpPr>
          <p:spPr bwMode="auto">
            <a:xfrm>
              <a:off x="-427038" y="3409950"/>
              <a:ext cx="1082676" cy="903288"/>
            </a:xfrm>
            <a:custGeom>
              <a:avLst/>
              <a:gdLst>
                <a:gd name="T0" fmla="*/ 5990 w 6010"/>
                <a:gd name="T1" fmla="*/ 2447 h 5000"/>
                <a:gd name="T2" fmla="*/ 3105 w 6010"/>
                <a:gd name="T3" fmla="*/ 803 h 5000"/>
                <a:gd name="T4" fmla="*/ 3105 w 6010"/>
                <a:gd name="T5" fmla="*/ 0 h 5000"/>
                <a:gd name="T6" fmla="*/ 2905 w 6010"/>
                <a:gd name="T7" fmla="*/ 0 h 5000"/>
                <a:gd name="T8" fmla="*/ 2905 w 6010"/>
                <a:gd name="T9" fmla="*/ 803 h 5000"/>
                <a:gd name="T10" fmla="*/ 20 w 6010"/>
                <a:gd name="T11" fmla="*/ 2447 h 5000"/>
                <a:gd name="T12" fmla="*/ 20 w 6010"/>
                <a:gd name="T13" fmla="*/ 2553 h 5000"/>
                <a:gd name="T14" fmla="*/ 2905 w 6010"/>
                <a:gd name="T15" fmla="*/ 4197 h 5000"/>
                <a:gd name="T16" fmla="*/ 2905 w 6010"/>
                <a:gd name="T17" fmla="*/ 5000 h 5000"/>
                <a:gd name="T18" fmla="*/ 3105 w 6010"/>
                <a:gd name="T19" fmla="*/ 5000 h 5000"/>
                <a:gd name="T20" fmla="*/ 3105 w 6010"/>
                <a:gd name="T21" fmla="*/ 4197 h 5000"/>
                <a:gd name="T22" fmla="*/ 5990 w 6010"/>
                <a:gd name="T23" fmla="*/ 2553 h 5000"/>
                <a:gd name="T24" fmla="*/ 5990 w 6010"/>
                <a:gd name="T25" fmla="*/ 2447 h 5000"/>
                <a:gd name="T26" fmla="*/ 224 w 6010"/>
                <a:gd name="T27" fmla="*/ 2500 h 5000"/>
                <a:gd name="T28" fmla="*/ 1947 w 6010"/>
                <a:gd name="T29" fmla="*/ 1172 h 5000"/>
                <a:gd name="T30" fmla="*/ 1310 w 6010"/>
                <a:gd name="T31" fmla="*/ 2400 h 5000"/>
                <a:gd name="T32" fmla="*/ 505 w 6010"/>
                <a:gd name="T33" fmla="*/ 2400 h 5000"/>
                <a:gd name="T34" fmla="*/ 505 w 6010"/>
                <a:gd name="T35" fmla="*/ 2600 h 5000"/>
                <a:gd name="T36" fmla="*/ 1310 w 6010"/>
                <a:gd name="T37" fmla="*/ 2600 h 5000"/>
                <a:gd name="T38" fmla="*/ 1947 w 6010"/>
                <a:gd name="T39" fmla="*/ 3828 h 5000"/>
                <a:gd name="T40" fmla="*/ 224 w 6010"/>
                <a:gd name="T41" fmla="*/ 2500 h 5000"/>
                <a:gd name="T42" fmla="*/ 2905 w 6010"/>
                <a:gd name="T43" fmla="*/ 3400 h 5000"/>
                <a:gd name="T44" fmla="*/ 2905 w 6010"/>
                <a:gd name="T45" fmla="*/ 3995 h 5000"/>
                <a:gd name="T46" fmla="*/ 1510 w 6010"/>
                <a:gd name="T47" fmla="*/ 2600 h 5000"/>
                <a:gd name="T48" fmla="*/ 2105 w 6010"/>
                <a:gd name="T49" fmla="*/ 2600 h 5000"/>
                <a:gd name="T50" fmla="*/ 2105 w 6010"/>
                <a:gd name="T51" fmla="*/ 2400 h 5000"/>
                <a:gd name="T52" fmla="*/ 1510 w 6010"/>
                <a:gd name="T53" fmla="*/ 2400 h 5000"/>
                <a:gd name="T54" fmla="*/ 2905 w 6010"/>
                <a:gd name="T55" fmla="*/ 1005 h 5000"/>
                <a:gd name="T56" fmla="*/ 2905 w 6010"/>
                <a:gd name="T57" fmla="*/ 1600 h 5000"/>
                <a:gd name="T58" fmla="*/ 3105 w 6010"/>
                <a:gd name="T59" fmla="*/ 1600 h 5000"/>
                <a:gd name="T60" fmla="*/ 3105 w 6010"/>
                <a:gd name="T61" fmla="*/ 1005 h 5000"/>
                <a:gd name="T62" fmla="*/ 4500 w 6010"/>
                <a:gd name="T63" fmla="*/ 2400 h 5000"/>
                <a:gd name="T64" fmla="*/ 3905 w 6010"/>
                <a:gd name="T65" fmla="*/ 2400 h 5000"/>
                <a:gd name="T66" fmla="*/ 3905 w 6010"/>
                <a:gd name="T67" fmla="*/ 2600 h 5000"/>
                <a:gd name="T68" fmla="*/ 4500 w 6010"/>
                <a:gd name="T69" fmla="*/ 2600 h 5000"/>
                <a:gd name="T70" fmla="*/ 3105 w 6010"/>
                <a:gd name="T71" fmla="*/ 3995 h 5000"/>
                <a:gd name="T72" fmla="*/ 3105 w 6010"/>
                <a:gd name="T73" fmla="*/ 3400 h 5000"/>
                <a:gd name="T74" fmla="*/ 2905 w 6010"/>
                <a:gd name="T75" fmla="*/ 3400 h 5000"/>
                <a:gd name="T76" fmla="*/ 5786 w 6010"/>
                <a:gd name="T77" fmla="*/ 2500 h 5000"/>
                <a:gd name="T78" fmla="*/ 4063 w 6010"/>
                <a:gd name="T79" fmla="*/ 3828 h 5000"/>
                <a:gd name="T80" fmla="*/ 4700 w 6010"/>
                <a:gd name="T81" fmla="*/ 2600 h 5000"/>
                <a:gd name="T82" fmla="*/ 5505 w 6010"/>
                <a:gd name="T83" fmla="*/ 2600 h 5000"/>
                <a:gd name="T84" fmla="*/ 5505 w 6010"/>
                <a:gd name="T85" fmla="*/ 2400 h 5000"/>
                <a:gd name="T86" fmla="*/ 4700 w 6010"/>
                <a:gd name="T87" fmla="*/ 2400 h 5000"/>
                <a:gd name="T88" fmla="*/ 4063 w 6010"/>
                <a:gd name="T89" fmla="*/ 1172 h 5000"/>
                <a:gd name="T90" fmla="*/ 5786 w 6010"/>
                <a:gd name="T91" fmla="*/ 2500 h 5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6010" h="5000">
                  <a:moveTo>
                    <a:pt x="5990" y="2447"/>
                  </a:moveTo>
                  <a:cubicBezTo>
                    <a:pt x="5365" y="1450"/>
                    <a:pt x="4281" y="832"/>
                    <a:pt x="3105" y="803"/>
                  </a:cubicBezTo>
                  <a:cubicBezTo>
                    <a:pt x="3105" y="0"/>
                    <a:pt x="3105" y="0"/>
                    <a:pt x="3105" y="0"/>
                  </a:cubicBezTo>
                  <a:cubicBezTo>
                    <a:pt x="2905" y="0"/>
                    <a:pt x="2905" y="0"/>
                    <a:pt x="2905" y="0"/>
                  </a:cubicBezTo>
                  <a:cubicBezTo>
                    <a:pt x="2905" y="803"/>
                    <a:pt x="2905" y="803"/>
                    <a:pt x="2905" y="803"/>
                  </a:cubicBezTo>
                  <a:cubicBezTo>
                    <a:pt x="1729" y="832"/>
                    <a:pt x="645" y="1450"/>
                    <a:pt x="20" y="2447"/>
                  </a:cubicBezTo>
                  <a:cubicBezTo>
                    <a:pt x="0" y="2479"/>
                    <a:pt x="0" y="2521"/>
                    <a:pt x="20" y="2553"/>
                  </a:cubicBezTo>
                  <a:cubicBezTo>
                    <a:pt x="645" y="3550"/>
                    <a:pt x="1729" y="4168"/>
                    <a:pt x="2905" y="4197"/>
                  </a:cubicBezTo>
                  <a:cubicBezTo>
                    <a:pt x="2905" y="5000"/>
                    <a:pt x="2905" y="5000"/>
                    <a:pt x="2905" y="5000"/>
                  </a:cubicBezTo>
                  <a:cubicBezTo>
                    <a:pt x="3105" y="5000"/>
                    <a:pt x="3105" y="5000"/>
                    <a:pt x="3105" y="5000"/>
                  </a:cubicBezTo>
                  <a:cubicBezTo>
                    <a:pt x="3105" y="4197"/>
                    <a:pt x="3105" y="4197"/>
                    <a:pt x="3105" y="4197"/>
                  </a:cubicBezTo>
                  <a:cubicBezTo>
                    <a:pt x="4281" y="4168"/>
                    <a:pt x="5365" y="3550"/>
                    <a:pt x="5990" y="2553"/>
                  </a:cubicBezTo>
                  <a:cubicBezTo>
                    <a:pt x="6010" y="2521"/>
                    <a:pt x="6010" y="2479"/>
                    <a:pt x="5990" y="2447"/>
                  </a:cubicBezTo>
                  <a:close/>
                  <a:moveTo>
                    <a:pt x="224" y="2500"/>
                  </a:moveTo>
                  <a:cubicBezTo>
                    <a:pt x="632" y="1876"/>
                    <a:pt x="1239" y="1408"/>
                    <a:pt x="1947" y="1172"/>
                  </a:cubicBezTo>
                  <a:cubicBezTo>
                    <a:pt x="1570" y="1472"/>
                    <a:pt x="1338" y="1919"/>
                    <a:pt x="1310" y="2400"/>
                  </a:cubicBezTo>
                  <a:cubicBezTo>
                    <a:pt x="505" y="2400"/>
                    <a:pt x="505" y="2400"/>
                    <a:pt x="505" y="2400"/>
                  </a:cubicBezTo>
                  <a:cubicBezTo>
                    <a:pt x="505" y="2600"/>
                    <a:pt x="505" y="2600"/>
                    <a:pt x="505" y="2600"/>
                  </a:cubicBezTo>
                  <a:cubicBezTo>
                    <a:pt x="1310" y="2600"/>
                    <a:pt x="1310" y="2600"/>
                    <a:pt x="1310" y="2600"/>
                  </a:cubicBezTo>
                  <a:cubicBezTo>
                    <a:pt x="1338" y="3081"/>
                    <a:pt x="1570" y="3528"/>
                    <a:pt x="1947" y="3828"/>
                  </a:cubicBezTo>
                  <a:cubicBezTo>
                    <a:pt x="1239" y="3592"/>
                    <a:pt x="632" y="3124"/>
                    <a:pt x="224" y="2500"/>
                  </a:cubicBezTo>
                  <a:close/>
                  <a:moveTo>
                    <a:pt x="2905" y="3400"/>
                  </a:moveTo>
                  <a:cubicBezTo>
                    <a:pt x="2905" y="3995"/>
                    <a:pt x="2905" y="3995"/>
                    <a:pt x="2905" y="3995"/>
                  </a:cubicBezTo>
                  <a:cubicBezTo>
                    <a:pt x="2157" y="3944"/>
                    <a:pt x="1561" y="3348"/>
                    <a:pt x="1510" y="2600"/>
                  </a:cubicBezTo>
                  <a:cubicBezTo>
                    <a:pt x="2105" y="2600"/>
                    <a:pt x="2105" y="2600"/>
                    <a:pt x="2105" y="2600"/>
                  </a:cubicBezTo>
                  <a:cubicBezTo>
                    <a:pt x="2105" y="2400"/>
                    <a:pt x="2105" y="2400"/>
                    <a:pt x="2105" y="2400"/>
                  </a:cubicBezTo>
                  <a:cubicBezTo>
                    <a:pt x="1510" y="2400"/>
                    <a:pt x="1510" y="2400"/>
                    <a:pt x="1510" y="2400"/>
                  </a:cubicBezTo>
                  <a:cubicBezTo>
                    <a:pt x="1561" y="1652"/>
                    <a:pt x="2157" y="1056"/>
                    <a:pt x="2905" y="1005"/>
                  </a:cubicBezTo>
                  <a:cubicBezTo>
                    <a:pt x="2905" y="1600"/>
                    <a:pt x="2905" y="1600"/>
                    <a:pt x="2905" y="1600"/>
                  </a:cubicBezTo>
                  <a:cubicBezTo>
                    <a:pt x="3105" y="1600"/>
                    <a:pt x="3105" y="1600"/>
                    <a:pt x="3105" y="1600"/>
                  </a:cubicBezTo>
                  <a:cubicBezTo>
                    <a:pt x="3105" y="1005"/>
                    <a:pt x="3105" y="1005"/>
                    <a:pt x="3105" y="1005"/>
                  </a:cubicBezTo>
                  <a:cubicBezTo>
                    <a:pt x="3853" y="1056"/>
                    <a:pt x="4449" y="1652"/>
                    <a:pt x="4500" y="2400"/>
                  </a:cubicBezTo>
                  <a:cubicBezTo>
                    <a:pt x="3905" y="2400"/>
                    <a:pt x="3905" y="2400"/>
                    <a:pt x="3905" y="2400"/>
                  </a:cubicBezTo>
                  <a:cubicBezTo>
                    <a:pt x="3905" y="2600"/>
                    <a:pt x="3905" y="2600"/>
                    <a:pt x="3905" y="2600"/>
                  </a:cubicBezTo>
                  <a:cubicBezTo>
                    <a:pt x="4500" y="2600"/>
                    <a:pt x="4500" y="2600"/>
                    <a:pt x="4500" y="2600"/>
                  </a:cubicBezTo>
                  <a:cubicBezTo>
                    <a:pt x="4449" y="3348"/>
                    <a:pt x="3853" y="3944"/>
                    <a:pt x="3105" y="3995"/>
                  </a:cubicBezTo>
                  <a:cubicBezTo>
                    <a:pt x="3105" y="3400"/>
                    <a:pt x="3105" y="3400"/>
                    <a:pt x="3105" y="3400"/>
                  </a:cubicBezTo>
                  <a:lnTo>
                    <a:pt x="2905" y="3400"/>
                  </a:lnTo>
                  <a:close/>
                  <a:moveTo>
                    <a:pt x="5786" y="2500"/>
                  </a:moveTo>
                  <a:cubicBezTo>
                    <a:pt x="5378" y="3124"/>
                    <a:pt x="4771" y="3592"/>
                    <a:pt x="4063" y="3828"/>
                  </a:cubicBezTo>
                  <a:cubicBezTo>
                    <a:pt x="4440" y="3528"/>
                    <a:pt x="4672" y="3081"/>
                    <a:pt x="4700" y="2600"/>
                  </a:cubicBezTo>
                  <a:cubicBezTo>
                    <a:pt x="5505" y="2600"/>
                    <a:pt x="5505" y="2600"/>
                    <a:pt x="5505" y="2600"/>
                  </a:cubicBezTo>
                  <a:cubicBezTo>
                    <a:pt x="5505" y="2400"/>
                    <a:pt x="5505" y="2400"/>
                    <a:pt x="5505" y="2400"/>
                  </a:cubicBezTo>
                  <a:cubicBezTo>
                    <a:pt x="4700" y="2400"/>
                    <a:pt x="4700" y="2400"/>
                    <a:pt x="4700" y="2400"/>
                  </a:cubicBezTo>
                  <a:cubicBezTo>
                    <a:pt x="4672" y="1919"/>
                    <a:pt x="4440" y="1472"/>
                    <a:pt x="4063" y="1172"/>
                  </a:cubicBezTo>
                  <a:cubicBezTo>
                    <a:pt x="4771" y="1408"/>
                    <a:pt x="5378" y="1876"/>
                    <a:pt x="5786" y="25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Freeform 15">
              <a:extLst>
                <a:ext uri="{FF2B5EF4-FFF2-40B4-BE49-F238E27FC236}">
                  <a16:creationId xmlns:a16="http://schemas.microsoft.com/office/drawing/2014/main" id="{FDE2E703-C7E4-7153-B308-FECD09E7B988}"/>
                </a:ext>
              </a:extLst>
            </p:cNvPr>
            <p:cNvSpPr>
              <a:spLocks noEditPoints="1"/>
            </p:cNvSpPr>
            <p:nvPr/>
          </p:nvSpPr>
          <p:spPr bwMode="auto">
            <a:xfrm>
              <a:off x="-12700" y="3735388"/>
              <a:ext cx="252413" cy="252413"/>
            </a:xfrm>
            <a:custGeom>
              <a:avLst/>
              <a:gdLst>
                <a:gd name="T0" fmla="*/ 700 w 1400"/>
                <a:gd name="T1" fmla="*/ 0 h 1400"/>
                <a:gd name="T2" fmla="*/ 0 w 1400"/>
                <a:gd name="T3" fmla="*/ 700 h 1400"/>
                <a:gd name="T4" fmla="*/ 700 w 1400"/>
                <a:gd name="T5" fmla="*/ 1400 h 1400"/>
                <a:gd name="T6" fmla="*/ 1400 w 1400"/>
                <a:gd name="T7" fmla="*/ 700 h 1400"/>
                <a:gd name="T8" fmla="*/ 700 w 1400"/>
                <a:gd name="T9" fmla="*/ 0 h 1400"/>
                <a:gd name="T10" fmla="*/ 700 w 1400"/>
                <a:gd name="T11" fmla="*/ 1200 h 1400"/>
                <a:gd name="T12" fmla="*/ 200 w 1400"/>
                <a:gd name="T13" fmla="*/ 700 h 1400"/>
                <a:gd name="T14" fmla="*/ 700 w 1400"/>
                <a:gd name="T15" fmla="*/ 200 h 1400"/>
                <a:gd name="T16" fmla="*/ 1200 w 1400"/>
                <a:gd name="T17" fmla="*/ 700 h 1400"/>
                <a:gd name="T18" fmla="*/ 700 w 1400"/>
                <a:gd name="T19" fmla="*/ 1200 h 1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00" h="1400">
                  <a:moveTo>
                    <a:pt x="700" y="0"/>
                  </a:moveTo>
                  <a:cubicBezTo>
                    <a:pt x="313" y="0"/>
                    <a:pt x="0" y="313"/>
                    <a:pt x="0" y="700"/>
                  </a:cubicBezTo>
                  <a:cubicBezTo>
                    <a:pt x="0" y="1086"/>
                    <a:pt x="314" y="1400"/>
                    <a:pt x="700" y="1400"/>
                  </a:cubicBezTo>
                  <a:cubicBezTo>
                    <a:pt x="1087" y="1400"/>
                    <a:pt x="1400" y="1087"/>
                    <a:pt x="1400" y="700"/>
                  </a:cubicBezTo>
                  <a:cubicBezTo>
                    <a:pt x="1400" y="313"/>
                    <a:pt x="1087" y="0"/>
                    <a:pt x="700" y="0"/>
                  </a:cubicBezTo>
                  <a:close/>
                  <a:moveTo>
                    <a:pt x="700" y="1200"/>
                  </a:moveTo>
                  <a:cubicBezTo>
                    <a:pt x="424" y="1200"/>
                    <a:pt x="200" y="976"/>
                    <a:pt x="200" y="700"/>
                  </a:cubicBezTo>
                  <a:cubicBezTo>
                    <a:pt x="200" y="424"/>
                    <a:pt x="424" y="200"/>
                    <a:pt x="700" y="200"/>
                  </a:cubicBezTo>
                  <a:cubicBezTo>
                    <a:pt x="976" y="200"/>
                    <a:pt x="1200" y="424"/>
                    <a:pt x="1200" y="700"/>
                  </a:cubicBezTo>
                  <a:cubicBezTo>
                    <a:pt x="1200" y="976"/>
                    <a:pt x="976" y="1200"/>
                    <a:pt x="700" y="12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16">
              <a:extLst>
                <a:ext uri="{FF2B5EF4-FFF2-40B4-BE49-F238E27FC236}">
                  <a16:creationId xmlns:a16="http://schemas.microsoft.com/office/drawing/2014/main" id="{02749C73-50F2-98B9-CCDA-6209075F855B}"/>
                </a:ext>
              </a:extLst>
            </p:cNvPr>
            <p:cNvSpPr>
              <a:spLocks/>
            </p:cNvSpPr>
            <p:nvPr/>
          </p:nvSpPr>
          <p:spPr bwMode="auto">
            <a:xfrm>
              <a:off x="-336550" y="3409950"/>
              <a:ext cx="161925" cy="161925"/>
            </a:xfrm>
            <a:custGeom>
              <a:avLst/>
              <a:gdLst>
                <a:gd name="T0" fmla="*/ 100 w 900"/>
                <a:gd name="T1" fmla="*/ 0 h 900"/>
                <a:gd name="T2" fmla="*/ 0 w 900"/>
                <a:gd name="T3" fmla="*/ 100 h 900"/>
                <a:gd name="T4" fmla="*/ 0 w 900"/>
                <a:gd name="T5" fmla="*/ 900 h 900"/>
                <a:gd name="T6" fmla="*/ 200 w 900"/>
                <a:gd name="T7" fmla="*/ 900 h 900"/>
                <a:gd name="T8" fmla="*/ 200 w 900"/>
                <a:gd name="T9" fmla="*/ 200 h 900"/>
                <a:gd name="T10" fmla="*/ 900 w 900"/>
                <a:gd name="T11" fmla="*/ 200 h 900"/>
                <a:gd name="T12" fmla="*/ 900 w 900"/>
                <a:gd name="T13" fmla="*/ 0 h 900"/>
                <a:gd name="T14" fmla="*/ 100 w 900"/>
                <a:gd name="T15" fmla="*/ 0 h 9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0" h="900">
                  <a:moveTo>
                    <a:pt x="100" y="0"/>
                  </a:moveTo>
                  <a:cubicBezTo>
                    <a:pt x="45" y="0"/>
                    <a:pt x="0" y="45"/>
                    <a:pt x="0" y="100"/>
                  </a:cubicBezTo>
                  <a:cubicBezTo>
                    <a:pt x="0" y="900"/>
                    <a:pt x="0" y="900"/>
                    <a:pt x="0" y="900"/>
                  </a:cubicBezTo>
                  <a:cubicBezTo>
                    <a:pt x="200" y="900"/>
                    <a:pt x="200" y="900"/>
                    <a:pt x="200" y="900"/>
                  </a:cubicBezTo>
                  <a:cubicBezTo>
                    <a:pt x="200" y="200"/>
                    <a:pt x="200" y="200"/>
                    <a:pt x="200" y="200"/>
                  </a:cubicBezTo>
                  <a:cubicBezTo>
                    <a:pt x="900" y="200"/>
                    <a:pt x="900" y="200"/>
                    <a:pt x="900" y="200"/>
                  </a:cubicBezTo>
                  <a:cubicBezTo>
                    <a:pt x="900" y="0"/>
                    <a:pt x="900" y="0"/>
                    <a:pt x="900" y="0"/>
                  </a:cubicBezTo>
                  <a:lnTo>
                    <a:pt x="10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Freeform 17">
              <a:extLst>
                <a:ext uri="{FF2B5EF4-FFF2-40B4-BE49-F238E27FC236}">
                  <a16:creationId xmlns:a16="http://schemas.microsoft.com/office/drawing/2014/main" id="{CA20EA7F-C1A8-22F6-35A4-B4BEFFCA0034}"/>
                </a:ext>
              </a:extLst>
            </p:cNvPr>
            <p:cNvSpPr>
              <a:spLocks/>
            </p:cNvSpPr>
            <p:nvPr/>
          </p:nvSpPr>
          <p:spPr bwMode="auto">
            <a:xfrm>
              <a:off x="401637" y="3409950"/>
              <a:ext cx="161925" cy="161925"/>
            </a:xfrm>
            <a:custGeom>
              <a:avLst/>
              <a:gdLst>
                <a:gd name="T0" fmla="*/ 800 w 900"/>
                <a:gd name="T1" fmla="*/ 0 h 900"/>
                <a:gd name="T2" fmla="*/ 0 w 900"/>
                <a:gd name="T3" fmla="*/ 0 h 900"/>
                <a:gd name="T4" fmla="*/ 0 w 900"/>
                <a:gd name="T5" fmla="*/ 200 h 900"/>
                <a:gd name="T6" fmla="*/ 700 w 900"/>
                <a:gd name="T7" fmla="*/ 200 h 900"/>
                <a:gd name="T8" fmla="*/ 700 w 900"/>
                <a:gd name="T9" fmla="*/ 900 h 900"/>
                <a:gd name="T10" fmla="*/ 900 w 900"/>
                <a:gd name="T11" fmla="*/ 900 h 900"/>
                <a:gd name="T12" fmla="*/ 900 w 900"/>
                <a:gd name="T13" fmla="*/ 100 h 900"/>
                <a:gd name="T14" fmla="*/ 800 w 900"/>
                <a:gd name="T15" fmla="*/ 0 h 9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0" h="900">
                  <a:moveTo>
                    <a:pt x="800" y="0"/>
                  </a:moveTo>
                  <a:cubicBezTo>
                    <a:pt x="0" y="0"/>
                    <a:pt x="0" y="0"/>
                    <a:pt x="0" y="0"/>
                  </a:cubicBezTo>
                  <a:cubicBezTo>
                    <a:pt x="0" y="200"/>
                    <a:pt x="0" y="200"/>
                    <a:pt x="0" y="200"/>
                  </a:cubicBezTo>
                  <a:cubicBezTo>
                    <a:pt x="700" y="200"/>
                    <a:pt x="700" y="200"/>
                    <a:pt x="700" y="200"/>
                  </a:cubicBezTo>
                  <a:cubicBezTo>
                    <a:pt x="700" y="900"/>
                    <a:pt x="700" y="900"/>
                    <a:pt x="700" y="900"/>
                  </a:cubicBezTo>
                  <a:cubicBezTo>
                    <a:pt x="900" y="900"/>
                    <a:pt x="900" y="900"/>
                    <a:pt x="900" y="900"/>
                  </a:cubicBezTo>
                  <a:cubicBezTo>
                    <a:pt x="900" y="100"/>
                    <a:pt x="900" y="100"/>
                    <a:pt x="900" y="100"/>
                  </a:cubicBezTo>
                  <a:cubicBezTo>
                    <a:pt x="900" y="45"/>
                    <a:pt x="855" y="0"/>
                    <a:pt x="80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18">
              <a:extLst>
                <a:ext uri="{FF2B5EF4-FFF2-40B4-BE49-F238E27FC236}">
                  <a16:creationId xmlns:a16="http://schemas.microsoft.com/office/drawing/2014/main" id="{FFE3FE10-62F2-42E8-C9A2-71F0EF9DE4D1}"/>
                </a:ext>
              </a:extLst>
            </p:cNvPr>
            <p:cNvSpPr>
              <a:spLocks/>
            </p:cNvSpPr>
            <p:nvPr/>
          </p:nvSpPr>
          <p:spPr bwMode="auto">
            <a:xfrm>
              <a:off x="401637" y="4151313"/>
              <a:ext cx="161925" cy="161925"/>
            </a:xfrm>
            <a:custGeom>
              <a:avLst/>
              <a:gdLst>
                <a:gd name="T0" fmla="*/ 700 w 900"/>
                <a:gd name="T1" fmla="*/ 0 h 900"/>
                <a:gd name="T2" fmla="*/ 700 w 900"/>
                <a:gd name="T3" fmla="*/ 700 h 900"/>
                <a:gd name="T4" fmla="*/ 0 w 900"/>
                <a:gd name="T5" fmla="*/ 700 h 900"/>
                <a:gd name="T6" fmla="*/ 0 w 900"/>
                <a:gd name="T7" fmla="*/ 900 h 900"/>
                <a:gd name="T8" fmla="*/ 800 w 900"/>
                <a:gd name="T9" fmla="*/ 900 h 900"/>
                <a:gd name="T10" fmla="*/ 900 w 900"/>
                <a:gd name="T11" fmla="*/ 800 h 900"/>
                <a:gd name="T12" fmla="*/ 900 w 900"/>
                <a:gd name="T13" fmla="*/ 0 h 900"/>
                <a:gd name="T14" fmla="*/ 700 w 900"/>
                <a:gd name="T15" fmla="*/ 0 h 9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0" h="900">
                  <a:moveTo>
                    <a:pt x="700" y="0"/>
                  </a:moveTo>
                  <a:cubicBezTo>
                    <a:pt x="700" y="700"/>
                    <a:pt x="700" y="700"/>
                    <a:pt x="700" y="700"/>
                  </a:cubicBezTo>
                  <a:cubicBezTo>
                    <a:pt x="0" y="700"/>
                    <a:pt x="0" y="700"/>
                    <a:pt x="0" y="700"/>
                  </a:cubicBezTo>
                  <a:cubicBezTo>
                    <a:pt x="0" y="900"/>
                    <a:pt x="0" y="900"/>
                    <a:pt x="0" y="900"/>
                  </a:cubicBezTo>
                  <a:cubicBezTo>
                    <a:pt x="800" y="900"/>
                    <a:pt x="800" y="900"/>
                    <a:pt x="800" y="900"/>
                  </a:cubicBezTo>
                  <a:cubicBezTo>
                    <a:pt x="855" y="900"/>
                    <a:pt x="900" y="855"/>
                    <a:pt x="900" y="800"/>
                  </a:cubicBezTo>
                  <a:cubicBezTo>
                    <a:pt x="900" y="0"/>
                    <a:pt x="900" y="0"/>
                    <a:pt x="900" y="0"/>
                  </a:cubicBezTo>
                  <a:lnTo>
                    <a:pt x="70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19">
              <a:extLst>
                <a:ext uri="{FF2B5EF4-FFF2-40B4-BE49-F238E27FC236}">
                  <a16:creationId xmlns:a16="http://schemas.microsoft.com/office/drawing/2014/main" id="{40E287C8-80C2-5BAC-96A8-FA87150CDE54}"/>
                </a:ext>
              </a:extLst>
            </p:cNvPr>
            <p:cNvSpPr>
              <a:spLocks/>
            </p:cNvSpPr>
            <p:nvPr/>
          </p:nvSpPr>
          <p:spPr bwMode="auto">
            <a:xfrm>
              <a:off x="-336550" y="4151313"/>
              <a:ext cx="161925" cy="161925"/>
            </a:xfrm>
            <a:custGeom>
              <a:avLst/>
              <a:gdLst>
                <a:gd name="T0" fmla="*/ 200 w 900"/>
                <a:gd name="T1" fmla="*/ 700 h 900"/>
                <a:gd name="T2" fmla="*/ 200 w 900"/>
                <a:gd name="T3" fmla="*/ 0 h 900"/>
                <a:gd name="T4" fmla="*/ 0 w 900"/>
                <a:gd name="T5" fmla="*/ 0 h 900"/>
                <a:gd name="T6" fmla="*/ 0 w 900"/>
                <a:gd name="T7" fmla="*/ 800 h 900"/>
                <a:gd name="T8" fmla="*/ 100 w 900"/>
                <a:gd name="T9" fmla="*/ 900 h 900"/>
                <a:gd name="T10" fmla="*/ 900 w 900"/>
                <a:gd name="T11" fmla="*/ 900 h 900"/>
                <a:gd name="T12" fmla="*/ 900 w 900"/>
                <a:gd name="T13" fmla="*/ 700 h 900"/>
                <a:gd name="T14" fmla="*/ 200 w 900"/>
                <a:gd name="T15" fmla="*/ 700 h 9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0" h="900">
                  <a:moveTo>
                    <a:pt x="200" y="700"/>
                  </a:moveTo>
                  <a:cubicBezTo>
                    <a:pt x="200" y="0"/>
                    <a:pt x="200" y="0"/>
                    <a:pt x="200" y="0"/>
                  </a:cubicBezTo>
                  <a:cubicBezTo>
                    <a:pt x="0" y="0"/>
                    <a:pt x="0" y="0"/>
                    <a:pt x="0" y="0"/>
                  </a:cubicBezTo>
                  <a:cubicBezTo>
                    <a:pt x="0" y="800"/>
                    <a:pt x="0" y="800"/>
                    <a:pt x="0" y="800"/>
                  </a:cubicBezTo>
                  <a:cubicBezTo>
                    <a:pt x="0" y="855"/>
                    <a:pt x="45" y="900"/>
                    <a:pt x="100" y="900"/>
                  </a:cubicBezTo>
                  <a:cubicBezTo>
                    <a:pt x="900" y="900"/>
                    <a:pt x="900" y="900"/>
                    <a:pt x="900" y="900"/>
                  </a:cubicBezTo>
                  <a:cubicBezTo>
                    <a:pt x="900" y="700"/>
                    <a:pt x="900" y="700"/>
                    <a:pt x="900" y="700"/>
                  </a:cubicBezTo>
                  <a:lnTo>
                    <a:pt x="200" y="70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90" name="Group 89">
            <a:extLst>
              <a:ext uri="{FF2B5EF4-FFF2-40B4-BE49-F238E27FC236}">
                <a16:creationId xmlns:a16="http://schemas.microsoft.com/office/drawing/2014/main" id="{10E4E13C-9BFD-1A16-87F0-A561F9604160}"/>
              </a:ext>
            </a:extLst>
          </p:cNvPr>
          <p:cNvGrpSpPr/>
          <p:nvPr/>
        </p:nvGrpSpPr>
        <p:grpSpPr>
          <a:xfrm>
            <a:off x="8011067" y="4377541"/>
            <a:ext cx="1004124" cy="879875"/>
            <a:chOff x="4254500" y="2295525"/>
            <a:chExt cx="628650" cy="550863"/>
          </a:xfrm>
          <a:solidFill>
            <a:schemeClr val="tx1">
              <a:lumMod val="75000"/>
              <a:lumOff val="25000"/>
            </a:schemeClr>
          </a:solidFill>
        </p:grpSpPr>
        <p:sp>
          <p:nvSpPr>
            <p:cNvPr id="91" name="Freeform 6">
              <a:extLst>
                <a:ext uri="{FF2B5EF4-FFF2-40B4-BE49-F238E27FC236}">
                  <a16:creationId xmlns:a16="http://schemas.microsoft.com/office/drawing/2014/main" id="{9AB9C7D5-A94A-8796-33ED-59393A8A13F6}"/>
                </a:ext>
              </a:extLst>
            </p:cNvPr>
            <p:cNvSpPr>
              <a:spLocks noEditPoints="1"/>
            </p:cNvSpPr>
            <p:nvPr/>
          </p:nvSpPr>
          <p:spPr bwMode="auto">
            <a:xfrm>
              <a:off x="4254500" y="2295525"/>
              <a:ext cx="628650" cy="550863"/>
            </a:xfrm>
            <a:custGeom>
              <a:avLst/>
              <a:gdLst/>
              <a:ahLst/>
              <a:cxnLst>
                <a:cxn ang="0">
                  <a:pos x="58" y="36"/>
                </a:cxn>
                <a:cxn ang="0">
                  <a:pos x="46" y="43"/>
                </a:cxn>
                <a:cxn ang="0">
                  <a:pos x="37" y="54"/>
                </a:cxn>
                <a:cxn ang="0">
                  <a:pos x="34" y="68"/>
                </a:cxn>
                <a:cxn ang="0">
                  <a:pos x="36" y="248"/>
                </a:cxn>
                <a:cxn ang="0">
                  <a:pos x="43" y="260"/>
                </a:cxn>
                <a:cxn ang="0">
                  <a:pos x="54" y="269"/>
                </a:cxn>
                <a:cxn ang="0">
                  <a:pos x="68" y="272"/>
                </a:cxn>
                <a:cxn ang="0">
                  <a:pos x="338" y="270"/>
                </a:cxn>
                <a:cxn ang="0">
                  <a:pos x="350" y="264"/>
                </a:cxn>
                <a:cxn ang="0">
                  <a:pos x="358" y="253"/>
                </a:cxn>
                <a:cxn ang="0">
                  <a:pos x="361" y="239"/>
                </a:cxn>
                <a:cxn ang="0">
                  <a:pos x="359" y="58"/>
                </a:cxn>
                <a:cxn ang="0">
                  <a:pos x="353" y="46"/>
                </a:cxn>
                <a:cxn ang="0">
                  <a:pos x="342" y="38"/>
                </a:cxn>
                <a:cxn ang="0">
                  <a:pos x="328" y="35"/>
                </a:cxn>
                <a:cxn ang="0">
                  <a:pos x="328" y="0"/>
                </a:cxn>
                <a:cxn ang="0">
                  <a:pos x="348" y="3"/>
                </a:cxn>
                <a:cxn ang="0">
                  <a:pos x="366" y="12"/>
                </a:cxn>
                <a:cxn ang="0">
                  <a:pos x="380" y="25"/>
                </a:cxn>
                <a:cxn ang="0">
                  <a:pos x="390" y="41"/>
                </a:cxn>
                <a:cxn ang="0">
                  <a:pos x="395" y="61"/>
                </a:cxn>
                <a:cxn ang="0">
                  <a:pos x="395" y="246"/>
                </a:cxn>
                <a:cxn ang="0">
                  <a:pos x="390" y="265"/>
                </a:cxn>
                <a:cxn ang="0">
                  <a:pos x="380" y="282"/>
                </a:cxn>
                <a:cxn ang="0">
                  <a:pos x="366" y="295"/>
                </a:cxn>
                <a:cxn ang="0">
                  <a:pos x="377" y="296"/>
                </a:cxn>
                <a:cxn ang="0">
                  <a:pos x="387" y="303"/>
                </a:cxn>
                <a:cxn ang="0">
                  <a:pos x="393" y="313"/>
                </a:cxn>
                <a:cxn ang="0">
                  <a:pos x="394" y="326"/>
                </a:cxn>
                <a:cxn ang="0">
                  <a:pos x="389" y="337"/>
                </a:cxn>
                <a:cxn ang="0">
                  <a:pos x="380" y="345"/>
                </a:cxn>
                <a:cxn ang="0">
                  <a:pos x="368" y="347"/>
                </a:cxn>
                <a:cxn ang="0">
                  <a:pos x="22" y="346"/>
                </a:cxn>
                <a:cxn ang="0">
                  <a:pos x="11" y="341"/>
                </a:cxn>
                <a:cxn ang="0">
                  <a:pos x="3" y="332"/>
                </a:cxn>
                <a:cxn ang="0">
                  <a:pos x="0" y="320"/>
                </a:cxn>
                <a:cxn ang="0">
                  <a:pos x="3" y="308"/>
                </a:cxn>
                <a:cxn ang="0">
                  <a:pos x="11" y="299"/>
                </a:cxn>
                <a:cxn ang="0">
                  <a:pos x="22" y="294"/>
                </a:cxn>
                <a:cxn ang="0">
                  <a:pos x="24" y="290"/>
                </a:cxn>
                <a:cxn ang="0">
                  <a:pos x="11" y="276"/>
                </a:cxn>
                <a:cxn ang="0">
                  <a:pos x="3" y="258"/>
                </a:cxn>
                <a:cxn ang="0">
                  <a:pos x="0" y="239"/>
                </a:cxn>
                <a:cxn ang="0">
                  <a:pos x="1" y="54"/>
                </a:cxn>
                <a:cxn ang="0">
                  <a:pos x="8" y="36"/>
                </a:cxn>
                <a:cxn ang="0">
                  <a:pos x="20" y="20"/>
                </a:cxn>
                <a:cxn ang="0">
                  <a:pos x="36" y="9"/>
                </a:cxn>
                <a:cxn ang="0">
                  <a:pos x="54" y="2"/>
                </a:cxn>
              </a:cxnLst>
              <a:rect l="0" t="0" r="r" b="b"/>
              <a:pathLst>
                <a:path w="396" h="347">
                  <a:moveTo>
                    <a:pt x="68" y="35"/>
                  </a:moveTo>
                  <a:lnTo>
                    <a:pt x="63" y="35"/>
                  </a:lnTo>
                  <a:lnTo>
                    <a:pt x="58" y="36"/>
                  </a:lnTo>
                  <a:lnTo>
                    <a:pt x="54" y="38"/>
                  </a:lnTo>
                  <a:lnTo>
                    <a:pt x="50" y="40"/>
                  </a:lnTo>
                  <a:lnTo>
                    <a:pt x="46" y="43"/>
                  </a:lnTo>
                  <a:lnTo>
                    <a:pt x="43" y="46"/>
                  </a:lnTo>
                  <a:lnTo>
                    <a:pt x="40" y="50"/>
                  </a:lnTo>
                  <a:lnTo>
                    <a:pt x="37" y="54"/>
                  </a:lnTo>
                  <a:lnTo>
                    <a:pt x="36" y="58"/>
                  </a:lnTo>
                  <a:lnTo>
                    <a:pt x="35" y="63"/>
                  </a:lnTo>
                  <a:lnTo>
                    <a:pt x="34" y="68"/>
                  </a:lnTo>
                  <a:lnTo>
                    <a:pt x="34" y="239"/>
                  </a:lnTo>
                  <a:lnTo>
                    <a:pt x="35" y="244"/>
                  </a:lnTo>
                  <a:lnTo>
                    <a:pt x="36" y="248"/>
                  </a:lnTo>
                  <a:lnTo>
                    <a:pt x="37" y="253"/>
                  </a:lnTo>
                  <a:lnTo>
                    <a:pt x="40" y="257"/>
                  </a:lnTo>
                  <a:lnTo>
                    <a:pt x="43" y="260"/>
                  </a:lnTo>
                  <a:lnTo>
                    <a:pt x="46" y="264"/>
                  </a:lnTo>
                  <a:lnTo>
                    <a:pt x="50" y="266"/>
                  </a:lnTo>
                  <a:lnTo>
                    <a:pt x="54" y="269"/>
                  </a:lnTo>
                  <a:lnTo>
                    <a:pt x="58" y="270"/>
                  </a:lnTo>
                  <a:lnTo>
                    <a:pt x="63" y="271"/>
                  </a:lnTo>
                  <a:lnTo>
                    <a:pt x="68" y="272"/>
                  </a:lnTo>
                  <a:lnTo>
                    <a:pt x="328" y="272"/>
                  </a:lnTo>
                  <a:lnTo>
                    <a:pt x="333" y="271"/>
                  </a:lnTo>
                  <a:lnTo>
                    <a:pt x="338" y="270"/>
                  </a:lnTo>
                  <a:lnTo>
                    <a:pt x="342" y="269"/>
                  </a:lnTo>
                  <a:lnTo>
                    <a:pt x="346" y="266"/>
                  </a:lnTo>
                  <a:lnTo>
                    <a:pt x="350" y="264"/>
                  </a:lnTo>
                  <a:lnTo>
                    <a:pt x="353" y="260"/>
                  </a:lnTo>
                  <a:lnTo>
                    <a:pt x="355" y="257"/>
                  </a:lnTo>
                  <a:lnTo>
                    <a:pt x="358" y="253"/>
                  </a:lnTo>
                  <a:lnTo>
                    <a:pt x="359" y="248"/>
                  </a:lnTo>
                  <a:lnTo>
                    <a:pt x="360" y="244"/>
                  </a:lnTo>
                  <a:lnTo>
                    <a:pt x="361" y="239"/>
                  </a:lnTo>
                  <a:lnTo>
                    <a:pt x="361" y="68"/>
                  </a:lnTo>
                  <a:lnTo>
                    <a:pt x="360" y="63"/>
                  </a:lnTo>
                  <a:lnTo>
                    <a:pt x="359" y="58"/>
                  </a:lnTo>
                  <a:lnTo>
                    <a:pt x="358" y="54"/>
                  </a:lnTo>
                  <a:lnTo>
                    <a:pt x="355" y="50"/>
                  </a:lnTo>
                  <a:lnTo>
                    <a:pt x="353" y="46"/>
                  </a:lnTo>
                  <a:lnTo>
                    <a:pt x="350" y="43"/>
                  </a:lnTo>
                  <a:lnTo>
                    <a:pt x="346" y="40"/>
                  </a:lnTo>
                  <a:lnTo>
                    <a:pt x="342" y="38"/>
                  </a:lnTo>
                  <a:lnTo>
                    <a:pt x="338" y="36"/>
                  </a:lnTo>
                  <a:lnTo>
                    <a:pt x="333" y="35"/>
                  </a:lnTo>
                  <a:lnTo>
                    <a:pt x="328" y="35"/>
                  </a:lnTo>
                  <a:lnTo>
                    <a:pt x="68" y="35"/>
                  </a:lnTo>
                  <a:close/>
                  <a:moveTo>
                    <a:pt x="68" y="0"/>
                  </a:moveTo>
                  <a:lnTo>
                    <a:pt x="328" y="0"/>
                  </a:lnTo>
                  <a:lnTo>
                    <a:pt x="335" y="1"/>
                  </a:lnTo>
                  <a:lnTo>
                    <a:pt x="342" y="2"/>
                  </a:lnTo>
                  <a:lnTo>
                    <a:pt x="348" y="3"/>
                  </a:lnTo>
                  <a:lnTo>
                    <a:pt x="354" y="6"/>
                  </a:lnTo>
                  <a:lnTo>
                    <a:pt x="360" y="9"/>
                  </a:lnTo>
                  <a:lnTo>
                    <a:pt x="366" y="12"/>
                  </a:lnTo>
                  <a:lnTo>
                    <a:pt x="371" y="16"/>
                  </a:lnTo>
                  <a:lnTo>
                    <a:pt x="376" y="20"/>
                  </a:lnTo>
                  <a:lnTo>
                    <a:pt x="380" y="25"/>
                  </a:lnTo>
                  <a:lnTo>
                    <a:pt x="384" y="30"/>
                  </a:lnTo>
                  <a:lnTo>
                    <a:pt x="388" y="36"/>
                  </a:lnTo>
                  <a:lnTo>
                    <a:pt x="390" y="41"/>
                  </a:lnTo>
                  <a:lnTo>
                    <a:pt x="393" y="48"/>
                  </a:lnTo>
                  <a:lnTo>
                    <a:pt x="394" y="54"/>
                  </a:lnTo>
                  <a:lnTo>
                    <a:pt x="395" y="61"/>
                  </a:lnTo>
                  <a:lnTo>
                    <a:pt x="396" y="68"/>
                  </a:lnTo>
                  <a:lnTo>
                    <a:pt x="396" y="239"/>
                  </a:lnTo>
                  <a:lnTo>
                    <a:pt x="395" y="246"/>
                  </a:lnTo>
                  <a:lnTo>
                    <a:pt x="394" y="253"/>
                  </a:lnTo>
                  <a:lnTo>
                    <a:pt x="393" y="259"/>
                  </a:lnTo>
                  <a:lnTo>
                    <a:pt x="390" y="265"/>
                  </a:lnTo>
                  <a:lnTo>
                    <a:pt x="387" y="271"/>
                  </a:lnTo>
                  <a:lnTo>
                    <a:pt x="384" y="277"/>
                  </a:lnTo>
                  <a:lnTo>
                    <a:pt x="380" y="282"/>
                  </a:lnTo>
                  <a:lnTo>
                    <a:pt x="376" y="287"/>
                  </a:lnTo>
                  <a:lnTo>
                    <a:pt x="371" y="291"/>
                  </a:lnTo>
                  <a:lnTo>
                    <a:pt x="366" y="295"/>
                  </a:lnTo>
                  <a:lnTo>
                    <a:pt x="368" y="295"/>
                  </a:lnTo>
                  <a:lnTo>
                    <a:pt x="373" y="295"/>
                  </a:lnTo>
                  <a:lnTo>
                    <a:pt x="377" y="296"/>
                  </a:lnTo>
                  <a:lnTo>
                    <a:pt x="380" y="298"/>
                  </a:lnTo>
                  <a:lnTo>
                    <a:pt x="384" y="300"/>
                  </a:lnTo>
                  <a:lnTo>
                    <a:pt x="387" y="303"/>
                  </a:lnTo>
                  <a:lnTo>
                    <a:pt x="390" y="306"/>
                  </a:lnTo>
                  <a:lnTo>
                    <a:pt x="392" y="309"/>
                  </a:lnTo>
                  <a:lnTo>
                    <a:pt x="393" y="313"/>
                  </a:lnTo>
                  <a:lnTo>
                    <a:pt x="394" y="317"/>
                  </a:lnTo>
                  <a:lnTo>
                    <a:pt x="395" y="321"/>
                  </a:lnTo>
                  <a:lnTo>
                    <a:pt x="394" y="326"/>
                  </a:lnTo>
                  <a:lnTo>
                    <a:pt x="393" y="330"/>
                  </a:lnTo>
                  <a:lnTo>
                    <a:pt x="392" y="333"/>
                  </a:lnTo>
                  <a:lnTo>
                    <a:pt x="389" y="337"/>
                  </a:lnTo>
                  <a:lnTo>
                    <a:pt x="387" y="340"/>
                  </a:lnTo>
                  <a:lnTo>
                    <a:pt x="384" y="342"/>
                  </a:lnTo>
                  <a:lnTo>
                    <a:pt x="380" y="345"/>
                  </a:lnTo>
                  <a:lnTo>
                    <a:pt x="377" y="346"/>
                  </a:lnTo>
                  <a:lnTo>
                    <a:pt x="373" y="347"/>
                  </a:lnTo>
                  <a:lnTo>
                    <a:pt x="368" y="347"/>
                  </a:lnTo>
                  <a:lnTo>
                    <a:pt x="368" y="347"/>
                  </a:lnTo>
                  <a:lnTo>
                    <a:pt x="27" y="346"/>
                  </a:lnTo>
                  <a:lnTo>
                    <a:pt x="22" y="346"/>
                  </a:lnTo>
                  <a:lnTo>
                    <a:pt x="18" y="345"/>
                  </a:lnTo>
                  <a:lnTo>
                    <a:pt x="15" y="344"/>
                  </a:lnTo>
                  <a:lnTo>
                    <a:pt x="11" y="341"/>
                  </a:lnTo>
                  <a:lnTo>
                    <a:pt x="8" y="339"/>
                  </a:lnTo>
                  <a:lnTo>
                    <a:pt x="5" y="336"/>
                  </a:lnTo>
                  <a:lnTo>
                    <a:pt x="3" y="332"/>
                  </a:lnTo>
                  <a:lnTo>
                    <a:pt x="2" y="329"/>
                  </a:lnTo>
                  <a:lnTo>
                    <a:pt x="1" y="324"/>
                  </a:lnTo>
                  <a:lnTo>
                    <a:pt x="0" y="320"/>
                  </a:lnTo>
                  <a:lnTo>
                    <a:pt x="1" y="316"/>
                  </a:lnTo>
                  <a:lnTo>
                    <a:pt x="2" y="312"/>
                  </a:lnTo>
                  <a:lnTo>
                    <a:pt x="3" y="308"/>
                  </a:lnTo>
                  <a:lnTo>
                    <a:pt x="5" y="305"/>
                  </a:lnTo>
                  <a:lnTo>
                    <a:pt x="8" y="302"/>
                  </a:lnTo>
                  <a:lnTo>
                    <a:pt x="11" y="299"/>
                  </a:lnTo>
                  <a:lnTo>
                    <a:pt x="15" y="297"/>
                  </a:lnTo>
                  <a:lnTo>
                    <a:pt x="18" y="295"/>
                  </a:lnTo>
                  <a:lnTo>
                    <a:pt x="22" y="294"/>
                  </a:lnTo>
                  <a:lnTo>
                    <a:pt x="27" y="294"/>
                  </a:lnTo>
                  <a:lnTo>
                    <a:pt x="29" y="294"/>
                  </a:lnTo>
                  <a:lnTo>
                    <a:pt x="24" y="290"/>
                  </a:lnTo>
                  <a:lnTo>
                    <a:pt x="19" y="286"/>
                  </a:lnTo>
                  <a:lnTo>
                    <a:pt x="15" y="281"/>
                  </a:lnTo>
                  <a:lnTo>
                    <a:pt x="11" y="276"/>
                  </a:lnTo>
                  <a:lnTo>
                    <a:pt x="8" y="270"/>
                  </a:lnTo>
                  <a:lnTo>
                    <a:pt x="5" y="265"/>
                  </a:lnTo>
                  <a:lnTo>
                    <a:pt x="3" y="258"/>
                  </a:lnTo>
                  <a:lnTo>
                    <a:pt x="1" y="252"/>
                  </a:lnTo>
                  <a:lnTo>
                    <a:pt x="0" y="246"/>
                  </a:lnTo>
                  <a:lnTo>
                    <a:pt x="0" y="239"/>
                  </a:lnTo>
                  <a:lnTo>
                    <a:pt x="0" y="68"/>
                  </a:lnTo>
                  <a:lnTo>
                    <a:pt x="0" y="61"/>
                  </a:lnTo>
                  <a:lnTo>
                    <a:pt x="1" y="54"/>
                  </a:lnTo>
                  <a:lnTo>
                    <a:pt x="3" y="48"/>
                  </a:lnTo>
                  <a:lnTo>
                    <a:pt x="5" y="41"/>
                  </a:lnTo>
                  <a:lnTo>
                    <a:pt x="8" y="36"/>
                  </a:lnTo>
                  <a:lnTo>
                    <a:pt x="12" y="30"/>
                  </a:lnTo>
                  <a:lnTo>
                    <a:pt x="16" y="25"/>
                  </a:lnTo>
                  <a:lnTo>
                    <a:pt x="20" y="20"/>
                  </a:lnTo>
                  <a:lnTo>
                    <a:pt x="25" y="16"/>
                  </a:lnTo>
                  <a:lnTo>
                    <a:pt x="30" y="12"/>
                  </a:lnTo>
                  <a:lnTo>
                    <a:pt x="36" y="9"/>
                  </a:lnTo>
                  <a:lnTo>
                    <a:pt x="42" y="6"/>
                  </a:lnTo>
                  <a:lnTo>
                    <a:pt x="48" y="3"/>
                  </a:lnTo>
                  <a:lnTo>
                    <a:pt x="54" y="2"/>
                  </a:lnTo>
                  <a:lnTo>
                    <a:pt x="61" y="1"/>
                  </a:lnTo>
                  <a:lnTo>
                    <a:pt x="6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2" name="Freeform 7">
              <a:extLst>
                <a:ext uri="{FF2B5EF4-FFF2-40B4-BE49-F238E27FC236}">
                  <a16:creationId xmlns:a16="http://schemas.microsoft.com/office/drawing/2014/main" id="{BEFCB82A-B9A1-73C4-7909-24FC55486059}"/>
                </a:ext>
              </a:extLst>
            </p:cNvPr>
            <p:cNvSpPr>
              <a:spLocks noEditPoints="1"/>
            </p:cNvSpPr>
            <p:nvPr/>
          </p:nvSpPr>
          <p:spPr bwMode="auto">
            <a:xfrm>
              <a:off x="4452938" y="2420938"/>
              <a:ext cx="231775" cy="234950"/>
            </a:xfrm>
            <a:custGeom>
              <a:avLst/>
              <a:gdLst/>
              <a:ahLst/>
              <a:cxnLst>
                <a:cxn ang="0">
                  <a:pos x="61" y="52"/>
                </a:cxn>
                <a:cxn ang="0">
                  <a:pos x="50" y="63"/>
                </a:cxn>
                <a:cxn ang="0">
                  <a:pos x="48" y="78"/>
                </a:cxn>
                <a:cxn ang="0">
                  <a:pos x="55" y="92"/>
                </a:cxn>
                <a:cxn ang="0">
                  <a:pos x="69" y="99"/>
                </a:cxn>
                <a:cxn ang="0">
                  <a:pos x="84" y="96"/>
                </a:cxn>
                <a:cxn ang="0">
                  <a:pos x="95" y="86"/>
                </a:cxn>
                <a:cxn ang="0">
                  <a:pos x="98" y="70"/>
                </a:cxn>
                <a:cxn ang="0">
                  <a:pos x="90" y="57"/>
                </a:cxn>
                <a:cxn ang="0">
                  <a:pos x="77" y="50"/>
                </a:cxn>
                <a:cxn ang="0">
                  <a:pos x="79" y="1"/>
                </a:cxn>
                <a:cxn ang="0">
                  <a:pos x="84" y="6"/>
                </a:cxn>
                <a:cxn ang="0">
                  <a:pos x="95" y="21"/>
                </a:cxn>
                <a:cxn ang="0">
                  <a:pos x="113" y="18"/>
                </a:cxn>
                <a:cxn ang="0">
                  <a:pos x="120" y="18"/>
                </a:cxn>
                <a:cxn ang="0">
                  <a:pos x="130" y="28"/>
                </a:cxn>
                <a:cxn ang="0">
                  <a:pos x="129" y="35"/>
                </a:cxn>
                <a:cxn ang="0">
                  <a:pos x="125" y="49"/>
                </a:cxn>
                <a:cxn ang="0">
                  <a:pos x="130" y="63"/>
                </a:cxn>
                <a:cxn ang="0">
                  <a:pos x="144" y="65"/>
                </a:cxn>
                <a:cxn ang="0">
                  <a:pos x="146" y="78"/>
                </a:cxn>
                <a:cxn ang="0">
                  <a:pos x="143" y="85"/>
                </a:cxn>
                <a:cxn ang="0">
                  <a:pos x="128" y="91"/>
                </a:cxn>
                <a:cxn ang="0">
                  <a:pos x="128" y="113"/>
                </a:cxn>
                <a:cxn ang="0">
                  <a:pos x="130" y="120"/>
                </a:cxn>
                <a:cxn ang="0">
                  <a:pos x="120" y="131"/>
                </a:cxn>
                <a:cxn ang="0">
                  <a:pos x="113" y="131"/>
                </a:cxn>
                <a:cxn ang="0">
                  <a:pos x="95" y="128"/>
                </a:cxn>
                <a:cxn ang="0">
                  <a:pos x="84" y="143"/>
                </a:cxn>
                <a:cxn ang="0">
                  <a:pos x="79" y="147"/>
                </a:cxn>
                <a:cxn ang="0">
                  <a:pos x="65" y="147"/>
                </a:cxn>
                <a:cxn ang="0">
                  <a:pos x="61" y="141"/>
                </a:cxn>
                <a:cxn ang="0">
                  <a:pos x="46" y="125"/>
                </a:cxn>
                <a:cxn ang="0">
                  <a:pos x="31" y="132"/>
                </a:cxn>
                <a:cxn ang="0">
                  <a:pos x="23" y="130"/>
                </a:cxn>
                <a:cxn ang="0">
                  <a:pos x="15" y="118"/>
                </a:cxn>
                <a:cxn ang="0">
                  <a:pos x="24" y="106"/>
                </a:cxn>
                <a:cxn ang="0">
                  <a:pos x="16" y="86"/>
                </a:cxn>
                <a:cxn ang="0">
                  <a:pos x="1" y="84"/>
                </a:cxn>
                <a:cxn ang="0">
                  <a:pos x="0" y="70"/>
                </a:cxn>
                <a:cxn ang="0">
                  <a:pos x="3" y="64"/>
                </a:cxn>
                <a:cxn ang="0">
                  <a:pos x="17" y="59"/>
                </a:cxn>
                <a:cxn ang="0">
                  <a:pos x="24" y="43"/>
                </a:cxn>
                <a:cxn ang="0">
                  <a:pos x="15" y="30"/>
                </a:cxn>
                <a:cxn ang="0">
                  <a:pos x="23" y="19"/>
                </a:cxn>
                <a:cxn ang="0">
                  <a:pos x="31" y="17"/>
                </a:cxn>
                <a:cxn ang="0">
                  <a:pos x="46" y="23"/>
                </a:cxn>
                <a:cxn ang="0">
                  <a:pos x="61" y="8"/>
                </a:cxn>
                <a:cxn ang="0">
                  <a:pos x="65" y="1"/>
                </a:cxn>
              </a:cxnLst>
              <a:rect l="0" t="0" r="r" b="b"/>
              <a:pathLst>
                <a:path w="146" h="148">
                  <a:moveTo>
                    <a:pt x="73" y="49"/>
                  </a:moveTo>
                  <a:lnTo>
                    <a:pt x="69" y="50"/>
                  </a:lnTo>
                  <a:lnTo>
                    <a:pt x="65" y="51"/>
                  </a:lnTo>
                  <a:lnTo>
                    <a:pt x="61" y="52"/>
                  </a:lnTo>
                  <a:lnTo>
                    <a:pt x="58" y="54"/>
                  </a:lnTo>
                  <a:lnTo>
                    <a:pt x="55" y="57"/>
                  </a:lnTo>
                  <a:lnTo>
                    <a:pt x="52" y="60"/>
                  </a:lnTo>
                  <a:lnTo>
                    <a:pt x="50" y="63"/>
                  </a:lnTo>
                  <a:lnTo>
                    <a:pt x="49" y="66"/>
                  </a:lnTo>
                  <a:lnTo>
                    <a:pt x="48" y="70"/>
                  </a:lnTo>
                  <a:lnTo>
                    <a:pt x="48" y="74"/>
                  </a:lnTo>
                  <a:lnTo>
                    <a:pt x="48" y="78"/>
                  </a:lnTo>
                  <a:lnTo>
                    <a:pt x="49" y="82"/>
                  </a:lnTo>
                  <a:lnTo>
                    <a:pt x="50" y="86"/>
                  </a:lnTo>
                  <a:lnTo>
                    <a:pt x="52" y="89"/>
                  </a:lnTo>
                  <a:lnTo>
                    <a:pt x="55" y="92"/>
                  </a:lnTo>
                  <a:lnTo>
                    <a:pt x="58" y="94"/>
                  </a:lnTo>
                  <a:lnTo>
                    <a:pt x="61" y="96"/>
                  </a:lnTo>
                  <a:lnTo>
                    <a:pt x="65" y="98"/>
                  </a:lnTo>
                  <a:lnTo>
                    <a:pt x="69" y="99"/>
                  </a:lnTo>
                  <a:lnTo>
                    <a:pt x="73" y="99"/>
                  </a:lnTo>
                  <a:lnTo>
                    <a:pt x="77" y="99"/>
                  </a:lnTo>
                  <a:lnTo>
                    <a:pt x="81" y="98"/>
                  </a:lnTo>
                  <a:lnTo>
                    <a:pt x="84" y="96"/>
                  </a:lnTo>
                  <a:lnTo>
                    <a:pt x="88" y="94"/>
                  </a:lnTo>
                  <a:lnTo>
                    <a:pt x="90" y="92"/>
                  </a:lnTo>
                  <a:lnTo>
                    <a:pt x="93" y="89"/>
                  </a:lnTo>
                  <a:lnTo>
                    <a:pt x="95" y="86"/>
                  </a:lnTo>
                  <a:lnTo>
                    <a:pt x="97" y="82"/>
                  </a:lnTo>
                  <a:lnTo>
                    <a:pt x="98" y="78"/>
                  </a:lnTo>
                  <a:lnTo>
                    <a:pt x="98" y="74"/>
                  </a:lnTo>
                  <a:lnTo>
                    <a:pt x="98" y="70"/>
                  </a:lnTo>
                  <a:lnTo>
                    <a:pt x="97" y="66"/>
                  </a:lnTo>
                  <a:lnTo>
                    <a:pt x="95" y="63"/>
                  </a:lnTo>
                  <a:lnTo>
                    <a:pt x="93" y="60"/>
                  </a:lnTo>
                  <a:lnTo>
                    <a:pt x="90" y="57"/>
                  </a:lnTo>
                  <a:lnTo>
                    <a:pt x="88" y="54"/>
                  </a:lnTo>
                  <a:lnTo>
                    <a:pt x="84" y="52"/>
                  </a:lnTo>
                  <a:lnTo>
                    <a:pt x="81" y="51"/>
                  </a:lnTo>
                  <a:lnTo>
                    <a:pt x="77" y="50"/>
                  </a:lnTo>
                  <a:lnTo>
                    <a:pt x="73" y="49"/>
                  </a:lnTo>
                  <a:close/>
                  <a:moveTo>
                    <a:pt x="69" y="0"/>
                  </a:moveTo>
                  <a:lnTo>
                    <a:pt x="77" y="0"/>
                  </a:lnTo>
                  <a:lnTo>
                    <a:pt x="79" y="1"/>
                  </a:lnTo>
                  <a:lnTo>
                    <a:pt x="81" y="1"/>
                  </a:lnTo>
                  <a:lnTo>
                    <a:pt x="82" y="3"/>
                  </a:lnTo>
                  <a:lnTo>
                    <a:pt x="83" y="4"/>
                  </a:lnTo>
                  <a:lnTo>
                    <a:pt x="84" y="6"/>
                  </a:lnTo>
                  <a:lnTo>
                    <a:pt x="84" y="8"/>
                  </a:lnTo>
                  <a:lnTo>
                    <a:pt x="84" y="18"/>
                  </a:lnTo>
                  <a:lnTo>
                    <a:pt x="90" y="19"/>
                  </a:lnTo>
                  <a:lnTo>
                    <a:pt x="95" y="21"/>
                  </a:lnTo>
                  <a:lnTo>
                    <a:pt x="99" y="23"/>
                  </a:lnTo>
                  <a:lnTo>
                    <a:pt x="104" y="26"/>
                  </a:lnTo>
                  <a:lnTo>
                    <a:pt x="111" y="19"/>
                  </a:lnTo>
                  <a:lnTo>
                    <a:pt x="113" y="18"/>
                  </a:lnTo>
                  <a:lnTo>
                    <a:pt x="115" y="17"/>
                  </a:lnTo>
                  <a:lnTo>
                    <a:pt x="117" y="17"/>
                  </a:lnTo>
                  <a:lnTo>
                    <a:pt x="119" y="17"/>
                  </a:lnTo>
                  <a:lnTo>
                    <a:pt x="120" y="18"/>
                  </a:lnTo>
                  <a:lnTo>
                    <a:pt x="122" y="19"/>
                  </a:lnTo>
                  <a:lnTo>
                    <a:pt x="128" y="25"/>
                  </a:lnTo>
                  <a:lnTo>
                    <a:pt x="129" y="26"/>
                  </a:lnTo>
                  <a:lnTo>
                    <a:pt x="130" y="28"/>
                  </a:lnTo>
                  <a:lnTo>
                    <a:pt x="130" y="30"/>
                  </a:lnTo>
                  <a:lnTo>
                    <a:pt x="130" y="32"/>
                  </a:lnTo>
                  <a:lnTo>
                    <a:pt x="130" y="33"/>
                  </a:lnTo>
                  <a:lnTo>
                    <a:pt x="129" y="35"/>
                  </a:lnTo>
                  <a:lnTo>
                    <a:pt x="128" y="36"/>
                  </a:lnTo>
                  <a:lnTo>
                    <a:pt x="121" y="43"/>
                  </a:lnTo>
                  <a:lnTo>
                    <a:pt x="123" y="46"/>
                  </a:lnTo>
                  <a:lnTo>
                    <a:pt x="125" y="49"/>
                  </a:lnTo>
                  <a:lnTo>
                    <a:pt x="126" y="52"/>
                  </a:lnTo>
                  <a:lnTo>
                    <a:pt x="128" y="56"/>
                  </a:lnTo>
                  <a:lnTo>
                    <a:pt x="129" y="59"/>
                  </a:lnTo>
                  <a:lnTo>
                    <a:pt x="130" y="63"/>
                  </a:lnTo>
                  <a:lnTo>
                    <a:pt x="139" y="63"/>
                  </a:lnTo>
                  <a:lnTo>
                    <a:pt x="141" y="64"/>
                  </a:lnTo>
                  <a:lnTo>
                    <a:pt x="143" y="64"/>
                  </a:lnTo>
                  <a:lnTo>
                    <a:pt x="144" y="65"/>
                  </a:lnTo>
                  <a:lnTo>
                    <a:pt x="145" y="66"/>
                  </a:lnTo>
                  <a:lnTo>
                    <a:pt x="146" y="68"/>
                  </a:lnTo>
                  <a:lnTo>
                    <a:pt x="146" y="70"/>
                  </a:lnTo>
                  <a:lnTo>
                    <a:pt x="146" y="78"/>
                  </a:lnTo>
                  <a:lnTo>
                    <a:pt x="146" y="80"/>
                  </a:lnTo>
                  <a:lnTo>
                    <a:pt x="145" y="82"/>
                  </a:lnTo>
                  <a:lnTo>
                    <a:pt x="144" y="84"/>
                  </a:lnTo>
                  <a:lnTo>
                    <a:pt x="143" y="85"/>
                  </a:lnTo>
                  <a:lnTo>
                    <a:pt x="141" y="86"/>
                  </a:lnTo>
                  <a:lnTo>
                    <a:pt x="139" y="86"/>
                  </a:lnTo>
                  <a:lnTo>
                    <a:pt x="130" y="86"/>
                  </a:lnTo>
                  <a:lnTo>
                    <a:pt x="128" y="91"/>
                  </a:lnTo>
                  <a:lnTo>
                    <a:pt x="126" y="96"/>
                  </a:lnTo>
                  <a:lnTo>
                    <a:pt x="124" y="101"/>
                  </a:lnTo>
                  <a:lnTo>
                    <a:pt x="121" y="106"/>
                  </a:lnTo>
                  <a:lnTo>
                    <a:pt x="128" y="113"/>
                  </a:lnTo>
                  <a:lnTo>
                    <a:pt x="129" y="114"/>
                  </a:lnTo>
                  <a:lnTo>
                    <a:pt x="130" y="116"/>
                  </a:lnTo>
                  <a:lnTo>
                    <a:pt x="130" y="118"/>
                  </a:lnTo>
                  <a:lnTo>
                    <a:pt x="130" y="120"/>
                  </a:lnTo>
                  <a:lnTo>
                    <a:pt x="129" y="122"/>
                  </a:lnTo>
                  <a:lnTo>
                    <a:pt x="128" y="124"/>
                  </a:lnTo>
                  <a:lnTo>
                    <a:pt x="122" y="130"/>
                  </a:lnTo>
                  <a:lnTo>
                    <a:pt x="120" y="131"/>
                  </a:lnTo>
                  <a:lnTo>
                    <a:pt x="119" y="132"/>
                  </a:lnTo>
                  <a:lnTo>
                    <a:pt x="117" y="132"/>
                  </a:lnTo>
                  <a:lnTo>
                    <a:pt x="115" y="132"/>
                  </a:lnTo>
                  <a:lnTo>
                    <a:pt x="113" y="131"/>
                  </a:lnTo>
                  <a:lnTo>
                    <a:pt x="111" y="130"/>
                  </a:lnTo>
                  <a:lnTo>
                    <a:pt x="104" y="123"/>
                  </a:lnTo>
                  <a:lnTo>
                    <a:pt x="99" y="125"/>
                  </a:lnTo>
                  <a:lnTo>
                    <a:pt x="95" y="128"/>
                  </a:lnTo>
                  <a:lnTo>
                    <a:pt x="90" y="129"/>
                  </a:lnTo>
                  <a:lnTo>
                    <a:pt x="84" y="131"/>
                  </a:lnTo>
                  <a:lnTo>
                    <a:pt x="84" y="141"/>
                  </a:lnTo>
                  <a:lnTo>
                    <a:pt x="84" y="143"/>
                  </a:lnTo>
                  <a:lnTo>
                    <a:pt x="83" y="144"/>
                  </a:lnTo>
                  <a:lnTo>
                    <a:pt x="82" y="146"/>
                  </a:lnTo>
                  <a:lnTo>
                    <a:pt x="81" y="147"/>
                  </a:lnTo>
                  <a:lnTo>
                    <a:pt x="79" y="147"/>
                  </a:lnTo>
                  <a:lnTo>
                    <a:pt x="77" y="148"/>
                  </a:lnTo>
                  <a:lnTo>
                    <a:pt x="69" y="148"/>
                  </a:lnTo>
                  <a:lnTo>
                    <a:pt x="67" y="147"/>
                  </a:lnTo>
                  <a:lnTo>
                    <a:pt x="65" y="147"/>
                  </a:lnTo>
                  <a:lnTo>
                    <a:pt x="63" y="146"/>
                  </a:lnTo>
                  <a:lnTo>
                    <a:pt x="62" y="144"/>
                  </a:lnTo>
                  <a:lnTo>
                    <a:pt x="61" y="143"/>
                  </a:lnTo>
                  <a:lnTo>
                    <a:pt x="61" y="141"/>
                  </a:lnTo>
                  <a:lnTo>
                    <a:pt x="61" y="131"/>
                  </a:lnTo>
                  <a:lnTo>
                    <a:pt x="56" y="129"/>
                  </a:lnTo>
                  <a:lnTo>
                    <a:pt x="51" y="128"/>
                  </a:lnTo>
                  <a:lnTo>
                    <a:pt x="46" y="125"/>
                  </a:lnTo>
                  <a:lnTo>
                    <a:pt x="41" y="123"/>
                  </a:lnTo>
                  <a:lnTo>
                    <a:pt x="34" y="130"/>
                  </a:lnTo>
                  <a:lnTo>
                    <a:pt x="33" y="131"/>
                  </a:lnTo>
                  <a:lnTo>
                    <a:pt x="31" y="132"/>
                  </a:lnTo>
                  <a:lnTo>
                    <a:pt x="29" y="132"/>
                  </a:lnTo>
                  <a:lnTo>
                    <a:pt x="27" y="132"/>
                  </a:lnTo>
                  <a:lnTo>
                    <a:pt x="25" y="131"/>
                  </a:lnTo>
                  <a:lnTo>
                    <a:pt x="23" y="130"/>
                  </a:lnTo>
                  <a:lnTo>
                    <a:pt x="17" y="124"/>
                  </a:lnTo>
                  <a:lnTo>
                    <a:pt x="16" y="122"/>
                  </a:lnTo>
                  <a:lnTo>
                    <a:pt x="15" y="120"/>
                  </a:lnTo>
                  <a:lnTo>
                    <a:pt x="15" y="118"/>
                  </a:lnTo>
                  <a:lnTo>
                    <a:pt x="15" y="116"/>
                  </a:lnTo>
                  <a:lnTo>
                    <a:pt x="16" y="114"/>
                  </a:lnTo>
                  <a:lnTo>
                    <a:pt x="17" y="113"/>
                  </a:lnTo>
                  <a:lnTo>
                    <a:pt x="24" y="106"/>
                  </a:lnTo>
                  <a:lnTo>
                    <a:pt x="22" y="101"/>
                  </a:lnTo>
                  <a:lnTo>
                    <a:pt x="19" y="96"/>
                  </a:lnTo>
                  <a:lnTo>
                    <a:pt x="17" y="91"/>
                  </a:lnTo>
                  <a:lnTo>
                    <a:pt x="16" y="86"/>
                  </a:lnTo>
                  <a:lnTo>
                    <a:pt x="6" y="86"/>
                  </a:lnTo>
                  <a:lnTo>
                    <a:pt x="4" y="86"/>
                  </a:lnTo>
                  <a:lnTo>
                    <a:pt x="3" y="85"/>
                  </a:lnTo>
                  <a:lnTo>
                    <a:pt x="1" y="84"/>
                  </a:lnTo>
                  <a:lnTo>
                    <a:pt x="1" y="82"/>
                  </a:lnTo>
                  <a:lnTo>
                    <a:pt x="0" y="81"/>
                  </a:lnTo>
                  <a:lnTo>
                    <a:pt x="0" y="79"/>
                  </a:lnTo>
                  <a:lnTo>
                    <a:pt x="0" y="70"/>
                  </a:lnTo>
                  <a:lnTo>
                    <a:pt x="0" y="68"/>
                  </a:lnTo>
                  <a:lnTo>
                    <a:pt x="1" y="66"/>
                  </a:lnTo>
                  <a:lnTo>
                    <a:pt x="1" y="65"/>
                  </a:lnTo>
                  <a:lnTo>
                    <a:pt x="3" y="64"/>
                  </a:lnTo>
                  <a:lnTo>
                    <a:pt x="4" y="64"/>
                  </a:lnTo>
                  <a:lnTo>
                    <a:pt x="6" y="63"/>
                  </a:lnTo>
                  <a:lnTo>
                    <a:pt x="16" y="63"/>
                  </a:lnTo>
                  <a:lnTo>
                    <a:pt x="17" y="59"/>
                  </a:lnTo>
                  <a:lnTo>
                    <a:pt x="18" y="54"/>
                  </a:lnTo>
                  <a:lnTo>
                    <a:pt x="20" y="50"/>
                  </a:lnTo>
                  <a:lnTo>
                    <a:pt x="22" y="47"/>
                  </a:lnTo>
                  <a:lnTo>
                    <a:pt x="24" y="43"/>
                  </a:lnTo>
                  <a:lnTo>
                    <a:pt x="17" y="36"/>
                  </a:lnTo>
                  <a:lnTo>
                    <a:pt x="16" y="34"/>
                  </a:lnTo>
                  <a:lnTo>
                    <a:pt x="15" y="32"/>
                  </a:lnTo>
                  <a:lnTo>
                    <a:pt x="15" y="30"/>
                  </a:lnTo>
                  <a:lnTo>
                    <a:pt x="15" y="28"/>
                  </a:lnTo>
                  <a:lnTo>
                    <a:pt x="16" y="26"/>
                  </a:lnTo>
                  <a:lnTo>
                    <a:pt x="17" y="25"/>
                  </a:lnTo>
                  <a:lnTo>
                    <a:pt x="23" y="19"/>
                  </a:lnTo>
                  <a:lnTo>
                    <a:pt x="25" y="18"/>
                  </a:lnTo>
                  <a:lnTo>
                    <a:pt x="27" y="17"/>
                  </a:lnTo>
                  <a:lnTo>
                    <a:pt x="29" y="17"/>
                  </a:lnTo>
                  <a:lnTo>
                    <a:pt x="31" y="17"/>
                  </a:lnTo>
                  <a:lnTo>
                    <a:pt x="33" y="18"/>
                  </a:lnTo>
                  <a:lnTo>
                    <a:pt x="34" y="19"/>
                  </a:lnTo>
                  <a:lnTo>
                    <a:pt x="41" y="26"/>
                  </a:lnTo>
                  <a:lnTo>
                    <a:pt x="46" y="23"/>
                  </a:lnTo>
                  <a:lnTo>
                    <a:pt x="51" y="21"/>
                  </a:lnTo>
                  <a:lnTo>
                    <a:pt x="56" y="19"/>
                  </a:lnTo>
                  <a:lnTo>
                    <a:pt x="61" y="18"/>
                  </a:lnTo>
                  <a:lnTo>
                    <a:pt x="61" y="8"/>
                  </a:lnTo>
                  <a:lnTo>
                    <a:pt x="61" y="6"/>
                  </a:lnTo>
                  <a:lnTo>
                    <a:pt x="62" y="4"/>
                  </a:lnTo>
                  <a:lnTo>
                    <a:pt x="63" y="3"/>
                  </a:lnTo>
                  <a:lnTo>
                    <a:pt x="65" y="1"/>
                  </a:lnTo>
                  <a:lnTo>
                    <a:pt x="67" y="1"/>
                  </a:lnTo>
                  <a:lnTo>
                    <a:pt x="6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93" name="Group 92">
            <a:extLst>
              <a:ext uri="{FF2B5EF4-FFF2-40B4-BE49-F238E27FC236}">
                <a16:creationId xmlns:a16="http://schemas.microsoft.com/office/drawing/2014/main" id="{558428FA-B8A7-7B5E-E213-542AFF2CE81C}"/>
              </a:ext>
            </a:extLst>
          </p:cNvPr>
          <p:cNvGrpSpPr/>
          <p:nvPr/>
        </p:nvGrpSpPr>
        <p:grpSpPr>
          <a:xfrm>
            <a:off x="10237094" y="1945682"/>
            <a:ext cx="1010884" cy="1045017"/>
            <a:chOff x="98425" y="2773363"/>
            <a:chExt cx="1222375" cy="1263650"/>
          </a:xfrm>
          <a:solidFill>
            <a:schemeClr val="tx1">
              <a:lumMod val="75000"/>
              <a:lumOff val="25000"/>
            </a:schemeClr>
          </a:solidFill>
        </p:grpSpPr>
        <p:sp>
          <p:nvSpPr>
            <p:cNvPr id="94" name="Freeform 9">
              <a:extLst>
                <a:ext uri="{FF2B5EF4-FFF2-40B4-BE49-F238E27FC236}">
                  <a16:creationId xmlns:a16="http://schemas.microsoft.com/office/drawing/2014/main" id="{BF3099E2-F5DD-39C9-0F88-EA3F235CB437}"/>
                </a:ext>
              </a:extLst>
            </p:cNvPr>
            <p:cNvSpPr>
              <a:spLocks noEditPoints="1"/>
            </p:cNvSpPr>
            <p:nvPr/>
          </p:nvSpPr>
          <p:spPr bwMode="auto">
            <a:xfrm>
              <a:off x="384175" y="3059113"/>
              <a:ext cx="650875" cy="788988"/>
            </a:xfrm>
            <a:custGeom>
              <a:avLst/>
              <a:gdLst>
                <a:gd name="T0" fmla="*/ 1552 w 3104"/>
                <a:gd name="T1" fmla="*/ 0 h 3747"/>
                <a:gd name="T2" fmla="*/ 0 w 3104"/>
                <a:gd name="T3" fmla="*/ 1552 h 3747"/>
                <a:gd name="T4" fmla="*/ 332 w 3104"/>
                <a:gd name="T5" fmla="*/ 2509 h 3747"/>
                <a:gd name="T6" fmla="*/ 467 w 3104"/>
                <a:gd name="T7" fmla="*/ 2671 h 3747"/>
                <a:gd name="T8" fmla="*/ 470 w 3104"/>
                <a:gd name="T9" fmla="*/ 2674 h 3747"/>
                <a:gd name="T10" fmla="*/ 823 w 3104"/>
                <a:gd name="T11" fmla="*/ 3224 h 3747"/>
                <a:gd name="T12" fmla="*/ 837 w 3104"/>
                <a:gd name="T13" fmla="*/ 3432 h 3747"/>
                <a:gd name="T14" fmla="*/ 837 w 3104"/>
                <a:gd name="T15" fmla="*/ 3551 h 3747"/>
                <a:gd name="T16" fmla="*/ 1033 w 3104"/>
                <a:gd name="T17" fmla="*/ 3747 h 3747"/>
                <a:gd name="T18" fmla="*/ 2062 w 3104"/>
                <a:gd name="T19" fmla="*/ 3747 h 3747"/>
                <a:gd name="T20" fmla="*/ 2259 w 3104"/>
                <a:gd name="T21" fmla="*/ 3551 h 3747"/>
                <a:gd name="T22" fmla="*/ 2259 w 3104"/>
                <a:gd name="T23" fmla="*/ 3431 h 3747"/>
                <a:gd name="T24" fmla="*/ 2272 w 3104"/>
                <a:gd name="T25" fmla="*/ 3238 h 3747"/>
                <a:gd name="T26" fmla="*/ 2645 w 3104"/>
                <a:gd name="T27" fmla="*/ 2662 h 3747"/>
                <a:gd name="T28" fmla="*/ 2651 w 3104"/>
                <a:gd name="T29" fmla="*/ 2655 h 3747"/>
                <a:gd name="T30" fmla="*/ 2772 w 3104"/>
                <a:gd name="T31" fmla="*/ 2509 h 3747"/>
                <a:gd name="T32" fmla="*/ 3104 w 3104"/>
                <a:gd name="T33" fmla="*/ 1552 h 3747"/>
                <a:gd name="T34" fmla="*/ 1552 w 3104"/>
                <a:gd name="T35" fmla="*/ 0 h 3747"/>
                <a:gd name="T36" fmla="*/ 2463 w 3104"/>
                <a:gd name="T37" fmla="*/ 2266 h 3747"/>
                <a:gd name="T38" fmla="*/ 2352 w 3104"/>
                <a:gd name="T39" fmla="*/ 2400 h 3747"/>
                <a:gd name="T40" fmla="*/ 2344 w 3104"/>
                <a:gd name="T41" fmla="*/ 2409 h 3747"/>
                <a:gd name="T42" fmla="*/ 1893 w 3104"/>
                <a:gd name="T43" fmla="*/ 3134 h 3747"/>
                <a:gd name="T44" fmla="*/ 1866 w 3104"/>
                <a:gd name="T45" fmla="*/ 3354 h 3747"/>
                <a:gd name="T46" fmla="*/ 1229 w 3104"/>
                <a:gd name="T47" fmla="*/ 3354 h 3747"/>
                <a:gd name="T48" fmla="*/ 1202 w 3104"/>
                <a:gd name="T49" fmla="*/ 3121 h 3747"/>
                <a:gd name="T50" fmla="*/ 768 w 3104"/>
                <a:gd name="T51" fmla="*/ 2417 h 3747"/>
                <a:gd name="T52" fmla="*/ 765 w 3104"/>
                <a:gd name="T53" fmla="*/ 2414 h 3747"/>
                <a:gd name="T54" fmla="*/ 641 w 3104"/>
                <a:gd name="T55" fmla="*/ 2266 h 3747"/>
                <a:gd name="T56" fmla="*/ 393 w 3104"/>
                <a:gd name="T57" fmla="*/ 1552 h 3747"/>
                <a:gd name="T58" fmla="*/ 1552 w 3104"/>
                <a:gd name="T59" fmla="*/ 393 h 3747"/>
                <a:gd name="T60" fmla="*/ 2711 w 3104"/>
                <a:gd name="T61" fmla="*/ 1552 h 3747"/>
                <a:gd name="T62" fmla="*/ 2463 w 3104"/>
                <a:gd name="T63" fmla="*/ 2266 h 3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104" h="3747">
                  <a:moveTo>
                    <a:pt x="1552" y="0"/>
                  </a:moveTo>
                  <a:cubicBezTo>
                    <a:pt x="696" y="0"/>
                    <a:pt x="0" y="696"/>
                    <a:pt x="0" y="1552"/>
                  </a:cubicBezTo>
                  <a:cubicBezTo>
                    <a:pt x="0" y="1902"/>
                    <a:pt x="115" y="2233"/>
                    <a:pt x="332" y="2509"/>
                  </a:cubicBezTo>
                  <a:cubicBezTo>
                    <a:pt x="375" y="2563"/>
                    <a:pt x="420" y="2616"/>
                    <a:pt x="467" y="2671"/>
                  </a:cubicBezTo>
                  <a:cubicBezTo>
                    <a:pt x="470" y="2674"/>
                    <a:pt x="470" y="2674"/>
                    <a:pt x="470" y="2674"/>
                  </a:cubicBezTo>
                  <a:cubicBezTo>
                    <a:pt x="616" y="2843"/>
                    <a:pt x="767" y="3018"/>
                    <a:pt x="823" y="3224"/>
                  </a:cubicBezTo>
                  <a:cubicBezTo>
                    <a:pt x="836" y="3272"/>
                    <a:pt x="838" y="3362"/>
                    <a:pt x="837" y="3432"/>
                  </a:cubicBezTo>
                  <a:cubicBezTo>
                    <a:pt x="837" y="3551"/>
                    <a:pt x="837" y="3551"/>
                    <a:pt x="837" y="3551"/>
                  </a:cubicBezTo>
                  <a:cubicBezTo>
                    <a:pt x="837" y="3659"/>
                    <a:pt x="925" y="3747"/>
                    <a:pt x="1033" y="3747"/>
                  </a:cubicBezTo>
                  <a:cubicBezTo>
                    <a:pt x="2062" y="3747"/>
                    <a:pt x="2062" y="3747"/>
                    <a:pt x="2062" y="3747"/>
                  </a:cubicBezTo>
                  <a:cubicBezTo>
                    <a:pt x="2171" y="3747"/>
                    <a:pt x="2259" y="3659"/>
                    <a:pt x="2259" y="3551"/>
                  </a:cubicBezTo>
                  <a:cubicBezTo>
                    <a:pt x="2259" y="3431"/>
                    <a:pt x="2259" y="3431"/>
                    <a:pt x="2259" y="3431"/>
                  </a:cubicBezTo>
                  <a:cubicBezTo>
                    <a:pt x="2258" y="3339"/>
                    <a:pt x="2263" y="3273"/>
                    <a:pt x="2272" y="3238"/>
                  </a:cubicBezTo>
                  <a:cubicBezTo>
                    <a:pt x="2329" y="3034"/>
                    <a:pt x="2496" y="2837"/>
                    <a:pt x="2645" y="2662"/>
                  </a:cubicBezTo>
                  <a:cubicBezTo>
                    <a:pt x="2651" y="2655"/>
                    <a:pt x="2651" y="2655"/>
                    <a:pt x="2651" y="2655"/>
                  </a:cubicBezTo>
                  <a:cubicBezTo>
                    <a:pt x="2694" y="2604"/>
                    <a:pt x="2735" y="2556"/>
                    <a:pt x="2772" y="2509"/>
                  </a:cubicBezTo>
                  <a:cubicBezTo>
                    <a:pt x="2989" y="2234"/>
                    <a:pt x="3104" y="1902"/>
                    <a:pt x="3104" y="1552"/>
                  </a:cubicBezTo>
                  <a:cubicBezTo>
                    <a:pt x="3104" y="696"/>
                    <a:pt x="2408" y="0"/>
                    <a:pt x="1552" y="0"/>
                  </a:cubicBezTo>
                  <a:close/>
                  <a:moveTo>
                    <a:pt x="2463" y="2266"/>
                  </a:moveTo>
                  <a:cubicBezTo>
                    <a:pt x="2431" y="2308"/>
                    <a:pt x="2392" y="2352"/>
                    <a:pt x="2352" y="2400"/>
                  </a:cubicBezTo>
                  <a:cubicBezTo>
                    <a:pt x="2344" y="2409"/>
                    <a:pt x="2344" y="2409"/>
                    <a:pt x="2344" y="2409"/>
                  </a:cubicBezTo>
                  <a:cubicBezTo>
                    <a:pt x="2170" y="2614"/>
                    <a:pt x="1973" y="2845"/>
                    <a:pt x="1893" y="3134"/>
                  </a:cubicBezTo>
                  <a:cubicBezTo>
                    <a:pt x="1882" y="3175"/>
                    <a:pt x="1870" y="3236"/>
                    <a:pt x="1866" y="3354"/>
                  </a:cubicBezTo>
                  <a:cubicBezTo>
                    <a:pt x="1229" y="3354"/>
                    <a:pt x="1229" y="3354"/>
                    <a:pt x="1229" y="3354"/>
                  </a:cubicBezTo>
                  <a:cubicBezTo>
                    <a:pt x="1227" y="3229"/>
                    <a:pt x="1214" y="3165"/>
                    <a:pt x="1202" y="3121"/>
                  </a:cubicBezTo>
                  <a:cubicBezTo>
                    <a:pt x="1122" y="2829"/>
                    <a:pt x="926" y="2601"/>
                    <a:pt x="768" y="2417"/>
                  </a:cubicBezTo>
                  <a:cubicBezTo>
                    <a:pt x="765" y="2414"/>
                    <a:pt x="765" y="2414"/>
                    <a:pt x="765" y="2414"/>
                  </a:cubicBezTo>
                  <a:cubicBezTo>
                    <a:pt x="720" y="2362"/>
                    <a:pt x="678" y="2314"/>
                    <a:pt x="641" y="2266"/>
                  </a:cubicBezTo>
                  <a:cubicBezTo>
                    <a:pt x="479" y="2060"/>
                    <a:pt x="393" y="1813"/>
                    <a:pt x="393" y="1552"/>
                  </a:cubicBezTo>
                  <a:cubicBezTo>
                    <a:pt x="393" y="913"/>
                    <a:pt x="913" y="393"/>
                    <a:pt x="1552" y="393"/>
                  </a:cubicBezTo>
                  <a:cubicBezTo>
                    <a:pt x="2191" y="393"/>
                    <a:pt x="2711" y="913"/>
                    <a:pt x="2711" y="1552"/>
                  </a:cubicBezTo>
                  <a:cubicBezTo>
                    <a:pt x="2711" y="1813"/>
                    <a:pt x="2625" y="2060"/>
                    <a:pt x="2463" y="226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5" name="Freeform 10">
              <a:extLst>
                <a:ext uri="{FF2B5EF4-FFF2-40B4-BE49-F238E27FC236}">
                  <a16:creationId xmlns:a16="http://schemas.microsoft.com/office/drawing/2014/main" id="{AF46954D-C38A-12F8-0568-2F6E85998FBD}"/>
                </a:ext>
              </a:extLst>
            </p:cNvPr>
            <p:cNvSpPr>
              <a:spLocks/>
            </p:cNvSpPr>
            <p:nvPr/>
          </p:nvSpPr>
          <p:spPr bwMode="auto">
            <a:xfrm>
              <a:off x="558800" y="3860801"/>
              <a:ext cx="300038" cy="82550"/>
            </a:xfrm>
            <a:custGeom>
              <a:avLst/>
              <a:gdLst>
                <a:gd name="T0" fmla="*/ 1225 w 1422"/>
                <a:gd name="T1" fmla="*/ 0 h 393"/>
                <a:gd name="T2" fmla="*/ 196 w 1422"/>
                <a:gd name="T3" fmla="*/ 0 h 393"/>
                <a:gd name="T4" fmla="*/ 0 w 1422"/>
                <a:gd name="T5" fmla="*/ 196 h 393"/>
                <a:gd name="T6" fmla="*/ 196 w 1422"/>
                <a:gd name="T7" fmla="*/ 393 h 393"/>
                <a:gd name="T8" fmla="*/ 1225 w 1422"/>
                <a:gd name="T9" fmla="*/ 393 h 393"/>
                <a:gd name="T10" fmla="*/ 1422 w 1422"/>
                <a:gd name="T11" fmla="*/ 196 h 393"/>
                <a:gd name="T12" fmla="*/ 1225 w 1422"/>
                <a:gd name="T13" fmla="*/ 0 h 393"/>
              </a:gdLst>
              <a:ahLst/>
              <a:cxnLst>
                <a:cxn ang="0">
                  <a:pos x="T0" y="T1"/>
                </a:cxn>
                <a:cxn ang="0">
                  <a:pos x="T2" y="T3"/>
                </a:cxn>
                <a:cxn ang="0">
                  <a:pos x="T4" y="T5"/>
                </a:cxn>
                <a:cxn ang="0">
                  <a:pos x="T6" y="T7"/>
                </a:cxn>
                <a:cxn ang="0">
                  <a:pos x="T8" y="T9"/>
                </a:cxn>
                <a:cxn ang="0">
                  <a:pos x="T10" y="T11"/>
                </a:cxn>
                <a:cxn ang="0">
                  <a:pos x="T12" y="T13"/>
                </a:cxn>
              </a:cxnLst>
              <a:rect l="0" t="0" r="r" b="b"/>
              <a:pathLst>
                <a:path w="1422" h="393">
                  <a:moveTo>
                    <a:pt x="1225" y="0"/>
                  </a:moveTo>
                  <a:cubicBezTo>
                    <a:pt x="196" y="0"/>
                    <a:pt x="196" y="0"/>
                    <a:pt x="196" y="0"/>
                  </a:cubicBezTo>
                  <a:cubicBezTo>
                    <a:pt x="88" y="0"/>
                    <a:pt x="0" y="88"/>
                    <a:pt x="0" y="196"/>
                  </a:cubicBezTo>
                  <a:cubicBezTo>
                    <a:pt x="0" y="305"/>
                    <a:pt x="88" y="393"/>
                    <a:pt x="196" y="393"/>
                  </a:cubicBezTo>
                  <a:cubicBezTo>
                    <a:pt x="1225" y="393"/>
                    <a:pt x="1225" y="393"/>
                    <a:pt x="1225" y="393"/>
                  </a:cubicBezTo>
                  <a:cubicBezTo>
                    <a:pt x="1334" y="393"/>
                    <a:pt x="1422" y="305"/>
                    <a:pt x="1422" y="196"/>
                  </a:cubicBezTo>
                  <a:cubicBezTo>
                    <a:pt x="1422" y="88"/>
                    <a:pt x="1334" y="0"/>
                    <a:pt x="1225"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6" name="Freeform 11">
              <a:extLst>
                <a:ext uri="{FF2B5EF4-FFF2-40B4-BE49-F238E27FC236}">
                  <a16:creationId xmlns:a16="http://schemas.microsoft.com/office/drawing/2014/main" id="{3019F113-AE12-53E0-967B-1BCC004AECF4}"/>
                </a:ext>
              </a:extLst>
            </p:cNvPr>
            <p:cNvSpPr>
              <a:spLocks/>
            </p:cNvSpPr>
            <p:nvPr/>
          </p:nvSpPr>
          <p:spPr bwMode="auto">
            <a:xfrm>
              <a:off x="612775" y="3954463"/>
              <a:ext cx="190500" cy="82550"/>
            </a:xfrm>
            <a:custGeom>
              <a:avLst/>
              <a:gdLst>
                <a:gd name="T0" fmla="*/ 711 w 907"/>
                <a:gd name="T1" fmla="*/ 0 h 393"/>
                <a:gd name="T2" fmla="*/ 197 w 907"/>
                <a:gd name="T3" fmla="*/ 0 h 393"/>
                <a:gd name="T4" fmla="*/ 0 w 907"/>
                <a:gd name="T5" fmla="*/ 197 h 393"/>
                <a:gd name="T6" fmla="*/ 197 w 907"/>
                <a:gd name="T7" fmla="*/ 393 h 393"/>
                <a:gd name="T8" fmla="*/ 711 w 907"/>
                <a:gd name="T9" fmla="*/ 393 h 393"/>
                <a:gd name="T10" fmla="*/ 907 w 907"/>
                <a:gd name="T11" fmla="*/ 197 h 393"/>
                <a:gd name="T12" fmla="*/ 711 w 907"/>
                <a:gd name="T13" fmla="*/ 0 h 393"/>
              </a:gdLst>
              <a:ahLst/>
              <a:cxnLst>
                <a:cxn ang="0">
                  <a:pos x="T0" y="T1"/>
                </a:cxn>
                <a:cxn ang="0">
                  <a:pos x="T2" y="T3"/>
                </a:cxn>
                <a:cxn ang="0">
                  <a:pos x="T4" y="T5"/>
                </a:cxn>
                <a:cxn ang="0">
                  <a:pos x="T6" y="T7"/>
                </a:cxn>
                <a:cxn ang="0">
                  <a:pos x="T8" y="T9"/>
                </a:cxn>
                <a:cxn ang="0">
                  <a:pos x="T10" y="T11"/>
                </a:cxn>
                <a:cxn ang="0">
                  <a:pos x="T12" y="T13"/>
                </a:cxn>
              </a:cxnLst>
              <a:rect l="0" t="0" r="r" b="b"/>
              <a:pathLst>
                <a:path w="907" h="393">
                  <a:moveTo>
                    <a:pt x="711" y="0"/>
                  </a:moveTo>
                  <a:cubicBezTo>
                    <a:pt x="197" y="0"/>
                    <a:pt x="197" y="0"/>
                    <a:pt x="197" y="0"/>
                  </a:cubicBezTo>
                  <a:cubicBezTo>
                    <a:pt x="88" y="0"/>
                    <a:pt x="0" y="88"/>
                    <a:pt x="0" y="197"/>
                  </a:cubicBezTo>
                  <a:cubicBezTo>
                    <a:pt x="0" y="305"/>
                    <a:pt x="88" y="393"/>
                    <a:pt x="197" y="393"/>
                  </a:cubicBezTo>
                  <a:cubicBezTo>
                    <a:pt x="711" y="393"/>
                    <a:pt x="711" y="393"/>
                    <a:pt x="711" y="393"/>
                  </a:cubicBezTo>
                  <a:cubicBezTo>
                    <a:pt x="820" y="393"/>
                    <a:pt x="907" y="305"/>
                    <a:pt x="907" y="197"/>
                  </a:cubicBezTo>
                  <a:cubicBezTo>
                    <a:pt x="907" y="88"/>
                    <a:pt x="820" y="0"/>
                    <a:pt x="711"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Freeform 12">
              <a:extLst>
                <a:ext uri="{FF2B5EF4-FFF2-40B4-BE49-F238E27FC236}">
                  <a16:creationId xmlns:a16="http://schemas.microsoft.com/office/drawing/2014/main" id="{E2302F3B-C8A4-5170-1D65-CD94501C9E7D}"/>
                </a:ext>
              </a:extLst>
            </p:cNvPr>
            <p:cNvSpPr>
              <a:spLocks/>
            </p:cNvSpPr>
            <p:nvPr/>
          </p:nvSpPr>
          <p:spPr bwMode="auto">
            <a:xfrm>
              <a:off x="1095375" y="3344863"/>
              <a:ext cx="225425" cy="82550"/>
            </a:xfrm>
            <a:custGeom>
              <a:avLst/>
              <a:gdLst>
                <a:gd name="T0" fmla="*/ 874 w 1071"/>
                <a:gd name="T1" fmla="*/ 0 h 393"/>
                <a:gd name="T2" fmla="*/ 197 w 1071"/>
                <a:gd name="T3" fmla="*/ 0 h 393"/>
                <a:gd name="T4" fmla="*/ 0 w 1071"/>
                <a:gd name="T5" fmla="*/ 197 h 393"/>
                <a:gd name="T6" fmla="*/ 197 w 1071"/>
                <a:gd name="T7" fmla="*/ 393 h 393"/>
                <a:gd name="T8" fmla="*/ 874 w 1071"/>
                <a:gd name="T9" fmla="*/ 393 h 393"/>
                <a:gd name="T10" fmla="*/ 1071 w 1071"/>
                <a:gd name="T11" fmla="*/ 197 h 393"/>
                <a:gd name="T12" fmla="*/ 874 w 1071"/>
                <a:gd name="T13" fmla="*/ 0 h 393"/>
              </a:gdLst>
              <a:ahLst/>
              <a:cxnLst>
                <a:cxn ang="0">
                  <a:pos x="T0" y="T1"/>
                </a:cxn>
                <a:cxn ang="0">
                  <a:pos x="T2" y="T3"/>
                </a:cxn>
                <a:cxn ang="0">
                  <a:pos x="T4" y="T5"/>
                </a:cxn>
                <a:cxn ang="0">
                  <a:pos x="T6" y="T7"/>
                </a:cxn>
                <a:cxn ang="0">
                  <a:pos x="T8" y="T9"/>
                </a:cxn>
                <a:cxn ang="0">
                  <a:pos x="T10" y="T11"/>
                </a:cxn>
                <a:cxn ang="0">
                  <a:pos x="T12" y="T13"/>
                </a:cxn>
              </a:cxnLst>
              <a:rect l="0" t="0" r="r" b="b"/>
              <a:pathLst>
                <a:path w="1071" h="393">
                  <a:moveTo>
                    <a:pt x="874" y="0"/>
                  </a:moveTo>
                  <a:cubicBezTo>
                    <a:pt x="197" y="0"/>
                    <a:pt x="197" y="0"/>
                    <a:pt x="197" y="0"/>
                  </a:cubicBezTo>
                  <a:cubicBezTo>
                    <a:pt x="88" y="0"/>
                    <a:pt x="0" y="88"/>
                    <a:pt x="0" y="197"/>
                  </a:cubicBezTo>
                  <a:cubicBezTo>
                    <a:pt x="0" y="305"/>
                    <a:pt x="88" y="393"/>
                    <a:pt x="197" y="393"/>
                  </a:cubicBezTo>
                  <a:cubicBezTo>
                    <a:pt x="874" y="393"/>
                    <a:pt x="874" y="393"/>
                    <a:pt x="874" y="393"/>
                  </a:cubicBezTo>
                  <a:cubicBezTo>
                    <a:pt x="983" y="393"/>
                    <a:pt x="1071" y="305"/>
                    <a:pt x="1071" y="197"/>
                  </a:cubicBezTo>
                  <a:cubicBezTo>
                    <a:pt x="1071" y="88"/>
                    <a:pt x="983" y="0"/>
                    <a:pt x="87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8" name="Freeform 13">
              <a:extLst>
                <a:ext uri="{FF2B5EF4-FFF2-40B4-BE49-F238E27FC236}">
                  <a16:creationId xmlns:a16="http://schemas.microsoft.com/office/drawing/2014/main" id="{0A8629B5-6232-0ED8-894B-659851B16AC3}"/>
                </a:ext>
              </a:extLst>
            </p:cNvPr>
            <p:cNvSpPr>
              <a:spLocks/>
            </p:cNvSpPr>
            <p:nvPr/>
          </p:nvSpPr>
          <p:spPr bwMode="auto">
            <a:xfrm>
              <a:off x="98425" y="3344863"/>
              <a:ext cx="225425" cy="82550"/>
            </a:xfrm>
            <a:custGeom>
              <a:avLst/>
              <a:gdLst>
                <a:gd name="T0" fmla="*/ 1071 w 1071"/>
                <a:gd name="T1" fmla="*/ 197 h 393"/>
                <a:gd name="T2" fmla="*/ 875 w 1071"/>
                <a:gd name="T3" fmla="*/ 0 h 393"/>
                <a:gd name="T4" fmla="*/ 197 w 1071"/>
                <a:gd name="T5" fmla="*/ 0 h 393"/>
                <a:gd name="T6" fmla="*/ 0 w 1071"/>
                <a:gd name="T7" fmla="*/ 197 h 393"/>
                <a:gd name="T8" fmla="*/ 197 w 1071"/>
                <a:gd name="T9" fmla="*/ 393 h 393"/>
                <a:gd name="T10" fmla="*/ 875 w 1071"/>
                <a:gd name="T11" fmla="*/ 393 h 393"/>
                <a:gd name="T12" fmla="*/ 1071 w 1071"/>
                <a:gd name="T13" fmla="*/ 197 h 393"/>
              </a:gdLst>
              <a:ahLst/>
              <a:cxnLst>
                <a:cxn ang="0">
                  <a:pos x="T0" y="T1"/>
                </a:cxn>
                <a:cxn ang="0">
                  <a:pos x="T2" y="T3"/>
                </a:cxn>
                <a:cxn ang="0">
                  <a:pos x="T4" y="T5"/>
                </a:cxn>
                <a:cxn ang="0">
                  <a:pos x="T6" y="T7"/>
                </a:cxn>
                <a:cxn ang="0">
                  <a:pos x="T8" y="T9"/>
                </a:cxn>
                <a:cxn ang="0">
                  <a:pos x="T10" y="T11"/>
                </a:cxn>
                <a:cxn ang="0">
                  <a:pos x="T12" y="T13"/>
                </a:cxn>
              </a:cxnLst>
              <a:rect l="0" t="0" r="r" b="b"/>
              <a:pathLst>
                <a:path w="1071" h="393">
                  <a:moveTo>
                    <a:pt x="1071" y="197"/>
                  </a:moveTo>
                  <a:cubicBezTo>
                    <a:pt x="1071" y="88"/>
                    <a:pt x="983" y="0"/>
                    <a:pt x="875" y="0"/>
                  </a:cubicBezTo>
                  <a:cubicBezTo>
                    <a:pt x="197" y="0"/>
                    <a:pt x="197" y="0"/>
                    <a:pt x="197" y="0"/>
                  </a:cubicBezTo>
                  <a:cubicBezTo>
                    <a:pt x="88" y="0"/>
                    <a:pt x="0" y="88"/>
                    <a:pt x="0" y="197"/>
                  </a:cubicBezTo>
                  <a:cubicBezTo>
                    <a:pt x="0" y="305"/>
                    <a:pt x="88" y="393"/>
                    <a:pt x="197" y="393"/>
                  </a:cubicBezTo>
                  <a:cubicBezTo>
                    <a:pt x="875" y="393"/>
                    <a:pt x="875" y="393"/>
                    <a:pt x="875" y="393"/>
                  </a:cubicBezTo>
                  <a:cubicBezTo>
                    <a:pt x="983" y="393"/>
                    <a:pt x="1071" y="305"/>
                    <a:pt x="1071" y="19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9" name="Freeform 14">
              <a:extLst>
                <a:ext uri="{FF2B5EF4-FFF2-40B4-BE49-F238E27FC236}">
                  <a16:creationId xmlns:a16="http://schemas.microsoft.com/office/drawing/2014/main" id="{0FB06FA2-BF4A-8635-23AF-0AE0538CA6DA}"/>
                </a:ext>
              </a:extLst>
            </p:cNvPr>
            <p:cNvSpPr>
              <a:spLocks/>
            </p:cNvSpPr>
            <p:nvPr/>
          </p:nvSpPr>
          <p:spPr bwMode="auto">
            <a:xfrm>
              <a:off x="668338" y="2773363"/>
              <a:ext cx="82550" cy="225425"/>
            </a:xfrm>
            <a:custGeom>
              <a:avLst/>
              <a:gdLst>
                <a:gd name="T0" fmla="*/ 196 w 393"/>
                <a:gd name="T1" fmla="*/ 1071 h 1071"/>
                <a:gd name="T2" fmla="*/ 393 w 393"/>
                <a:gd name="T3" fmla="*/ 875 h 1071"/>
                <a:gd name="T4" fmla="*/ 393 w 393"/>
                <a:gd name="T5" fmla="*/ 196 h 1071"/>
                <a:gd name="T6" fmla="*/ 196 w 393"/>
                <a:gd name="T7" fmla="*/ 0 h 1071"/>
                <a:gd name="T8" fmla="*/ 0 w 393"/>
                <a:gd name="T9" fmla="*/ 196 h 1071"/>
                <a:gd name="T10" fmla="*/ 0 w 393"/>
                <a:gd name="T11" fmla="*/ 875 h 1071"/>
                <a:gd name="T12" fmla="*/ 196 w 393"/>
                <a:gd name="T13" fmla="*/ 1071 h 1071"/>
              </a:gdLst>
              <a:ahLst/>
              <a:cxnLst>
                <a:cxn ang="0">
                  <a:pos x="T0" y="T1"/>
                </a:cxn>
                <a:cxn ang="0">
                  <a:pos x="T2" y="T3"/>
                </a:cxn>
                <a:cxn ang="0">
                  <a:pos x="T4" y="T5"/>
                </a:cxn>
                <a:cxn ang="0">
                  <a:pos x="T6" y="T7"/>
                </a:cxn>
                <a:cxn ang="0">
                  <a:pos x="T8" y="T9"/>
                </a:cxn>
                <a:cxn ang="0">
                  <a:pos x="T10" y="T11"/>
                </a:cxn>
                <a:cxn ang="0">
                  <a:pos x="T12" y="T13"/>
                </a:cxn>
              </a:cxnLst>
              <a:rect l="0" t="0" r="r" b="b"/>
              <a:pathLst>
                <a:path w="393" h="1071">
                  <a:moveTo>
                    <a:pt x="196" y="1071"/>
                  </a:moveTo>
                  <a:cubicBezTo>
                    <a:pt x="305" y="1071"/>
                    <a:pt x="393" y="983"/>
                    <a:pt x="393" y="875"/>
                  </a:cubicBezTo>
                  <a:cubicBezTo>
                    <a:pt x="393" y="196"/>
                    <a:pt x="393" y="196"/>
                    <a:pt x="393" y="196"/>
                  </a:cubicBezTo>
                  <a:cubicBezTo>
                    <a:pt x="393" y="88"/>
                    <a:pt x="305" y="0"/>
                    <a:pt x="196" y="0"/>
                  </a:cubicBezTo>
                  <a:cubicBezTo>
                    <a:pt x="88" y="0"/>
                    <a:pt x="0" y="88"/>
                    <a:pt x="0" y="196"/>
                  </a:cubicBezTo>
                  <a:cubicBezTo>
                    <a:pt x="0" y="875"/>
                    <a:pt x="0" y="875"/>
                    <a:pt x="0" y="875"/>
                  </a:cubicBezTo>
                  <a:cubicBezTo>
                    <a:pt x="0" y="983"/>
                    <a:pt x="88" y="1071"/>
                    <a:pt x="196" y="107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0" name="Freeform 15">
              <a:extLst>
                <a:ext uri="{FF2B5EF4-FFF2-40B4-BE49-F238E27FC236}">
                  <a16:creationId xmlns:a16="http://schemas.microsoft.com/office/drawing/2014/main" id="{7CEE756A-8570-BB62-969B-005C340350EA}"/>
                </a:ext>
              </a:extLst>
            </p:cNvPr>
            <p:cNvSpPr>
              <a:spLocks/>
            </p:cNvSpPr>
            <p:nvPr/>
          </p:nvSpPr>
          <p:spPr bwMode="auto">
            <a:xfrm>
              <a:off x="966788" y="3643313"/>
              <a:ext cx="190500" cy="187325"/>
            </a:xfrm>
            <a:custGeom>
              <a:avLst/>
              <a:gdLst>
                <a:gd name="T0" fmla="*/ 355 w 911"/>
                <a:gd name="T1" fmla="*/ 77 h 892"/>
                <a:gd name="T2" fmla="*/ 77 w 911"/>
                <a:gd name="T3" fmla="*/ 77 h 892"/>
                <a:gd name="T4" fmla="*/ 77 w 911"/>
                <a:gd name="T5" fmla="*/ 355 h 892"/>
                <a:gd name="T6" fmla="*/ 556 w 911"/>
                <a:gd name="T7" fmla="*/ 834 h 892"/>
                <a:gd name="T8" fmla="*/ 695 w 911"/>
                <a:gd name="T9" fmla="*/ 892 h 892"/>
                <a:gd name="T10" fmla="*/ 834 w 911"/>
                <a:gd name="T11" fmla="*/ 834 h 892"/>
                <a:gd name="T12" fmla="*/ 834 w 911"/>
                <a:gd name="T13" fmla="*/ 556 h 892"/>
                <a:gd name="T14" fmla="*/ 355 w 911"/>
                <a:gd name="T15" fmla="*/ 77 h 89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11" h="892">
                  <a:moveTo>
                    <a:pt x="355" y="77"/>
                  </a:moveTo>
                  <a:cubicBezTo>
                    <a:pt x="278" y="0"/>
                    <a:pt x="154" y="0"/>
                    <a:pt x="77" y="77"/>
                  </a:cubicBezTo>
                  <a:cubicBezTo>
                    <a:pt x="0" y="153"/>
                    <a:pt x="0" y="278"/>
                    <a:pt x="77" y="355"/>
                  </a:cubicBezTo>
                  <a:cubicBezTo>
                    <a:pt x="556" y="834"/>
                    <a:pt x="556" y="834"/>
                    <a:pt x="556" y="834"/>
                  </a:cubicBezTo>
                  <a:cubicBezTo>
                    <a:pt x="595" y="872"/>
                    <a:pt x="645" y="892"/>
                    <a:pt x="695" y="892"/>
                  </a:cubicBezTo>
                  <a:cubicBezTo>
                    <a:pt x="745" y="892"/>
                    <a:pt x="796" y="872"/>
                    <a:pt x="834" y="834"/>
                  </a:cubicBezTo>
                  <a:cubicBezTo>
                    <a:pt x="911" y="757"/>
                    <a:pt x="911" y="633"/>
                    <a:pt x="834" y="556"/>
                  </a:cubicBezTo>
                  <a:lnTo>
                    <a:pt x="355" y="7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1" name="Freeform 16">
              <a:extLst>
                <a:ext uri="{FF2B5EF4-FFF2-40B4-BE49-F238E27FC236}">
                  <a16:creationId xmlns:a16="http://schemas.microsoft.com/office/drawing/2014/main" id="{432E37E9-EE26-CCDD-4A87-CBFB176CC76D}"/>
                </a:ext>
              </a:extLst>
            </p:cNvPr>
            <p:cNvSpPr>
              <a:spLocks/>
            </p:cNvSpPr>
            <p:nvPr/>
          </p:nvSpPr>
          <p:spPr bwMode="auto">
            <a:xfrm>
              <a:off x="261938" y="2936876"/>
              <a:ext cx="190500" cy="187325"/>
            </a:xfrm>
            <a:custGeom>
              <a:avLst/>
              <a:gdLst>
                <a:gd name="T0" fmla="*/ 556 w 911"/>
                <a:gd name="T1" fmla="*/ 834 h 891"/>
                <a:gd name="T2" fmla="*/ 695 w 911"/>
                <a:gd name="T3" fmla="*/ 891 h 891"/>
                <a:gd name="T4" fmla="*/ 834 w 911"/>
                <a:gd name="T5" fmla="*/ 834 h 891"/>
                <a:gd name="T6" fmla="*/ 834 w 911"/>
                <a:gd name="T7" fmla="*/ 556 h 891"/>
                <a:gd name="T8" fmla="*/ 355 w 911"/>
                <a:gd name="T9" fmla="*/ 77 h 891"/>
                <a:gd name="T10" fmla="*/ 77 w 911"/>
                <a:gd name="T11" fmla="*/ 77 h 891"/>
                <a:gd name="T12" fmla="*/ 77 w 911"/>
                <a:gd name="T13" fmla="*/ 354 h 891"/>
                <a:gd name="T14" fmla="*/ 556 w 911"/>
                <a:gd name="T15" fmla="*/ 834 h 89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11" h="891">
                  <a:moveTo>
                    <a:pt x="556" y="834"/>
                  </a:moveTo>
                  <a:cubicBezTo>
                    <a:pt x="594" y="872"/>
                    <a:pt x="645" y="891"/>
                    <a:pt x="695" y="891"/>
                  </a:cubicBezTo>
                  <a:cubicBezTo>
                    <a:pt x="745" y="891"/>
                    <a:pt x="796" y="872"/>
                    <a:pt x="834" y="834"/>
                  </a:cubicBezTo>
                  <a:cubicBezTo>
                    <a:pt x="911" y="757"/>
                    <a:pt x="911" y="633"/>
                    <a:pt x="834" y="556"/>
                  </a:cubicBezTo>
                  <a:cubicBezTo>
                    <a:pt x="355" y="77"/>
                    <a:pt x="355" y="77"/>
                    <a:pt x="355" y="77"/>
                  </a:cubicBezTo>
                  <a:cubicBezTo>
                    <a:pt x="278" y="0"/>
                    <a:pt x="154" y="0"/>
                    <a:pt x="77" y="77"/>
                  </a:cubicBezTo>
                  <a:cubicBezTo>
                    <a:pt x="0" y="153"/>
                    <a:pt x="0" y="278"/>
                    <a:pt x="77" y="354"/>
                  </a:cubicBezTo>
                  <a:lnTo>
                    <a:pt x="556" y="8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2" name="Freeform 17">
              <a:extLst>
                <a:ext uri="{FF2B5EF4-FFF2-40B4-BE49-F238E27FC236}">
                  <a16:creationId xmlns:a16="http://schemas.microsoft.com/office/drawing/2014/main" id="{1526B110-4C8D-918E-869E-C1A41C8689EF}"/>
                </a:ext>
              </a:extLst>
            </p:cNvPr>
            <p:cNvSpPr>
              <a:spLocks/>
            </p:cNvSpPr>
            <p:nvPr/>
          </p:nvSpPr>
          <p:spPr bwMode="auto">
            <a:xfrm>
              <a:off x="261938" y="3643313"/>
              <a:ext cx="190500" cy="187325"/>
            </a:xfrm>
            <a:custGeom>
              <a:avLst/>
              <a:gdLst>
                <a:gd name="T0" fmla="*/ 556 w 911"/>
                <a:gd name="T1" fmla="*/ 77 h 892"/>
                <a:gd name="T2" fmla="*/ 77 w 911"/>
                <a:gd name="T3" fmla="*/ 556 h 892"/>
                <a:gd name="T4" fmla="*/ 77 w 911"/>
                <a:gd name="T5" fmla="*/ 834 h 892"/>
                <a:gd name="T6" fmla="*/ 216 w 911"/>
                <a:gd name="T7" fmla="*/ 892 h 892"/>
                <a:gd name="T8" fmla="*/ 355 w 911"/>
                <a:gd name="T9" fmla="*/ 834 h 892"/>
                <a:gd name="T10" fmla="*/ 834 w 911"/>
                <a:gd name="T11" fmla="*/ 355 h 892"/>
                <a:gd name="T12" fmla="*/ 834 w 911"/>
                <a:gd name="T13" fmla="*/ 77 h 892"/>
                <a:gd name="T14" fmla="*/ 556 w 911"/>
                <a:gd name="T15" fmla="*/ 77 h 89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11" h="892">
                  <a:moveTo>
                    <a:pt x="556" y="77"/>
                  </a:moveTo>
                  <a:cubicBezTo>
                    <a:pt x="77" y="556"/>
                    <a:pt x="77" y="556"/>
                    <a:pt x="77" y="556"/>
                  </a:cubicBezTo>
                  <a:cubicBezTo>
                    <a:pt x="0" y="633"/>
                    <a:pt x="0" y="757"/>
                    <a:pt x="77" y="834"/>
                  </a:cubicBezTo>
                  <a:cubicBezTo>
                    <a:pt x="115" y="872"/>
                    <a:pt x="166" y="892"/>
                    <a:pt x="216" y="892"/>
                  </a:cubicBezTo>
                  <a:cubicBezTo>
                    <a:pt x="266" y="892"/>
                    <a:pt x="316" y="872"/>
                    <a:pt x="355" y="834"/>
                  </a:cubicBezTo>
                  <a:cubicBezTo>
                    <a:pt x="834" y="355"/>
                    <a:pt x="834" y="355"/>
                    <a:pt x="834" y="355"/>
                  </a:cubicBezTo>
                  <a:cubicBezTo>
                    <a:pt x="911" y="278"/>
                    <a:pt x="911" y="153"/>
                    <a:pt x="834" y="77"/>
                  </a:cubicBezTo>
                  <a:cubicBezTo>
                    <a:pt x="757" y="0"/>
                    <a:pt x="633" y="0"/>
                    <a:pt x="556" y="7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3" name="Freeform 18">
              <a:extLst>
                <a:ext uri="{FF2B5EF4-FFF2-40B4-BE49-F238E27FC236}">
                  <a16:creationId xmlns:a16="http://schemas.microsoft.com/office/drawing/2014/main" id="{1940B816-4E84-B853-CA18-1A1E6D460DCD}"/>
                </a:ext>
              </a:extLst>
            </p:cNvPr>
            <p:cNvSpPr>
              <a:spLocks/>
            </p:cNvSpPr>
            <p:nvPr/>
          </p:nvSpPr>
          <p:spPr bwMode="auto">
            <a:xfrm>
              <a:off x="966788" y="2936876"/>
              <a:ext cx="190500" cy="187325"/>
            </a:xfrm>
            <a:custGeom>
              <a:avLst/>
              <a:gdLst>
                <a:gd name="T0" fmla="*/ 216 w 911"/>
                <a:gd name="T1" fmla="*/ 891 h 891"/>
                <a:gd name="T2" fmla="*/ 355 w 911"/>
                <a:gd name="T3" fmla="*/ 834 h 891"/>
                <a:gd name="T4" fmla="*/ 834 w 911"/>
                <a:gd name="T5" fmla="*/ 355 h 891"/>
                <a:gd name="T6" fmla="*/ 834 w 911"/>
                <a:gd name="T7" fmla="*/ 77 h 891"/>
                <a:gd name="T8" fmla="*/ 556 w 911"/>
                <a:gd name="T9" fmla="*/ 77 h 891"/>
                <a:gd name="T10" fmla="*/ 77 w 911"/>
                <a:gd name="T11" fmla="*/ 556 h 891"/>
                <a:gd name="T12" fmla="*/ 77 w 911"/>
                <a:gd name="T13" fmla="*/ 834 h 891"/>
                <a:gd name="T14" fmla="*/ 216 w 911"/>
                <a:gd name="T15" fmla="*/ 891 h 89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11" h="891">
                  <a:moveTo>
                    <a:pt x="216" y="891"/>
                  </a:moveTo>
                  <a:cubicBezTo>
                    <a:pt x="266" y="891"/>
                    <a:pt x="316" y="872"/>
                    <a:pt x="355" y="834"/>
                  </a:cubicBezTo>
                  <a:cubicBezTo>
                    <a:pt x="834" y="355"/>
                    <a:pt x="834" y="355"/>
                    <a:pt x="834" y="355"/>
                  </a:cubicBezTo>
                  <a:cubicBezTo>
                    <a:pt x="911" y="278"/>
                    <a:pt x="911" y="153"/>
                    <a:pt x="834" y="77"/>
                  </a:cubicBezTo>
                  <a:cubicBezTo>
                    <a:pt x="757" y="0"/>
                    <a:pt x="633" y="0"/>
                    <a:pt x="556" y="77"/>
                  </a:cubicBezTo>
                  <a:cubicBezTo>
                    <a:pt x="77" y="556"/>
                    <a:pt x="77" y="556"/>
                    <a:pt x="77" y="556"/>
                  </a:cubicBezTo>
                  <a:cubicBezTo>
                    <a:pt x="0" y="633"/>
                    <a:pt x="0" y="757"/>
                    <a:pt x="77" y="834"/>
                  </a:cubicBezTo>
                  <a:cubicBezTo>
                    <a:pt x="115" y="872"/>
                    <a:pt x="166" y="891"/>
                    <a:pt x="216" y="8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74606906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2BDE87-45D0-4D39-CA23-21B9B647816B}"/>
              </a:ext>
            </a:extLst>
          </p:cNvPr>
          <p:cNvSpPr>
            <a:spLocks noGrp="1"/>
          </p:cNvSpPr>
          <p:nvPr>
            <p:ph type="title"/>
          </p:nvPr>
        </p:nvSpPr>
        <p:spPr/>
        <p:txBody>
          <a:bodyPr/>
          <a:lstStyle/>
          <a:p>
            <a:r>
              <a:rPr lang="en-US" dirty="0"/>
              <a:t>Dashboard Categories </a:t>
            </a:r>
          </a:p>
        </p:txBody>
      </p:sp>
      <p:sp>
        <p:nvSpPr>
          <p:cNvPr id="3" name="Content Placeholder 2">
            <a:extLst>
              <a:ext uri="{FF2B5EF4-FFF2-40B4-BE49-F238E27FC236}">
                <a16:creationId xmlns:a16="http://schemas.microsoft.com/office/drawing/2014/main" id="{1E590A3B-4E96-3519-C85F-0336170C3954}"/>
              </a:ext>
            </a:extLst>
          </p:cNvPr>
          <p:cNvSpPr>
            <a:spLocks noGrp="1"/>
          </p:cNvSpPr>
          <p:nvPr>
            <p:ph idx="1"/>
          </p:nvPr>
        </p:nvSpPr>
        <p:spPr>
          <a:xfrm>
            <a:off x="838200" y="1643285"/>
            <a:ext cx="4076700" cy="4533678"/>
          </a:xfrm>
        </p:spPr>
        <p:txBody>
          <a:bodyPr/>
          <a:lstStyle/>
          <a:p>
            <a:pPr marL="0" indent="0" algn="ctr">
              <a:buNone/>
            </a:pPr>
            <a:r>
              <a:rPr lang="en-US" b="1" u="sng" dirty="0"/>
              <a:t>Strategic</a:t>
            </a:r>
          </a:p>
          <a:p>
            <a:r>
              <a:rPr lang="en-US" dirty="0"/>
              <a:t>Audience: Executives</a:t>
            </a:r>
          </a:p>
          <a:p>
            <a:pPr lvl="1"/>
            <a:r>
              <a:rPr lang="en-US" dirty="0"/>
              <a:t>Gain insights to ensure health of financials and workforce</a:t>
            </a:r>
          </a:p>
          <a:p>
            <a:pPr lvl="1"/>
            <a:r>
              <a:rPr lang="en-US" dirty="0"/>
              <a:t>Holistic picture with the ability to drill into the data from a variety of dimensions</a:t>
            </a:r>
          </a:p>
        </p:txBody>
      </p:sp>
      <p:sp>
        <p:nvSpPr>
          <p:cNvPr id="4" name="Slide Number Placeholder 3">
            <a:extLst>
              <a:ext uri="{FF2B5EF4-FFF2-40B4-BE49-F238E27FC236}">
                <a16:creationId xmlns:a16="http://schemas.microsoft.com/office/drawing/2014/main" id="{EF56EAF5-8A45-194A-3D5F-940AE5FD586A}"/>
              </a:ext>
            </a:extLst>
          </p:cNvPr>
          <p:cNvSpPr>
            <a:spLocks noGrp="1"/>
          </p:cNvSpPr>
          <p:nvPr>
            <p:ph type="sldNum" sz="quarter" idx="12"/>
          </p:nvPr>
        </p:nvSpPr>
        <p:spPr/>
        <p:txBody>
          <a:bodyPr/>
          <a:lstStyle/>
          <a:p>
            <a:fld id="{FD0882FC-4526-4F55-8D94-153238F064C3}" type="slidenum">
              <a:rPr lang="en-US" smtClean="0"/>
              <a:pPr/>
              <a:t>15</a:t>
            </a:fld>
            <a:endParaRPr lang="en-US"/>
          </a:p>
        </p:txBody>
      </p:sp>
      <p:pic>
        <p:nvPicPr>
          <p:cNvPr id="7" name="Picture 6">
            <a:extLst>
              <a:ext uri="{FF2B5EF4-FFF2-40B4-BE49-F238E27FC236}">
                <a16:creationId xmlns:a16="http://schemas.microsoft.com/office/drawing/2014/main" id="{84152E08-0302-05DA-81DA-6FF5F93FA4AD}"/>
              </a:ext>
            </a:extLst>
          </p:cNvPr>
          <p:cNvPicPr>
            <a:picLocks noChangeAspect="1"/>
          </p:cNvPicPr>
          <p:nvPr/>
        </p:nvPicPr>
        <p:blipFill>
          <a:blip r:embed="rId2"/>
          <a:stretch>
            <a:fillRect/>
          </a:stretch>
        </p:blipFill>
        <p:spPr>
          <a:xfrm>
            <a:off x="5297185" y="1591329"/>
            <a:ext cx="6590015" cy="4420852"/>
          </a:xfrm>
          <a:prstGeom prst="rect">
            <a:avLst/>
          </a:prstGeom>
        </p:spPr>
      </p:pic>
    </p:spTree>
    <p:extLst>
      <p:ext uri="{BB962C8B-B14F-4D97-AF65-F5344CB8AC3E}">
        <p14:creationId xmlns:p14="http://schemas.microsoft.com/office/powerpoint/2010/main" val="60082364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9235255-BB77-D41C-9C69-F584864C4F9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8C4FA8D9-6A36-8965-1D0A-878987882559}"/>
              </a:ext>
            </a:extLst>
          </p:cNvPr>
          <p:cNvSpPr>
            <a:spLocks noGrp="1"/>
          </p:cNvSpPr>
          <p:nvPr>
            <p:ph type="title"/>
          </p:nvPr>
        </p:nvSpPr>
        <p:spPr/>
        <p:txBody>
          <a:bodyPr/>
          <a:lstStyle/>
          <a:p>
            <a:r>
              <a:rPr lang="en-US" dirty="0"/>
              <a:t>Dashboard Categories </a:t>
            </a:r>
          </a:p>
        </p:txBody>
      </p:sp>
      <p:sp>
        <p:nvSpPr>
          <p:cNvPr id="3" name="Content Placeholder 2">
            <a:extLst>
              <a:ext uri="{FF2B5EF4-FFF2-40B4-BE49-F238E27FC236}">
                <a16:creationId xmlns:a16="http://schemas.microsoft.com/office/drawing/2014/main" id="{DE9A9C14-7037-A328-A65A-F00AE8872C87}"/>
              </a:ext>
            </a:extLst>
          </p:cNvPr>
          <p:cNvSpPr>
            <a:spLocks noGrp="1"/>
          </p:cNvSpPr>
          <p:nvPr>
            <p:ph idx="1"/>
          </p:nvPr>
        </p:nvSpPr>
        <p:spPr>
          <a:xfrm>
            <a:off x="838200" y="1643285"/>
            <a:ext cx="4076700" cy="4533678"/>
          </a:xfrm>
        </p:spPr>
        <p:txBody>
          <a:bodyPr/>
          <a:lstStyle/>
          <a:p>
            <a:pPr marL="0" indent="0" algn="ctr">
              <a:buNone/>
            </a:pPr>
            <a:r>
              <a:rPr lang="en-US" b="1" u="sng" dirty="0"/>
              <a:t>Operational</a:t>
            </a:r>
          </a:p>
          <a:p>
            <a:r>
              <a:rPr lang="en-US" dirty="0"/>
              <a:t>Audience: Managers, Business Users,  Compliance</a:t>
            </a:r>
          </a:p>
          <a:p>
            <a:pPr lvl="1"/>
            <a:r>
              <a:rPr lang="en-US" dirty="0"/>
              <a:t>Quick insights into trends and counts</a:t>
            </a:r>
          </a:p>
          <a:p>
            <a:pPr lvl="1"/>
            <a:r>
              <a:rPr lang="en-US" dirty="0"/>
              <a:t>Promote and encourage taking specific action</a:t>
            </a:r>
          </a:p>
        </p:txBody>
      </p:sp>
      <p:sp>
        <p:nvSpPr>
          <p:cNvPr id="4" name="Slide Number Placeholder 3">
            <a:extLst>
              <a:ext uri="{FF2B5EF4-FFF2-40B4-BE49-F238E27FC236}">
                <a16:creationId xmlns:a16="http://schemas.microsoft.com/office/drawing/2014/main" id="{09328898-8940-978F-EA30-602A59F876A9}"/>
              </a:ext>
            </a:extLst>
          </p:cNvPr>
          <p:cNvSpPr>
            <a:spLocks noGrp="1"/>
          </p:cNvSpPr>
          <p:nvPr>
            <p:ph type="sldNum" sz="quarter" idx="12"/>
          </p:nvPr>
        </p:nvSpPr>
        <p:spPr/>
        <p:txBody>
          <a:bodyPr/>
          <a:lstStyle/>
          <a:p>
            <a:fld id="{FD0882FC-4526-4F55-8D94-153238F064C3}" type="slidenum">
              <a:rPr lang="en-US" smtClean="0"/>
              <a:pPr/>
              <a:t>16</a:t>
            </a:fld>
            <a:endParaRPr lang="en-US"/>
          </a:p>
        </p:txBody>
      </p:sp>
      <p:pic>
        <p:nvPicPr>
          <p:cNvPr id="6" name="Picture 5">
            <a:extLst>
              <a:ext uri="{FF2B5EF4-FFF2-40B4-BE49-F238E27FC236}">
                <a16:creationId xmlns:a16="http://schemas.microsoft.com/office/drawing/2014/main" id="{98F990F6-9499-D53F-6467-C07D5A051EBB}"/>
              </a:ext>
            </a:extLst>
          </p:cNvPr>
          <p:cNvPicPr>
            <a:picLocks noChangeAspect="1"/>
          </p:cNvPicPr>
          <p:nvPr/>
        </p:nvPicPr>
        <p:blipFill>
          <a:blip r:embed="rId2"/>
          <a:stretch>
            <a:fillRect/>
          </a:stretch>
        </p:blipFill>
        <p:spPr>
          <a:xfrm>
            <a:off x="4914900" y="1370539"/>
            <a:ext cx="7222470" cy="4611171"/>
          </a:xfrm>
          <a:prstGeom prst="rect">
            <a:avLst/>
          </a:prstGeom>
        </p:spPr>
      </p:pic>
    </p:spTree>
    <p:extLst>
      <p:ext uri="{BB962C8B-B14F-4D97-AF65-F5344CB8AC3E}">
        <p14:creationId xmlns:p14="http://schemas.microsoft.com/office/powerpoint/2010/main" val="404308658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C4BD91-BA38-CA5F-C94F-0662CDBE753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1B236A9-B0B9-667C-6B4C-D9D6BD442691}"/>
              </a:ext>
            </a:extLst>
          </p:cNvPr>
          <p:cNvSpPr>
            <a:spLocks noGrp="1"/>
          </p:cNvSpPr>
          <p:nvPr>
            <p:ph type="title"/>
          </p:nvPr>
        </p:nvSpPr>
        <p:spPr/>
        <p:txBody>
          <a:bodyPr/>
          <a:lstStyle/>
          <a:p>
            <a:r>
              <a:rPr lang="en-US" dirty="0"/>
              <a:t>Dashboard Categories </a:t>
            </a:r>
          </a:p>
        </p:txBody>
      </p:sp>
      <p:sp>
        <p:nvSpPr>
          <p:cNvPr id="3" name="Content Placeholder 2">
            <a:extLst>
              <a:ext uri="{FF2B5EF4-FFF2-40B4-BE49-F238E27FC236}">
                <a16:creationId xmlns:a16="http://schemas.microsoft.com/office/drawing/2014/main" id="{2CA02EBE-AAB5-7D6A-D67A-C88C8D3DBDA0}"/>
              </a:ext>
            </a:extLst>
          </p:cNvPr>
          <p:cNvSpPr>
            <a:spLocks noGrp="1"/>
          </p:cNvSpPr>
          <p:nvPr>
            <p:ph idx="1"/>
          </p:nvPr>
        </p:nvSpPr>
        <p:spPr>
          <a:xfrm>
            <a:off x="838200" y="1643285"/>
            <a:ext cx="4076700" cy="4533678"/>
          </a:xfrm>
        </p:spPr>
        <p:txBody>
          <a:bodyPr/>
          <a:lstStyle/>
          <a:p>
            <a:pPr marL="0" indent="0" algn="ctr">
              <a:buNone/>
            </a:pPr>
            <a:r>
              <a:rPr lang="en-US" b="1" u="sng" dirty="0"/>
              <a:t>Analytic</a:t>
            </a:r>
          </a:p>
          <a:p>
            <a:r>
              <a:rPr lang="en-US" dirty="0"/>
              <a:t>Audience: Analysts, Executives</a:t>
            </a:r>
          </a:p>
          <a:p>
            <a:pPr lvl="1"/>
            <a:r>
              <a:rPr lang="en-US" dirty="0"/>
              <a:t>Discover trends, patterns, predict and build models to gather meaningful answers</a:t>
            </a:r>
          </a:p>
          <a:p>
            <a:pPr lvl="1"/>
            <a:r>
              <a:rPr lang="en-US" dirty="0"/>
              <a:t>Drill into specific content to support deeper data analytics</a:t>
            </a:r>
          </a:p>
        </p:txBody>
      </p:sp>
      <p:sp>
        <p:nvSpPr>
          <p:cNvPr id="4" name="Slide Number Placeholder 3">
            <a:extLst>
              <a:ext uri="{FF2B5EF4-FFF2-40B4-BE49-F238E27FC236}">
                <a16:creationId xmlns:a16="http://schemas.microsoft.com/office/drawing/2014/main" id="{CB0D4FE6-2C66-0D61-1729-5AA58523E300}"/>
              </a:ext>
            </a:extLst>
          </p:cNvPr>
          <p:cNvSpPr>
            <a:spLocks noGrp="1"/>
          </p:cNvSpPr>
          <p:nvPr>
            <p:ph type="sldNum" sz="quarter" idx="12"/>
          </p:nvPr>
        </p:nvSpPr>
        <p:spPr/>
        <p:txBody>
          <a:bodyPr/>
          <a:lstStyle/>
          <a:p>
            <a:fld id="{FD0882FC-4526-4F55-8D94-153238F064C3}" type="slidenum">
              <a:rPr lang="en-US" smtClean="0"/>
              <a:pPr/>
              <a:t>17</a:t>
            </a:fld>
            <a:endParaRPr lang="en-US"/>
          </a:p>
        </p:txBody>
      </p:sp>
      <p:pic>
        <p:nvPicPr>
          <p:cNvPr id="7" name="Picture 6">
            <a:extLst>
              <a:ext uri="{FF2B5EF4-FFF2-40B4-BE49-F238E27FC236}">
                <a16:creationId xmlns:a16="http://schemas.microsoft.com/office/drawing/2014/main" id="{CD966024-A0AF-28AC-68F5-7880ED789FC4}"/>
              </a:ext>
            </a:extLst>
          </p:cNvPr>
          <p:cNvPicPr>
            <a:picLocks noChangeAspect="1"/>
          </p:cNvPicPr>
          <p:nvPr/>
        </p:nvPicPr>
        <p:blipFill>
          <a:blip r:embed="rId3"/>
          <a:stretch>
            <a:fillRect/>
          </a:stretch>
        </p:blipFill>
        <p:spPr>
          <a:xfrm>
            <a:off x="4789170" y="1370539"/>
            <a:ext cx="7407446" cy="4698363"/>
          </a:xfrm>
          <a:prstGeom prst="rect">
            <a:avLst/>
          </a:prstGeom>
        </p:spPr>
      </p:pic>
    </p:spTree>
    <p:extLst>
      <p:ext uri="{BB962C8B-B14F-4D97-AF65-F5344CB8AC3E}">
        <p14:creationId xmlns:p14="http://schemas.microsoft.com/office/powerpoint/2010/main" val="160321137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8BB7BA-35D3-6BF2-7402-307525D79C7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D6A7F490-E84D-4A2A-C512-217EDF4BF3FF}"/>
              </a:ext>
            </a:extLst>
          </p:cNvPr>
          <p:cNvSpPr>
            <a:spLocks noGrp="1"/>
          </p:cNvSpPr>
          <p:nvPr>
            <p:ph type="title"/>
          </p:nvPr>
        </p:nvSpPr>
        <p:spPr/>
        <p:txBody>
          <a:bodyPr/>
          <a:lstStyle/>
          <a:p>
            <a:r>
              <a:rPr lang="en-US" dirty="0"/>
              <a:t>Dashboard Categories </a:t>
            </a:r>
          </a:p>
        </p:txBody>
      </p:sp>
      <p:sp>
        <p:nvSpPr>
          <p:cNvPr id="3" name="Content Placeholder 2">
            <a:extLst>
              <a:ext uri="{FF2B5EF4-FFF2-40B4-BE49-F238E27FC236}">
                <a16:creationId xmlns:a16="http://schemas.microsoft.com/office/drawing/2014/main" id="{376B082C-5D6D-E613-566D-BB35610ADBE5}"/>
              </a:ext>
            </a:extLst>
          </p:cNvPr>
          <p:cNvSpPr>
            <a:spLocks noGrp="1"/>
          </p:cNvSpPr>
          <p:nvPr>
            <p:ph idx="1"/>
          </p:nvPr>
        </p:nvSpPr>
        <p:spPr>
          <a:xfrm>
            <a:off x="838200" y="1643285"/>
            <a:ext cx="4076700" cy="4533678"/>
          </a:xfrm>
        </p:spPr>
        <p:txBody>
          <a:bodyPr/>
          <a:lstStyle/>
          <a:p>
            <a:pPr marL="0" indent="0" algn="ctr">
              <a:buNone/>
            </a:pPr>
            <a:r>
              <a:rPr lang="en-US" b="1" u="sng" dirty="0"/>
              <a:t>Tactical</a:t>
            </a:r>
          </a:p>
          <a:p>
            <a:r>
              <a:rPr lang="en-US" dirty="0"/>
              <a:t>Audience: Individual User</a:t>
            </a:r>
          </a:p>
          <a:p>
            <a:pPr lvl="1"/>
            <a:r>
              <a:rPr lang="en-US" dirty="0"/>
              <a:t>Drive user experience</a:t>
            </a:r>
          </a:p>
          <a:p>
            <a:pPr lvl="1"/>
            <a:r>
              <a:rPr lang="en-US" dirty="0"/>
              <a:t>Offer quick insight</a:t>
            </a:r>
          </a:p>
        </p:txBody>
      </p:sp>
      <p:sp>
        <p:nvSpPr>
          <p:cNvPr id="4" name="Slide Number Placeholder 3">
            <a:extLst>
              <a:ext uri="{FF2B5EF4-FFF2-40B4-BE49-F238E27FC236}">
                <a16:creationId xmlns:a16="http://schemas.microsoft.com/office/drawing/2014/main" id="{ECB1F54C-DFC3-E883-0B06-B5C60EF79ABC}"/>
              </a:ext>
            </a:extLst>
          </p:cNvPr>
          <p:cNvSpPr>
            <a:spLocks noGrp="1"/>
          </p:cNvSpPr>
          <p:nvPr>
            <p:ph type="sldNum" sz="quarter" idx="12"/>
          </p:nvPr>
        </p:nvSpPr>
        <p:spPr/>
        <p:txBody>
          <a:bodyPr/>
          <a:lstStyle/>
          <a:p>
            <a:fld id="{FD0882FC-4526-4F55-8D94-153238F064C3}" type="slidenum">
              <a:rPr lang="en-US" smtClean="0"/>
              <a:pPr/>
              <a:t>18</a:t>
            </a:fld>
            <a:endParaRPr lang="en-US"/>
          </a:p>
        </p:txBody>
      </p:sp>
      <p:pic>
        <p:nvPicPr>
          <p:cNvPr id="6" name="Picture 5">
            <a:extLst>
              <a:ext uri="{FF2B5EF4-FFF2-40B4-BE49-F238E27FC236}">
                <a16:creationId xmlns:a16="http://schemas.microsoft.com/office/drawing/2014/main" id="{F5CCF051-7488-95F0-0746-CE9C9AD2C0F6}"/>
              </a:ext>
            </a:extLst>
          </p:cNvPr>
          <p:cNvPicPr>
            <a:picLocks noChangeAspect="1"/>
          </p:cNvPicPr>
          <p:nvPr/>
        </p:nvPicPr>
        <p:blipFill>
          <a:blip r:embed="rId3"/>
          <a:stretch>
            <a:fillRect/>
          </a:stretch>
        </p:blipFill>
        <p:spPr>
          <a:xfrm>
            <a:off x="4914900" y="1499443"/>
            <a:ext cx="6909483" cy="4318427"/>
          </a:xfrm>
          <a:prstGeom prst="rect">
            <a:avLst/>
          </a:prstGeom>
        </p:spPr>
      </p:pic>
    </p:spTree>
    <p:extLst>
      <p:ext uri="{BB962C8B-B14F-4D97-AF65-F5344CB8AC3E}">
        <p14:creationId xmlns:p14="http://schemas.microsoft.com/office/powerpoint/2010/main" val="256329455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CB91BD-BC60-52DC-1122-2EE742B3CF1B}"/>
              </a:ext>
            </a:extLst>
          </p:cNvPr>
          <p:cNvSpPr>
            <a:spLocks noGrp="1"/>
          </p:cNvSpPr>
          <p:nvPr>
            <p:ph type="title"/>
          </p:nvPr>
        </p:nvSpPr>
        <p:spPr/>
        <p:txBody>
          <a:bodyPr/>
          <a:lstStyle/>
          <a:p>
            <a:r>
              <a:rPr lang="en-US" dirty="0"/>
              <a:t>Standard vs. Custom Dashboards</a:t>
            </a:r>
          </a:p>
        </p:txBody>
      </p:sp>
      <p:sp>
        <p:nvSpPr>
          <p:cNvPr id="4" name="Slide Number Placeholder 3">
            <a:extLst>
              <a:ext uri="{FF2B5EF4-FFF2-40B4-BE49-F238E27FC236}">
                <a16:creationId xmlns:a16="http://schemas.microsoft.com/office/drawing/2014/main" id="{E1CB50F4-0DEC-3EA0-C960-8A66C71F36A6}"/>
              </a:ext>
            </a:extLst>
          </p:cNvPr>
          <p:cNvSpPr>
            <a:spLocks noGrp="1"/>
          </p:cNvSpPr>
          <p:nvPr>
            <p:ph type="sldNum" sz="quarter" idx="12"/>
          </p:nvPr>
        </p:nvSpPr>
        <p:spPr/>
        <p:txBody>
          <a:bodyPr/>
          <a:lstStyle/>
          <a:p>
            <a:fld id="{FD0882FC-4526-4F55-8D94-153238F064C3}" type="slidenum">
              <a:rPr lang="en-US" smtClean="0"/>
              <a:pPr/>
              <a:t>19</a:t>
            </a:fld>
            <a:endParaRPr lang="en-US"/>
          </a:p>
        </p:txBody>
      </p:sp>
      <p:grpSp>
        <p:nvGrpSpPr>
          <p:cNvPr id="6" name="Group 5">
            <a:extLst>
              <a:ext uri="{FF2B5EF4-FFF2-40B4-BE49-F238E27FC236}">
                <a16:creationId xmlns:a16="http://schemas.microsoft.com/office/drawing/2014/main" id="{80F82ECE-767E-210E-9008-1CB14BA1BC52}"/>
              </a:ext>
            </a:extLst>
          </p:cNvPr>
          <p:cNvGrpSpPr/>
          <p:nvPr/>
        </p:nvGrpSpPr>
        <p:grpSpPr>
          <a:xfrm>
            <a:off x="1302219" y="1388855"/>
            <a:ext cx="9997510" cy="4068462"/>
            <a:chOff x="2708109" y="1942465"/>
            <a:chExt cx="5562683" cy="2263720"/>
          </a:xfrm>
        </p:grpSpPr>
        <p:sp>
          <p:nvSpPr>
            <p:cNvPr id="7" name="Rectangle 6">
              <a:extLst>
                <a:ext uri="{FF2B5EF4-FFF2-40B4-BE49-F238E27FC236}">
                  <a16:creationId xmlns:a16="http://schemas.microsoft.com/office/drawing/2014/main" id="{685A5C5E-34EF-232C-BEB7-154047CE1467}"/>
                </a:ext>
              </a:extLst>
            </p:cNvPr>
            <p:cNvSpPr/>
            <p:nvPr/>
          </p:nvSpPr>
          <p:spPr>
            <a:xfrm>
              <a:off x="2708109" y="2396489"/>
              <a:ext cx="2757004" cy="180969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91440" indent="-91440">
                <a:buFont typeface="Arial" panose="020B0604020202020204" pitchFamily="34" charset="0"/>
                <a:buChar char="•"/>
              </a:pPr>
              <a:r>
                <a:rPr lang="en-US" sz="1600" dirty="0">
                  <a:solidFill>
                    <a:schemeClr val="tx1">
                      <a:lumMod val="75000"/>
                      <a:lumOff val="25000"/>
                    </a:schemeClr>
                  </a:solidFill>
                </a:rPr>
                <a:t>Developed alongside certain Workday features (over 120 dashboards)</a:t>
              </a:r>
            </a:p>
            <a:p>
              <a:pPr marL="91440" indent="-91440">
                <a:buFont typeface="Arial" panose="020B0604020202020204" pitchFamily="34" charset="0"/>
                <a:buChar char="•"/>
              </a:pPr>
              <a:r>
                <a:rPr lang="en-US" sz="1600" dirty="0">
                  <a:solidFill>
                    <a:schemeClr val="tx1">
                      <a:lumMod val="75000"/>
                      <a:lumOff val="25000"/>
                    </a:schemeClr>
                  </a:solidFill>
                </a:rPr>
                <a:t>May contain worklets only available on these delivered dashboards</a:t>
              </a:r>
            </a:p>
            <a:p>
              <a:pPr marL="91440" indent="-91440">
                <a:buFont typeface="Arial" panose="020B0604020202020204" pitchFamily="34" charset="0"/>
                <a:buChar char="•"/>
              </a:pPr>
              <a:r>
                <a:rPr lang="en-US" sz="1600" dirty="0">
                  <a:solidFill>
                    <a:schemeClr val="tx1">
                      <a:lumMod val="75000"/>
                      <a:lumOff val="25000"/>
                    </a:schemeClr>
                  </a:solidFill>
                </a:rPr>
                <a:t>Mainly shells and will require setup</a:t>
              </a:r>
            </a:p>
            <a:p>
              <a:pPr marL="91440" indent="-91440">
                <a:buFont typeface="Arial" panose="020B0604020202020204" pitchFamily="34" charset="0"/>
                <a:buChar char="•"/>
              </a:pPr>
              <a:r>
                <a:rPr lang="en-US" sz="1600" dirty="0">
                  <a:solidFill>
                    <a:schemeClr val="tx1">
                      <a:lumMod val="75000"/>
                      <a:lumOff val="25000"/>
                    </a:schemeClr>
                  </a:solidFill>
                </a:rPr>
                <a:t>Examples:</a:t>
              </a:r>
            </a:p>
            <a:p>
              <a:pPr marL="548640" lvl="1" indent="-91440">
                <a:buFont typeface="Arial" panose="020B0604020202020204" pitchFamily="34" charset="0"/>
                <a:buChar char="•"/>
              </a:pPr>
              <a:r>
                <a:rPr lang="en-US" sz="1600" dirty="0">
                  <a:solidFill>
                    <a:schemeClr val="tx1">
                      <a:lumMod val="75000"/>
                      <a:lumOff val="25000"/>
                    </a:schemeClr>
                  </a:solidFill>
                </a:rPr>
                <a:t>My Team Management</a:t>
              </a:r>
            </a:p>
            <a:p>
              <a:pPr marL="548640" lvl="1" indent="-91440">
                <a:buFont typeface="Arial" panose="020B0604020202020204" pitchFamily="34" charset="0"/>
                <a:buChar char="•"/>
              </a:pPr>
              <a:r>
                <a:rPr lang="en-US" sz="1600" dirty="0">
                  <a:solidFill>
                    <a:schemeClr val="tx1">
                      <a:lumMod val="75000"/>
                      <a:lumOff val="25000"/>
                    </a:schemeClr>
                  </a:solidFill>
                </a:rPr>
                <a:t>My Invoices and Payments</a:t>
              </a:r>
            </a:p>
            <a:p>
              <a:pPr marL="548640" lvl="1" indent="-91440">
                <a:buFont typeface="Arial" panose="020B0604020202020204" pitchFamily="34" charset="0"/>
                <a:buChar char="•"/>
              </a:pPr>
              <a:r>
                <a:rPr lang="en-US" sz="1600" dirty="0">
                  <a:solidFill>
                    <a:schemeClr val="tx1">
                      <a:lumMod val="75000"/>
                      <a:lumOff val="25000"/>
                    </a:schemeClr>
                  </a:solidFill>
                </a:rPr>
                <a:t>Compensation and Benefits</a:t>
              </a:r>
            </a:p>
            <a:p>
              <a:pPr marL="548640" lvl="1" indent="-91440">
                <a:buFont typeface="Arial" panose="020B0604020202020204" pitchFamily="34" charset="0"/>
                <a:buChar char="•"/>
              </a:pPr>
              <a:r>
                <a:rPr lang="en-US" sz="1600" dirty="0">
                  <a:solidFill>
                    <a:schemeClr val="tx1">
                      <a:lumMod val="75000"/>
                      <a:lumOff val="25000"/>
                    </a:schemeClr>
                  </a:solidFill>
                </a:rPr>
                <a:t>Procurement</a:t>
              </a:r>
            </a:p>
            <a:p>
              <a:pPr marL="548640" lvl="1" indent="-91440">
                <a:buFont typeface="Arial" panose="020B0604020202020204" pitchFamily="34" charset="0"/>
                <a:buChar char="•"/>
              </a:pPr>
              <a:r>
                <a:rPr lang="en-US" sz="1600" dirty="0">
                  <a:solidFill>
                    <a:schemeClr val="tx1">
                      <a:lumMod val="75000"/>
                      <a:lumOff val="25000"/>
                    </a:schemeClr>
                  </a:solidFill>
                </a:rPr>
                <a:t>Report Administrator</a:t>
              </a:r>
            </a:p>
            <a:p>
              <a:pPr marL="548640" lvl="1" indent="-91440">
                <a:buFont typeface="Arial" panose="020B0604020202020204" pitchFamily="34" charset="0"/>
                <a:buChar char="•"/>
              </a:pPr>
              <a:r>
                <a:rPr lang="en-US" sz="1600" dirty="0">
                  <a:solidFill>
                    <a:schemeClr val="tx1">
                      <a:lumMod val="75000"/>
                      <a:lumOff val="25000"/>
                    </a:schemeClr>
                  </a:solidFill>
                </a:rPr>
                <a:t>Executive Scorecard</a:t>
              </a:r>
            </a:p>
          </p:txBody>
        </p:sp>
        <p:sp>
          <p:nvSpPr>
            <p:cNvPr id="8" name="Rectangle 7">
              <a:extLst>
                <a:ext uri="{FF2B5EF4-FFF2-40B4-BE49-F238E27FC236}">
                  <a16:creationId xmlns:a16="http://schemas.microsoft.com/office/drawing/2014/main" id="{5893D734-2AF8-B7AE-2821-9BAC921B9115}"/>
                </a:ext>
              </a:extLst>
            </p:cNvPr>
            <p:cNvSpPr/>
            <p:nvPr/>
          </p:nvSpPr>
          <p:spPr>
            <a:xfrm>
              <a:off x="2708109" y="1942465"/>
              <a:ext cx="2757004" cy="45402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b="1" dirty="0"/>
                <a:t>Standard Workday-Delivered</a:t>
              </a:r>
            </a:p>
          </p:txBody>
        </p:sp>
        <p:sp>
          <p:nvSpPr>
            <p:cNvPr id="9" name="Rectangle 8">
              <a:extLst>
                <a:ext uri="{FF2B5EF4-FFF2-40B4-BE49-F238E27FC236}">
                  <a16:creationId xmlns:a16="http://schemas.microsoft.com/office/drawing/2014/main" id="{FC3C39B2-D175-3441-7B2A-AB845A1A4B9F}"/>
                </a:ext>
              </a:extLst>
            </p:cNvPr>
            <p:cNvSpPr/>
            <p:nvPr/>
          </p:nvSpPr>
          <p:spPr>
            <a:xfrm>
              <a:off x="5513788" y="2396489"/>
              <a:ext cx="2757004" cy="1809695"/>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t"/>
            <a:lstStyle/>
            <a:p>
              <a:pPr marL="91440" indent="-91440">
                <a:buFont typeface="Arial" panose="020B0604020202020204" pitchFamily="34" charset="0"/>
                <a:buChar char="•"/>
              </a:pPr>
              <a:r>
                <a:rPr lang="en-US" sz="1600" dirty="0">
                  <a:solidFill>
                    <a:schemeClr val="tx1">
                      <a:lumMod val="75000"/>
                      <a:lumOff val="25000"/>
                    </a:schemeClr>
                  </a:solidFill>
                </a:rPr>
                <a:t>Tenanted dashboards developed by USG or our System Implementer (SI)</a:t>
              </a:r>
            </a:p>
            <a:p>
              <a:pPr marL="91440" indent="-91440">
                <a:buFont typeface="Arial" panose="020B0604020202020204" pitchFamily="34" charset="0"/>
                <a:buChar char="•"/>
              </a:pPr>
              <a:r>
                <a:rPr lang="en-US" sz="1600" dirty="0">
                  <a:solidFill>
                    <a:schemeClr val="tx1">
                      <a:lumMod val="75000"/>
                      <a:lumOff val="25000"/>
                    </a:schemeClr>
                  </a:solidFill>
                </a:rPr>
                <a:t>Worklets can only contain reports developed in the Workday Report Writer Tool</a:t>
              </a:r>
            </a:p>
            <a:p>
              <a:pPr marL="91440" indent="-91440">
                <a:buFont typeface="Arial" panose="020B0604020202020204" pitchFamily="34" charset="0"/>
                <a:buChar char="•"/>
              </a:pPr>
              <a:r>
                <a:rPr lang="en-US" sz="1600" dirty="0">
                  <a:solidFill>
                    <a:schemeClr val="tx1">
                      <a:lumMod val="75000"/>
                      <a:lumOff val="25000"/>
                    </a:schemeClr>
                  </a:solidFill>
                </a:rPr>
                <a:t>Examples: </a:t>
              </a:r>
            </a:p>
            <a:p>
              <a:pPr marL="91440" indent="-91440">
                <a:buFont typeface="Arial" panose="020B0604020202020204" pitchFamily="34" charset="0"/>
                <a:buChar char="•"/>
              </a:pPr>
              <a:endParaRPr lang="en-US" sz="1600" dirty="0">
                <a:solidFill>
                  <a:schemeClr val="tx1">
                    <a:lumMod val="75000"/>
                    <a:lumOff val="25000"/>
                  </a:schemeClr>
                </a:solidFill>
              </a:endParaRPr>
            </a:p>
            <a:p>
              <a:pPr marL="548640" lvl="1" indent="-91440">
                <a:buFont typeface="Arial" panose="020B0604020202020204" pitchFamily="34" charset="0"/>
                <a:buChar char="•"/>
              </a:pPr>
              <a:r>
                <a:rPr lang="en-US" sz="1600" dirty="0">
                  <a:solidFill>
                    <a:schemeClr val="tx1">
                      <a:lumMod val="75000"/>
                      <a:lumOff val="25000"/>
                    </a:schemeClr>
                  </a:solidFill>
                </a:rPr>
                <a:t>Absence Administrator</a:t>
              </a:r>
            </a:p>
            <a:p>
              <a:pPr marL="548640" lvl="1" indent="-91440">
                <a:buFont typeface="Arial" panose="020B0604020202020204" pitchFamily="34" charset="0"/>
                <a:buChar char="•"/>
              </a:pPr>
              <a:r>
                <a:rPr lang="en-US" sz="1600" dirty="0">
                  <a:solidFill>
                    <a:schemeClr val="tx1">
                      <a:lumMod val="75000"/>
                      <a:lumOff val="25000"/>
                    </a:schemeClr>
                  </a:solidFill>
                </a:rPr>
                <a:t>Accounts Receivable Action Items</a:t>
              </a:r>
            </a:p>
            <a:p>
              <a:pPr marL="548640" lvl="1" indent="-91440">
                <a:buFont typeface="Arial" panose="020B0604020202020204" pitchFamily="34" charset="0"/>
                <a:buChar char="•"/>
              </a:pPr>
              <a:r>
                <a:rPr lang="en-US" sz="1600" dirty="0">
                  <a:solidFill>
                    <a:schemeClr val="tx1">
                      <a:lumMod val="75000"/>
                      <a:lumOff val="25000"/>
                    </a:schemeClr>
                  </a:solidFill>
                </a:rPr>
                <a:t>Finance Executive (Controller)</a:t>
              </a:r>
            </a:p>
            <a:p>
              <a:pPr marL="548640" lvl="1" indent="-91440">
                <a:buFont typeface="Arial" panose="020B0604020202020204" pitchFamily="34" charset="0"/>
                <a:buChar char="•"/>
              </a:pPr>
              <a:r>
                <a:rPr lang="en-US" sz="1600" dirty="0">
                  <a:solidFill>
                    <a:schemeClr val="tx1">
                      <a:lumMod val="75000"/>
                      <a:lumOff val="25000"/>
                    </a:schemeClr>
                  </a:solidFill>
                </a:rPr>
                <a:t>Benefits Administrator</a:t>
              </a:r>
            </a:p>
            <a:p>
              <a:pPr marL="548640" lvl="1" indent="-91440">
                <a:buFont typeface="Arial" panose="020B0604020202020204" pitchFamily="34" charset="0"/>
                <a:buChar char="•"/>
              </a:pPr>
              <a:r>
                <a:rPr lang="en-US" sz="1600" dirty="0">
                  <a:solidFill>
                    <a:schemeClr val="tx1">
                      <a:lumMod val="75000"/>
                      <a:lumOff val="25000"/>
                    </a:schemeClr>
                  </a:solidFill>
                </a:rPr>
                <a:t>Business Process Administrator</a:t>
              </a:r>
            </a:p>
            <a:p>
              <a:pPr marL="548640" lvl="1" indent="-91440">
                <a:buFont typeface="Arial" panose="020B0604020202020204" pitchFamily="34" charset="0"/>
                <a:buChar char="•"/>
              </a:pPr>
              <a:endParaRPr lang="en-US" sz="1600" dirty="0">
                <a:solidFill>
                  <a:schemeClr val="tx1">
                    <a:lumMod val="75000"/>
                    <a:lumOff val="25000"/>
                  </a:schemeClr>
                </a:solidFill>
                <a:ea typeface="Open Sans"/>
                <a:cs typeface="Open Sans"/>
              </a:endParaRPr>
            </a:p>
            <a:p>
              <a:pPr>
                <a:lnSpc>
                  <a:spcPct val="150000"/>
                </a:lnSpc>
              </a:pPr>
              <a:endParaRPr lang="en-US" sz="700" dirty="0">
                <a:solidFill>
                  <a:schemeClr val="tx1">
                    <a:lumMod val="75000"/>
                    <a:lumOff val="25000"/>
                  </a:schemeClr>
                </a:solidFill>
              </a:endParaRPr>
            </a:p>
          </p:txBody>
        </p:sp>
        <p:sp>
          <p:nvSpPr>
            <p:cNvPr id="10" name="Rectangle 9">
              <a:extLst>
                <a:ext uri="{FF2B5EF4-FFF2-40B4-BE49-F238E27FC236}">
                  <a16:creationId xmlns:a16="http://schemas.microsoft.com/office/drawing/2014/main" id="{2FC11072-8FDD-867C-2AAC-E65088FA0B93}"/>
                </a:ext>
              </a:extLst>
            </p:cNvPr>
            <p:cNvSpPr/>
            <p:nvPr/>
          </p:nvSpPr>
          <p:spPr>
            <a:xfrm>
              <a:off x="5513788" y="1942465"/>
              <a:ext cx="2757004" cy="45402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b="1" dirty="0"/>
                <a:t>Custom Tenanted</a:t>
              </a:r>
            </a:p>
          </p:txBody>
        </p:sp>
      </p:grpSp>
      <p:sp>
        <p:nvSpPr>
          <p:cNvPr id="21" name="Freeform: Shape 20">
            <a:extLst>
              <a:ext uri="{FF2B5EF4-FFF2-40B4-BE49-F238E27FC236}">
                <a16:creationId xmlns:a16="http://schemas.microsoft.com/office/drawing/2014/main" id="{E0474B5E-B0CE-55B1-1BD5-8AD0A18B1911}"/>
              </a:ext>
            </a:extLst>
          </p:cNvPr>
          <p:cNvSpPr/>
          <p:nvPr/>
        </p:nvSpPr>
        <p:spPr>
          <a:xfrm>
            <a:off x="5420489" y="1519975"/>
            <a:ext cx="535436" cy="535436"/>
          </a:xfrm>
          <a:custGeom>
            <a:avLst/>
            <a:gdLst>
              <a:gd name="connsiteX0" fmla="*/ 472969 w 535436"/>
              <a:gd name="connsiteY0" fmla="*/ 404549 h 535436"/>
              <a:gd name="connsiteX1" fmla="*/ 276643 w 535436"/>
              <a:gd name="connsiteY1" fmla="*/ 461814 h 535436"/>
              <a:gd name="connsiteX2" fmla="*/ 276643 w 535436"/>
              <a:gd name="connsiteY2" fmla="*/ 514617 h 535436"/>
              <a:gd name="connsiteX3" fmla="*/ 472969 w 535436"/>
              <a:gd name="connsiteY3" fmla="*/ 457352 h 535436"/>
              <a:gd name="connsiteX4" fmla="*/ 62468 w 535436"/>
              <a:gd name="connsiteY4" fmla="*/ 404549 h 535436"/>
              <a:gd name="connsiteX5" fmla="*/ 62468 w 535436"/>
              <a:gd name="connsiteY5" fmla="*/ 457352 h 535436"/>
              <a:gd name="connsiteX6" fmla="*/ 258795 w 535436"/>
              <a:gd name="connsiteY6" fmla="*/ 514617 h 535436"/>
              <a:gd name="connsiteX7" fmla="*/ 258795 w 535436"/>
              <a:gd name="connsiteY7" fmla="*/ 461814 h 535436"/>
              <a:gd name="connsiteX8" fmla="*/ 258795 w 535436"/>
              <a:gd name="connsiteY8" fmla="*/ 342081 h 535436"/>
              <a:gd name="connsiteX9" fmla="*/ 85411 w 535436"/>
              <a:gd name="connsiteY9" fmla="*/ 392653 h 535436"/>
              <a:gd name="connsiteX10" fmla="*/ 267719 w 535436"/>
              <a:gd name="connsiteY10" fmla="*/ 445822 h 535436"/>
              <a:gd name="connsiteX11" fmla="*/ 450026 w 535436"/>
              <a:gd name="connsiteY11" fmla="*/ 392653 h 535436"/>
              <a:gd name="connsiteX12" fmla="*/ 276643 w 535436"/>
              <a:gd name="connsiteY12" fmla="*/ 342081 h 535436"/>
              <a:gd name="connsiteX13" fmla="*/ 276643 w 535436"/>
              <a:gd name="connsiteY13" fmla="*/ 388959 h 535436"/>
              <a:gd name="connsiteX14" fmla="*/ 297105 w 535436"/>
              <a:gd name="connsiteY14" fmla="*/ 368496 h 535436"/>
              <a:gd name="connsiteX15" fmla="*/ 309724 w 535436"/>
              <a:gd name="connsiteY15" fmla="*/ 381115 h 535436"/>
              <a:gd name="connsiteX16" fmla="*/ 274028 w 535436"/>
              <a:gd name="connsiteY16" fmla="*/ 416810 h 535436"/>
              <a:gd name="connsiteX17" fmla="*/ 267719 w 535436"/>
              <a:gd name="connsiteY17" fmla="*/ 419425 h 535436"/>
              <a:gd name="connsiteX18" fmla="*/ 261410 w 535436"/>
              <a:gd name="connsiteY18" fmla="*/ 416810 h 535436"/>
              <a:gd name="connsiteX19" fmla="*/ 225714 w 535436"/>
              <a:gd name="connsiteY19" fmla="*/ 381115 h 535436"/>
              <a:gd name="connsiteX20" fmla="*/ 238332 w 535436"/>
              <a:gd name="connsiteY20" fmla="*/ 368496 h 535436"/>
              <a:gd name="connsiteX21" fmla="*/ 258795 w 535436"/>
              <a:gd name="connsiteY21" fmla="*/ 388959 h 535436"/>
              <a:gd name="connsiteX22" fmla="*/ 410501 w 535436"/>
              <a:gd name="connsiteY22" fmla="*/ 160631 h 535436"/>
              <a:gd name="connsiteX23" fmla="*/ 499740 w 535436"/>
              <a:gd name="connsiteY23" fmla="*/ 160631 h 535436"/>
              <a:gd name="connsiteX24" fmla="*/ 499740 w 535436"/>
              <a:gd name="connsiteY24" fmla="*/ 178479 h 535436"/>
              <a:gd name="connsiteX25" fmla="*/ 410501 w 535436"/>
              <a:gd name="connsiteY25" fmla="*/ 178479 h 535436"/>
              <a:gd name="connsiteX26" fmla="*/ 294490 w 535436"/>
              <a:gd name="connsiteY26" fmla="*/ 160631 h 535436"/>
              <a:gd name="connsiteX27" fmla="*/ 312338 w 535436"/>
              <a:gd name="connsiteY27" fmla="*/ 160631 h 535436"/>
              <a:gd name="connsiteX28" fmla="*/ 312338 w 535436"/>
              <a:gd name="connsiteY28" fmla="*/ 178479 h 535436"/>
              <a:gd name="connsiteX29" fmla="*/ 294490 w 535436"/>
              <a:gd name="connsiteY29" fmla="*/ 178479 h 535436"/>
              <a:gd name="connsiteX30" fmla="*/ 258794 w 535436"/>
              <a:gd name="connsiteY30" fmla="*/ 160631 h 535436"/>
              <a:gd name="connsiteX31" fmla="*/ 276642 w 535436"/>
              <a:gd name="connsiteY31" fmla="*/ 160631 h 535436"/>
              <a:gd name="connsiteX32" fmla="*/ 276642 w 535436"/>
              <a:gd name="connsiteY32" fmla="*/ 178479 h 535436"/>
              <a:gd name="connsiteX33" fmla="*/ 258794 w 535436"/>
              <a:gd name="connsiteY33" fmla="*/ 178479 h 535436"/>
              <a:gd name="connsiteX34" fmla="*/ 223098 w 535436"/>
              <a:gd name="connsiteY34" fmla="*/ 160631 h 535436"/>
              <a:gd name="connsiteX35" fmla="*/ 240946 w 535436"/>
              <a:gd name="connsiteY35" fmla="*/ 160631 h 535436"/>
              <a:gd name="connsiteX36" fmla="*/ 240946 w 535436"/>
              <a:gd name="connsiteY36" fmla="*/ 178479 h 535436"/>
              <a:gd name="connsiteX37" fmla="*/ 223098 w 535436"/>
              <a:gd name="connsiteY37" fmla="*/ 178479 h 535436"/>
              <a:gd name="connsiteX38" fmla="*/ 35696 w 535436"/>
              <a:gd name="connsiteY38" fmla="*/ 160631 h 535436"/>
              <a:gd name="connsiteX39" fmla="*/ 124935 w 535436"/>
              <a:gd name="connsiteY39" fmla="*/ 160631 h 535436"/>
              <a:gd name="connsiteX40" fmla="*/ 124935 w 535436"/>
              <a:gd name="connsiteY40" fmla="*/ 178479 h 535436"/>
              <a:gd name="connsiteX41" fmla="*/ 35696 w 535436"/>
              <a:gd name="connsiteY41" fmla="*/ 178479 h 535436"/>
              <a:gd name="connsiteX42" fmla="*/ 410501 w 535436"/>
              <a:gd name="connsiteY42" fmla="*/ 124935 h 535436"/>
              <a:gd name="connsiteX43" fmla="*/ 499740 w 535436"/>
              <a:gd name="connsiteY43" fmla="*/ 124935 h 535436"/>
              <a:gd name="connsiteX44" fmla="*/ 499740 w 535436"/>
              <a:gd name="connsiteY44" fmla="*/ 142783 h 535436"/>
              <a:gd name="connsiteX45" fmla="*/ 410501 w 535436"/>
              <a:gd name="connsiteY45" fmla="*/ 142783 h 535436"/>
              <a:gd name="connsiteX46" fmla="*/ 223098 w 535436"/>
              <a:gd name="connsiteY46" fmla="*/ 124935 h 535436"/>
              <a:gd name="connsiteX47" fmla="*/ 312337 w 535436"/>
              <a:gd name="connsiteY47" fmla="*/ 124935 h 535436"/>
              <a:gd name="connsiteX48" fmla="*/ 312337 w 535436"/>
              <a:gd name="connsiteY48" fmla="*/ 142783 h 535436"/>
              <a:gd name="connsiteX49" fmla="*/ 223098 w 535436"/>
              <a:gd name="connsiteY49" fmla="*/ 142783 h 535436"/>
              <a:gd name="connsiteX50" fmla="*/ 35696 w 535436"/>
              <a:gd name="connsiteY50" fmla="*/ 124935 h 535436"/>
              <a:gd name="connsiteX51" fmla="*/ 124935 w 535436"/>
              <a:gd name="connsiteY51" fmla="*/ 124935 h 535436"/>
              <a:gd name="connsiteX52" fmla="*/ 124935 w 535436"/>
              <a:gd name="connsiteY52" fmla="*/ 142783 h 535436"/>
              <a:gd name="connsiteX53" fmla="*/ 35696 w 535436"/>
              <a:gd name="connsiteY53" fmla="*/ 142783 h 535436"/>
              <a:gd name="connsiteX54" fmla="*/ 410501 w 535436"/>
              <a:gd name="connsiteY54" fmla="*/ 89239 h 535436"/>
              <a:gd name="connsiteX55" fmla="*/ 499740 w 535436"/>
              <a:gd name="connsiteY55" fmla="*/ 89239 h 535436"/>
              <a:gd name="connsiteX56" fmla="*/ 499740 w 535436"/>
              <a:gd name="connsiteY56" fmla="*/ 107087 h 535436"/>
              <a:gd name="connsiteX57" fmla="*/ 410501 w 535436"/>
              <a:gd name="connsiteY57" fmla="*/ 107087 h 535436"/>
              <a:gd name="connsiteX58" fmla="*/ 223098 w 535436"/>
              <a:gd name="connsiteY58" fmla="*/ 89239 h 535436"/>
              <a:gd name="connsiteX59" fmla="*/ 312337 w 535436"/>
              <a:gd name="connsiteY59" fmla="*/ 89239 h 535436"/>
              <a:gd name="connsiteX60" fmla="*/ 312337 w 535436"/>
              <a:gd name="connsiteY60" fmla="*/ 107087 h 535436"/>
              <a:gd name="connsiteX61" fmla="*/ 223098 w 535436"/>
              <a:gd name="connsiteY61" fmla="*/ 107087 h 535436"/>
              <a:gd name="connsiteX62" fmla="*/ 35696 w 535436"/>
              <a:gd name="connsiteY62" fmla="*/ 89239 h 535436"/>
              <a:gd name="connsiteX63" fmla="*/ 124935 w 535436"/>
              <a:gd name="connsiteY63" fmla="*/ 89239 h 535436"/>
              <a:gd name="connsiteX64" fmla="*/ 124935 w 535436"/>
              <a:gd name="connsiteY64" fmla="*/ 107087 h 535436"/>
              <a:gd name="connsiteX65" fmla="*/ 35696 w 535436"/>
              <a:gd name="connsiteY65" fmla="*/ 107087 h 535436"/>
              <a:gd name="connsiteX66" fmla="*/ 410501 w 535436"/>
              <a:gd name="connsiteY66" fmla="*/ 53544 h 535436"/>
              <a:gd name="connsiteX67" fmla="*/ 446197 w 535436"/>
              <a:gd name="connsiteY67" fmla="*/ 53544 h 535436"/>
              <a:gd name="connsiteX68" fmla="*/ 446197 w 535436"/>
              <a:gd name="connsiteY68" fmla="*/ 71392 h 535436"/>
              <a:gd name="connsiteX69" fmla="*/ 410501 w 535436"/>
              <a:gd name="connsiteY69" fmla="*/ 71392 h 535436"/>
              <a:gd name="connsiteX70" fmla="*/ 223098 w 535436"/>
              <a:gd name="connsiteY70" fmla="*/ 53544 h 535436"/>
              <a:gd name="connsiteX71" fmla="*/ 258794 w 535436"/>
              <a:gd name="connsiteY71" fmla="*/ 53544 h 535436"/>
              <a:gd name="connsiteX72" fmla="*/ 258794 w 535436"/>
              <a:gd name="connsiteY72" fmla="*/ 71392 h 535436"/>
              <a:gd name="connsiteX73" fmla="*/ 223098 w 535436"/>
              <a:gd name="connsiteY73" fmla="*/ 71392 h 535436"/>
              <a:gd name="connsiteX74" fmla="*/ 35696 w 535436"/>
              <a:gd name="connsiteY74" fmla="*/ 53544 h 535436"/>
              <a:gd name="connsiteX75" fmla="*/ 71392 w 535436"/>
              <a:gd name="connsiteY75" fmla="*/ 53544 h 535436"/>
              <a:gd name="connsiteX76" fmla="*/ 71392 w 535436"/>
              <a:gd name="connsiteY76" fmla="*/ 71392 h 535436"/>
              <a:gd name="connsiteX77" fmla="*/ 35696 w 535436"/>
              <a:gd name="connsiteY77" fmla="*/ 71392 h 535436"/>
              <a:gd name="connsiteX78" fmla="*/ 481893 w 535436"/>
              <a:gd name="connsiteY78" fmla="*/ 30466 h 535436"/>
              <a:gd name="connsiteX79" fmla="*/ 481893 w 535436"/>
              <a:gd name="connsiteY79" fmla="*/ 53544 h 535436"/>
              <a:gd name="connsiteX80" fmla="*/ 504970 w 535436"/>
              <a:gd name="connsiteY80" fmla="*/ 53544 h 535436"/>
              <a:gd name="connsiteX81" fmla="*/ 107087 w 535436"/>
              <a:gd name="connsiteY81" fmla="*/ 30466 h 535436"/>
              <a:gd name="connsiteX82" fmla="*/ 107087 w 535436"/>
              <a:gd name="connsiteY82" fmla="*/ 53544 h 535436"/>
              <a:gd name="connsiteX83" fmla="*/ 130164 w 535436"/>
              <a:gd name="connsiteY83" fmla="*/ 53544 h 535436"/>
              <a:gd name="connsiteX84" fmla="*/ 294491 w 535436"/>
              <a:gd name="connsiteY84" fmla="*/ 30466 h 535436"/>
              <a:gd name="connsiteX85" fmla="*/ 294491 w 535436"/>
              <a:gd name="connsiteY85" fmla="*/ 53543 h 535436"/>
              <a:gd name="connsiteX86" fmla="*/ 317568 w 535436"/>
              <a:gd name="connsiteY86" fmla="*/ 53543 h 535436"/>
              <a:gd name="connsiteX87" fmla="*/ 392653 w 535436"/>
              <a:gd name="connsiteY87" fmla="*/ 17848 h 535436"/>
              <a:gd name="connsiteX88" fmla="*/ 392653 w 535436"/>
              <a:gd name="connsiteY88" fmla="*/ 196327 h 535436"/>
              <a:gd name="connsiteX89" fmla="*/ 517588 w 535436"/>
              <a:gd name="connsiteY89" fmla="*/ 196327 h 535436"/>
              <a:gd name="connsiteX90" fmla="*/ 517588 w 535436"/>
              <a:gd name="connsiteY90" fmla="*/ 71391 h 535436"/>
              <a:gd name="connsiteX91" fmla="*/ 472969 w 535436"/>
              <a:gd name="connsiteY91" fmla="*/ 71391 h 535436"/>
              <a:gd name="connsiteX92" fmla="*/ 464045 w 535436"/>
              <a:gd name="connsiteY92" fmla="*/ 62467 h 535436"/>
              <a:gd name="connsiteX93" fmla="*/ 464045 w 535436"/>
              <a:gd name="connsiteY93" fmla="*/ 17848 h 535436"/>
              <a:gd name="connsiteX94" fmla="*/ 17848 w 535436"/>
              <a:gd name="connsiteY94" fmla="*/ 17848 h 535436"/>
              <a:gd name="connsiteX95" fmla="*/ 17848 w 535436"/>
              <a:gd name="connsiteY95" fmla="*/ 196327 h 535436"/>
              <a:gd name="connsiteX96" fmla="*/ 142783 w 535436"/>
              <a:gd name="connsiteY96" fmla="*/ 196327 h 535436"/>
              <a:gd name="connsiteX97" fmla="*/ 142783 w 535436"/>
              <a:gd name="connsiteY97" fmla="*/ 71391 h 535436"/>
              <a:gd name="connsiteX98" fmla="*/ 98163 w 535436"/>
              <a:gd name="connsiteY98" fmla="*/ 71391 h 535436"/>
              <a:gd name="connsiteX99" fmla="*/ 89239 w 535436"/>
              <a:gd name="connsiteY99" fmla="*/ 62467 h 535436"/>
              <a:gd name="connsiteX100" fmla="*/ 89239 w 535436"/>
              <a:gd name="connsiteY100" fmla="*/ 17848 h 535436"/>
              <a:gd name="connsiteX101" fmla="*/ 205251 w 535436"/>
              <a:gd name="connsiteY101" fmla="*/ 17848 h 535436"/>
              <a:gd name="connsiteX102" fmla="*/ 205251 w 535436"/>
              <a:gd name="connsiteY102" fmla="*/ 196327 h 535436"/>
              <a:gd name="connsiteX103" fmla="*/ 330186 w 535436"/>
              <a:gd name="connsiteY103" fmla="*/ 196327 h 535436"/>
              <a:gd name="connsiteX104" fmla="*/ 330186 w 535436"/>
              <a:gd name="connsiteY104" fmla="*/ 71391 h 535436"/>
              <a:gd name="connsiteX105" fmla="*/ 285567 w 535436"/>
              <a:gd name="connsiteY105" fmla="*/ 71391 h 535436"/>
              <a:gd name="connsiteX106" fmla="*/ 276643 w 535436"/>
              <a:gd name="connsiteY106" fmla="*/ 62467 h 535436"/>
              <a:gd name="connsiteX107" fmla="*/ 276643 w 535436"/>
              <a:gd name="connsiteY107" fmla="*/ 17848 h 535436"/>
              <a:gd name="connsiteX108" fmla="*/ 383729 w 535436"/>
              <a:gd name="connsiteY108" fmla="*/ 0 h 535436"/>
              <a:gd name="connsiteX109" fmla="*/ 472969 w 535436"/>
              <a:gd name="connsiteY109" fmla="*/ 0 h 535436"/>
              <a:gd name="connsiteX110" fmla="*/ 479278 w 535436"/>
              <a:gd name="connsiteY110" fmla="*/ 2615 h 535436"/>
              <a:gd name="connsiteX111" fmla="*/ 532822 w 535436"/>
              <a:gd name="connsiteY111" fmla="*/ 56158 h 535436"/>
              <a:gd name="connsiteX112" fmla="*/ 535436 w 535436"/>
              <a:gd name="connsiteY112" fmla="*/ 62467 h 535436"/>
              <a:gd name="connsiteX113" fmla="*/ 535436 w 535436"/>
              <a:gd name="connsiteY113" fmla="*/ 205251 h 535436"/>
              <a:gd name="connsiteX114" fmla="*/ 526512 w 535436"/>
              <a:gd name="connsiteY114" fmla="*/ 214175 h 535436"/>
              <a:gd name="connsiteX115" fmla="*/ 464045 w 535436"/>
              <a:gd name="connsiteY115" fmla="*/ 214175 h 535436"/>
              <a:gd name="connsiteX116" fmla="*/ 419425 w 535436"/>
              <a:gd name="connsiteY116" fmla="*/ 258795 h 535436"/>
              <a:gd name="connsiteX117" fmla="*/ 392653 w 535436"/>
              <a:gd name="connsiteY117" fmla="*/ 258795 h 535436"/>
              <a:gd name="connsiteX118" fmla="*/ 365881 w 535436"/>
              <a:gd name="connsiteY118" fmla="*/ 285566 h 535436"/>
              <a:gd name="connsiteX119" fmla="*/ 365881 w 535436"/>
              <a:gd name="connsiteY119" fmla="*/ 299720 h 535436"/>
              <a:gd name="connsiteX120" fmla="*/ 386344 w 535436"/>
              <a:gd name="connsiteY120" fmla="*/ 279257 h 535436"/>
              <a:gd name="connsiteX121" fmla="*/ 398962 w 535436"/>
              <a:gd name="connsiteY121" fmla="*/ 291876 h 535436"/>
              <a:gd name="connsiteX122" fmla="*/ 363267 w 535436"/>
              <a:gd name="connsiteY122" fmla="*/ 327571 h 535436"/>
              <a:gd name="connsiteX123" fmla="*/ 356957 w 535436"/>
              <a:gd name="connsiteY123" fmla="*/ 330186 h 535436"/>
              <a:gd name="connsiteX124" fmla="*/ 350648 w 535436"/>
              <a:gd name="connsiteY124" fmla="*/ 327571 h 535436"/>
              <a:gd name="connsiteX125" fmla="*/ 314952 w 535436"/>
              <a:gd name="connsiteY125" fmla="*/ 291876 h 535436"/>
              <a:gd name="connsiteX126" fmla="*/ 327571 w 535436"/>
              <a:gd name="connsiteY126" fmla="*/ 279257 h 535436"/>
              <a:gd name="connsiteX127" fmla="*/ 348033 w 535436"/>
              <a:gd name="connsiteY127" fmla="*/ 299720 h 535436"/>
              <a:gd name="connsiteX128" fmla="*/ 348033 w 535436"/>
              <a:gd name="connsiteY128" fmla="*/ 285566 h 535436"/>
              <a:gd name="connsiteX129" fmla="*/ 392653 w 535436"/>
              <a:gd name="connsiteY129" fmla="*/ 240947 h 535436"/>
              <a:gd name="connsiteX130" fmla="*/ 419425 w 535436"/>
              <a:gd name="connsiteY130" fmla="*/ 240947 h 535436"/>
              <a:gd name="connsiteX131" fmla="*/ 446197 w 535436"/>
              <a:gd name="connsiteY131" fmla="*/ 214175 h 535436"/>
              <a:gd name="connsiteX132" fmla="*/ 383729 w 535436"/>
              <a:gd name="connsiteY132" fmla="*/ 214175 h 535436"/>
              <a:gd name="connsiteX133" fmla="*/ 374805 w 535436"/>
              <a:gd name="connsiteY133" fmla="*/ 205251 h 535436"/>
              <a:gd name="connsiteX134" fmla="*/ 374805 w 535436"/>
              <a:gd name="connsiteY134" fmla="*/ 8924 h 535436"/>
              <a:gd name="connsiteX135" fmla="*/ 383729 w 535436"/>
              <a:gd name="connsiteY135" fmla="*/ 0 h 535436"/>
              <a:gd name="connsiteX136" fmla="*/ 196327 w 535436"/>
              <a:gd name="connsiteY136" fmla="*/ 0 h 535436"/>
              <a:gd name="connsiteX137" fmla="*/ 285567 w 535436"/>
              <a:gd name="connsiteY137" fmla="*/ 0 h 535436"/>
              <a:gd name="connsiteX138" fmla="*/ 291876 w 535436"/>
              <a:gd name="connsiteY138" fmla="*/ 2615 h 535436"/>
              <a:gd name="connsiteX139" fmla="*/ 345420 w 535436"/>
              <a:gd name="connsiteY139" fmla="*/ 56158 h 535436"/>
              <a:gd name="connsiteX140" fmla="*/ 348034 w 535436"/>
              <a:gd name="connsiteY140" fmla="*/ 62467 h 535436"/>
              <a:gd name="connsiteX141" fmla="*/ 348034 w 535436"/>
              <a:gd name="connsiteY141" fmla="*/ 205251 h 535436"/>
              <a:gd name="connsiteX142" fmla="*/ 339110 w 535436"/>
              <a:gd name="connsiteY142" fmla="*/ 214175 h 535436"/>
              <a:gd name="connsiteX143" fmla="*/ 276643 w 535436"/>
              <a:gd name="connsiteY143" fmla="*/ 214175 h 535436"/>
              <a:gd name="connsiteX144" fmla="*/ 276643 w 535436"/>
              <a:gd name="connsiteY144" fmla="*/ 323493 h 535436"/>
              <a:gd name="connsiteX145" fmla="*/ 484392 w 535436"/>
              <a:gd name="connsiteY145" fmla="*/ 384086 h 535436"/>
              <a:gd name="connsiteX146" fmla="*/ 490817 w 535436"/>
              <a:gd name="connsiteY146" fmla="*/ 392653 h 535436"/>
              <a:gd name="connsiteX147" fmla="*/ 490817 w 535436"/>
              <a:gd name="connsiteY147" fmla="*/ 464045 h 535436"/>
              <a:gd name="connsiteX148" fmla="*/ 484392 w 535436"/>
              <a:gd name="connsiteY148" fmla="*/ 472612 h 535436"/>
              <a:gd name="connsiteX149" fmla="*/ 270217 w 535436"/>
              <a:gd name="connsiteY149" fmla="*/ 535079 h 535436"/>
              <a:gd name="connsiteX150" fmla="*/ 267719 w 535436"/>
              <a:gd name="connsiteY150" fmla="*/ 535436 h 535436"/>
              <a:gd name="connsiteX151" fmla="*/ 265220 w 535436"/>
              <a:gd name="connsiteY151" fmla="*/ 535079 h 535436"/>
              <a:gd name="connsiteX152" fmla="*/ 51045 w 535436"/>
              <a:gd name="connsiteY152" fmla="*/ 472612 h 535436"/>
              <a:gd name="connsiteX153" fmla="*/ 44620 w 535436"/>
              <a:gd name="connsiteY153" fmla="*/ 464045 h 535436"/>
              <a:gd name="connsiteX154" fmla="*/ 44620 w 535436"/>
              <a:gd name="connsiteY154" fmla="*/ 392653 h 535436"/>
              <a:gd name="connsiteX155" fmla="*/ 51045 w 535436"/>
              <a:gd name="connsiteY155" fmla="*/ 384086 h 535436"/>
              <a:gd name="connsiteX156" fmla="*/ 258795 w 535436"/>
              <a:gd name="connsiteY156" fmla="*/ 323493 h 535436"/>
              <a:gd name="connsiteX157" fmla="*/ 258795 w 535436"/>
              <a:gd name="connsiteY157" fmla="*/ 214175 h 535436"/>
              <a:gd name="connsiteX158" fmla="*/ 196327 w 535436"/>
              <a:gd name="connsiteY158" fmla="*/ 214175 h 535436"/>
              <a:gd name="connsiteX159" fmla="*/ 187403 w 535436"/>
              <a:gd name="connsiteY159" fmla="*/ 205251 h 535436"/>
              <a:gd name="connsiteX160" fmla="*/ 187403 w 535436"/>
              <a:gd name="connsiteY160" fmla="*/ 8924 h 535436"/>
              <a:gd name="connsiteX161" fmla="*/ 196327 w 535436"/>
              <a:gd name="connsiteY161" fmla="*/ 0 h 535436"/>
              <a:gd name="connsiteX162" fmla="*/ 8924 w 535436"/>
              <a:gd name="connsiteY162" fmla="*/ 0 h 535436"/>
              <a:gd name="connsiteX163" fmla="*/ 98163 w 535436"/>
              <a:gd name="connsiteY163" fmla="*/ 0 h 535436"/>
              <a:gd name="connsiteX164" fmla="*/ 104472 w 535436"/>
              <a:gd name="connsiteY164" fmla="*/ 2615 h 535436"/>
              <a:gd name="connsiteX165" fmla="*/ 158016 w 535436"/>
              <a:gd name="connsiteY165" fmla="*/ 56158 h 535436"/>
              <a:gd name="connsiteX166" fmla="*/ 160631 w 535436"/>
              <a:gd name="connsiteY166" fmla="*/ 62467 h 535436"/>
              <a:gd name="connsiteX167" fmla="*/ 160631 w 535436"/>
              <a:gd name="connsiteY167" fmla="*/ 205251 h 535436"/>
              <a:gd name="connsiteX168" fmla="*/ 151707 w 535436"/>
              <a:gd name="connsiteY168" fmla="*/ 214175 h 535436"/>
              <a:gd name="connsiteX169" fmla="*/ 89239 w 535436"/>
              <a:gd name="connsiteY169" fmla="*/ 214175 h 535436"/>
              <a:gd name="connsiteX170" fmla="*/ 116011 w 535436"/>
              <a:gd name="connsiteY170" fmla="*/ 240947 h 535436"/>
              <a:gd name="connsiteX171" fmla="*/ 142783 w 535436"/>
              <a:gd name="connsiteY171" fmla="*/ 240947 h 535436"/>
              <a:gd name="connsiteX172" fmla="*/ 187403 w 535436"/>
              <a:gd name="connsiteY172" fmla="*/ 285566 h 535436"/>
              <a:gd name="connsiteX173" fmla="*/ 187403 w 535436"/>
              <a:gd name="connsiteY173" fmla="*/ 299720 h 535436"/>
              <a:gd name="connsiteX174" fmla="*/ 207865 w 535436"/>
              <a:gd name="connsiteY174" fmla="*/ 279257 h 535436"/>
              <a:gd name="connsiteX175" fmla="*/ 220484 w 535436"/>
              <a:gd name="connsiteY175" fmla="*/ 291876 h 535436"/>
              <a:gd name="connsiteX176" fmla="*/ 184788 w 535436"/>
              <a:gd name="connsiteY176" fmla="*/ 327571 h 535436"/>
              <a:gd name="connsiteX177" fmla="*/ 178479 w 535436"/>
              <a:gd name="connsiteY177" fmla="*/ 330186 h 535436"/>
              <a:gd name="connsiteX178" fmla="*/ 172170 w 535436"/>
              <a:gd name="connsiteY178" fmla="*/ 327571 h 535436"/>
              <a:gd name="connsiteX179" fmla="*/ 136474 w 535436"/>
              <a:gd name="connsiteY179" fmla="*/ 291876 h 535436"/>
              <a:gd name="connsiteX180" fmla="*/ 149092 w 535436"/>
              <a:gd name="connsiteY180" fmla="*/ 279257 h 535436"/>
              <a:gd name="connsiteX181" fmla="*/ 169555 w 535436"/>
              <a:gd name="connsiteY181" fmla="*/ 299720 h 535436"/>
              <a:gd name="connsiteX182" fmla="*/ 169555 w 535436"/>
              <a:gd name="connsiteY182" fmla="*/ 285566 h 535436"/>
              <a:gd name="connsiteX183" fmla="*/ 142783 w 535436"/>
              <a:gd name="connsiteY183" fmla="*/ 258795 h 535436"/>
              <a:gd name="connsiteX184" fmla="*/ 116011 w 535436"/>
              <a:gd name="connsiteY184" fmla="*/ 258795 h 535436"/>
              <a:gd name="connsiteX185" fmla="*/ 71391 w 535436"/>
              <a:gd name="connsiteY185" fmla="*/ 214175 h 535436"/>
              <a:gd name="connsiteX186" fmla="*/ 8924 w 535436"/>
              <a:gd name="connsiteY186" fmla="*/ 214175 h 535436"/>
              <a:gd name="connsiteX187" fmla="*/ 0 w 535436"/>
              <a:gd name="connsiteY187" fmla="*/ 205251 h 535436"/>
              <a:gd name="connsiteX188" fmla="*/ 0 w 535436"/>
              <a:gd name="connsiteY188" fmla="*/ 8924 h 535436"/>
              <a:gd name="connsiteX189" fmla="*/ 8924 w 535436"/>
              <a:gd name="connsiteY189" fmla="*/ 0 h 535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Lst>
            <a:rect l="l" t="t" r="r" b="b"/>
            <a:pathLst>
              <a:path w="535436" h="535436">
                <a:moveTo>
                  <a:pt x="472969" y="404549"/>
                </a:moveTo>
                <a:lnTo>
                  <a:pt x="276643" y="461814"/>
                </a:lnTo>
                <a:lnTo>
                  <a:pt x="276643" y="514617"/>
                </a:lnTo>
                <a:lnTo>
                  <a:pt x="472969" y="457352"/>
                </a:lnTo>
                <a:close/>
                <a:moveTo>
                  <a:pt x="62468" y="404549"/>
                </a:moveTo>
                <a:lnTo>
                  <a:pt x="62468" y="457352"/>
                </a:lnTo>
                <a:lnTo>
                  <a:pt x="258795" y="514617"/>
                </a:lnTo>
                <a:lnTo>
                  <a:pt x="258795" y="461814"/>
                </a:lnTo>
                <a:close/>
                <a:moveTo>
                  <a:pt x="258795" y="342081"/>
                </a:moveTo>
                <a:lnTo>
                  <a:pt x="85411" y="392653"/>
                </a:lnTo>
                <a:lnTo>
                  <a:pt x="267719" y="445822"/>
                </a:lnTo>
                <a:lnTo>
                  <a:pt x="450026" y="392653"/>
                </a:lnTo>
                <a:lnTo>
                  <a:pt x="276643" y="342081"/>
                </a:lnTo>
                <a:lnTo>
                  <a:pt x="276643" y="388959"/>
                </a:lnTo>
                <a:lnTo>
                  <a:pt x="297105" y="368496"/>
                </a:lnTo>
                <a:lnTo>
                  <a:pt x="309724" y="381115"/>
                </a:lnTo>
                <a:lnTo>
                  <a:pt x="274028" y="416810"/>
                </a:lnTo>
                <a:cubicBezTo>
                  <a:pt x="272288" y="418551"/>
                  <a:pt x="270003" y="419425"/>
                  <a:pt x="267719" y="419425"/>
                </a:cubicBezTo>
                <a:cubicBezTo>
                  <a:pt x="265434" y="419425"/>
                  <a:pt x="263150" y="418551"/>
                  <a:pt x="261410" y="416810"/>
                </a:cubicBezTo>
                <a:lnTo>
                  <a:pt x="225714" y="381115"/>
                </a:lnTo>
                <a:lnTo>
                  <a:pt x="238332" y="368496"/>
                </a:lnTo>
                <a:lnTo>
                  <a:pt x="258795" y="388959"/>
                </a:lnTo>
                <a:close/>
                <a:moveTo>
                  <a:pt x="410501" y="160631"/>
                </a:moveTo>
                <a:lnTo>
                  <a:pt x="499740" y="160631"/>
                </a:lnTo>
                <a:lnTo>
                  <a:pt x="499740" y="178479"/>
                </a:lnTo>
                <a:lnTo>
                  <a:pt x="410501" y="178479"/>
                </a:lnTo>
                <a:close/>
                <a:moveTo>
                  <a:pt x="294490" y="160631"/>
                </a:moveTo>
                <a:lnTo>
                  <a:pt x="312338" y="160631"/>
                </a:lnTo>
                <a:lnTo>
                  <a:pt x="312338" y="178479"/>
                </a:lnTo>
                <a:lnTo>
                  <a:pt x="294490" y="178479"/>
                </a:lnTo>
                <a:close/>
                <a:moveTo>
                  <a:pt x="258794" y="160631"/>
                </a:moveTo>
                <a:lnTo>
                  <a:pt x="276642" y="160631"/>
                </a:lnTo>
                <a:lnTo>
                  <a:pt x="276642" y="178479"/>
                </a:lnTo>
                <a:lnTo>
                  <a:pt x="258794" y="178479"/>
                </a:lnTo>
                <a:close/>
                <a:moveTo>
                  <a:pt x="223098" y="160631"/>
                </a:moveTo>
                <a:lnTo>
                  <a:pt x="240946" y="160631"/>
                </a:lnTo>
                <a:lnTo>
                  <a:pt x="240946" y="178479"/>
                </a:lnTo>
                <a:lnTo>
                  <a:pt x="223098" y="178479"/>
                </a:lnTo>
                <a:close/>
                <a:moveTo>
                  <a:pt x="35696" y="160631"/>
                </a:moveTo>
                <a:lnTo>
                  <a:pt x="124935" y="160631"/>
                </a:lnTo>
                <a:lnTo>
                  <a:pt x="124935" y="178479"/>
                </a:lnTo>
                <a:lnTo>
                  <a:pt x="35696" y="178479"/>
                </a:lnTo>
                <a:close/>
                <a:moveTo>
                  <a:pt x="410501" y="124935"/>
                </a:moveTo>
                <a:lnTo>
                  <a:pt x="499740" y="124935"/>
                </a:lnTo>
                <a:lnTo>
                  <a:pt x="499740" y="142783"/>
                </a:lnTo>
                <a:lnTo>
                  <a:pt x="410501" y="142783"/>
                </a:lnTo>
                <a:close/>
                <a:moveTo>
                  <a:pt x="223098" y="124935"/>
                </a:moveTo>
                <a:lnTo>
                  <a:pt x="312337" y="124935"/>
                </a:lnTo>
                <a:lnTo>
                  <a:pt x="312337" y="142783"/>
                </a:lnTo>
                <a:lnTo>
                  <a:pt x="223098" y="142783"/>
                </a:lnTo>
                <a:close/>
                <a:moveTo>
                  <a:pt x="35696" y="124935"/>
                </a:moveTo>
                <a:lnTo>
                  <a:pt x="124935" y="124935"/>
                </a:lnTo>
                <a:lnTo>
                  <a:pt x="124935" y="142783"/>
                </a:lnTo>
                <a:lnTo>
                  <a:pt x="35696" y="142783"/>
                </a:lnTo>
                <a:close/>
                <a:moveTo>
                  <a:pt x="410501" y="89239"/>
                </a:moveTo>
                <a:lnTo>
                  <a:pt x="499740" y="89239"/>
                </a:lnTo>
                <a:lnTo>
                  <a:pt x="499740" y="107087"/>
                </a:lnTo>
                <a:lnTo>
                  <a:pt x="410501" y="107087"/>
                </a:lnTo>
                <a:close/>
                <a:moveTo>
                  <a:pt x="223098" y="89239"/>
                </a:moveTo>
                <a:lnTo>
                  <a:pt x="312337" y="89239"/>
                </a:lnTo>
                <a:lnTo>
                  <a:pt x="312337" y="107087"/>
                </a:lnTo>
                <a:lnTo>
                  <a:pt x="223098" y="107087"/>
                </a:lnTo>
                <a:close/>
                <a:moveTo>
                  <a:pt x="35696" y="89239"/>
                </a:moveTo>
                <a:lnTo>
                  <a:pt x="124935" y="89239"/>
                </a:lnTo>
                <a:lnTo>
                  <a:pt x="124935" y="107087"/>
                </a:lnTo>
                <a:lnTo>
                  <a:pt x="35696" y="107087"/>
                </a:lnTo>
                <a:close/>
                <a:moveTo>
                  <a:pt x="410501" y="53544"/>
                </a:moveTo>
                <a:lnTo>
                  <a:pt x="446197" y="53544"/>
                </a:lnTo>
                <a:lnTo>
                  <a:pt x="446197" y="71392"/>
                </a:lnTo>
                <a:lnTo>
                  <a:pt x="410501" y="71392"/>
                </a:lnTo>
                <a:close/>
                <a:moveTo>
                  <a:pt x="223098" y="53544"/>
                </a:moveTo>
                <a:lnTo>
                  <a:pt x="258794" y="53544"/>
                </a:lnTo>
                <a:lnTo>
                  <a:pt x="258794" y="71392"/>
                </a:lnTo>
                <a:lnTo>
                  <a:pt x="223098" y="71392"/>
                </a:lnTo>
                <a:close/>
                <a:moveTo>
                  <a:pt x="35696" y="53544"/>
                </a:moveTo>
                <a:lnTo>
                  <a:pt x="71392" y="53544"/>
                </a:lnTo>
                <a:lnTo>
                  <a:pt x="71392" y="71392"/>
                </a:lnTo>
                <a:lnTo>
                  <a:pt x="35696" y="71392"/>
                </a:lnTo>
                <a:close/>
                <a:moveTo>
                  <a:pt x="481893" y="30466"/>
                </a:moveTo>
                <a:lnTo>
                  <a:pt x="481893" y="53544"/>
                </a:lnTo>
                <a:lnTo>
                  <a:pt x="504970" y="53544"/>
                </a:lnTo>
                <a:close/>
                <a:moveTo>
                  <a:pt x="107087" y="30466"/>
                </a:moveTo>
                <a:lnTo>
                  <a:pt x="107087" y="53544"/>
                </a:lnTo>
                <a:lnTo>
                  <a:pt x="130164" y="53544"/>
                </a:lnTo>
                <a:close/>
                <a:moveTo>
                  <a:pt x="294491" y="30466"/>
                </a:moveTo>
                <a:lnTo>
                  <a:pt x="294491" y="53543"/>
                </a:lnTo>
                <a:lnTo>
                  <a:pt x="317568" y="53543"/>
                </a:lnTo>
                <a:close/>
                <a:moveTo>
                  <a:pt x="392653" y="17848"/>
                </a:moveTo>
                <a:lnTo>
                  <a:pt x="392653" y="196327"/>
                </a:lnTo>
                <a:lnTo>
                  <a:pt x="517588" y="196327"/>
                </a:lnTo>
                <a:lnTo>
                  <a:pt x="517588" y="71391"/>
                </a:lnTo>
                <a:lnTo>
                  <a:pt x="472969" y="71391"/>
                </a:lnTo>
                <a:cubicBezTo>
                  <a:pt x="468034" y="71391"/>
                  <a:pt x="464045" y="67393"/>
                  <a:pt x="464045" y="62467"/>
                </a:cubicBezTo>
                <a:lnTo>
                  <a:pt x="464045" y="17848"/>
                </a:lnTo>
                <a:close/>
                <a:moveTo>
                  <a:pt x="17848" y="17848"/>
                </a:moveTo>
                <a:lnTo>
                  <a:pt x="17848" y="196327"/>
                </a:lnTo>
                <a:lnTo>
                  <a:pt x="142783" y="196327"/>
                </a:lnTo>
                <a:lnTo>
                  <a:pt x="142783" y="71391"/>
                </a:lnTo>
                <a:lnTo>
                  <a:pt x="98163" y="71391"/>
                </a:lnTo>
                <a:cubicBezTo>
                  <a:pt x="93228" y="71391"/>
                  <a:pt x="89239" y="67393"/>
                  <a:pt x="89239" y="62467"/>
                </a:cubicBezTo>
                <a:lnTo>
                  <a:pt x="89239" y="17848"/>
                </a:lnTo>
                <a:close/>
                <a:moveTo>
                  <a:pt x="205251" y="17848"/>
                </a:moveTo>
                <a:lnTo>
                  <a:pt x="205251" y="196327"/>
                </a:lnTo>
                <a:lnTo>
                  <a:pt x="330186" y="196327"/>
                </a:lnTo>
                <a:lnTo>
                  <a:pt x="330186" y="71391"/>
                </a:lnTo>
                <a:lnTo>
                  <a:pt x="285567" y="71391"/>
                </a:lnTo>
                <a:cubicBezTo>
                  <a:pt x="280632" y="71391"/>
                  <a:pt x="276643" y="67393"/>
                  <a:pt x="276643" y="62467"/>
                </a:cubicBezTo>
                <a:lnTo>
                  <a:pt x="276643" y="17848"/>
                </a:lnTo>
                <a:close/>
                <a:moveTo>
                  <a:pt x="383729" y="0"/>
                </a:moveTo>
                <a:lnTo>
                  <a:pt x="472969" y="0"/>
                </a:lnTo>
                <a:cubicBezTo>
                  <a:pt x="475342" y="0"/>
                  <a:pt x="477609" y="937"/>
                  <a:pt x="479278" y="2615"/>
                </a:cubicBezTo>
                <a:lnTo>
                  <a:pt x="532822" y="56158"/>
                </a:lnTo>
                <a:cubicBezTo>
                  <a:pt x="534499" y="57827"/>
                  <a:pt x="535436" y="60103"/>
                  <a:pt x="535436" y="62467"/>
                </a:cubicBezTo>
                <a:lnTo>
                  <a:pt x="535436" y="205251"/>
                </a:lnTo>
                <a:cubicBezTo>
                  <a:pt x="535436" y="210177"/>
                  <a:pt x="531447" y="214175"/>
                  <a:pt x="526512" y="214175"/>
                </a:cubicBezTo>
                <a:lnTo>
                  <a:pt x="464045" y="214175"/>
                </a:lnTo>
                <a:cubicBezTo>
                  <a:pt x="464045" y="238778"/>
                  <a:pt x="444028" y="258795"/>
                  <a:pt x="419425" y="258795"/>
                </a:cubicBezTo>
                <a:lnTo>
                  <a:pt x="392653" y="258795"/>
                </a:lnTo>
                <a:cubicBezTo>
                  <a:pt x="377893" y="258795"/>
                  <a:pt x="365881" y="270806"/>
                  <a:pt x="365881" y="285566"/>
                </a:cubicBezTo>
                <a:lnTo>
                  <a:pt x="365881" y="299720"/>
                </a:lnTo>
                <a:lnTo>
                  <a:pt x="386344" y="279257"/>
                </a:lnTo>
                <a:lnTo>
                  <a:pt x="398962" y="291876"/>
                </a:lnTo>
                <a:lnTo>
                  <a:pt x="363267" y="327571"/>
                </a:lnTo>
                <a:cubicBezTo>
                  <a:pt x="361526" y="329312"/>
                  <a:pt x="359242" y="330186"/>
                  <a:pt x="356957" y="330186"/>
                </a:cubicBezTo>
                <a:cubicBezTo>
                  <a:pt x="354673" y="330186"/>
                  <a:pt x="352388" y="329312"/>
                  <a:pt x="350648" y="327571"/>
                </a:cubicBezTo>
                <a:lnTo>
                  <a:pt x="314952" y="291876"/>
                </a:lnTo>
                <a:lnTo>
                  <a:pt x="327571" y="279257"/>
                </a:lnTo>
                <a:lnTo>
                  <a:pt x="348033" y="299720"/>
                </a:lnTo>
                <a:lnTo>
                  <a:pt x="348033" y="285566"/>
                </a:lnTo>
                <a:cubicBezTo>
                  <a:pt x="348033" y="260963"/>
                  <a:pt x="368050" y="240947"/>
                  <a:pt x="392653" y="240947"/>
                </a:cubicBezTo>
                <a:lnTo>
                  <a:pt x="419425" y="240947"/>
                </a:lnTo>
                <a:cubicBezTo>
                  <a:pt x="434185" y="240947"/>
                  <a:pt x="446197" y="228935"/>
                  <a:pt x="446197" y="214175"/>
                </a:cubicBezTo>
                <a:lnTo>
                  <a:pt x="383729" y="214175"/>
                </a:lnTo>
                <a:cubicBezTo>
                  <a:pt x="378794" y="214175"/>
                  <a:pt x="374805" y="210177"/>
                  <a:pt x="374805" y="205251"/>
                </a:cubicBezTo>
                <a:lnTo>
                  <a:pt x="374805" y="8924"/>
                </a:lnTo>
                <a:cubicBezTo>
                  <a:pt x="374805" y="3998"/>
                  <a:pt x="378794" y="0"/>
                  <a:pt x="383729" y="0"/>
                </a:cubicBezTo>
                <a:close/>
                <a:moveTo>
                  <a:pt x="196327" y="0"/>
                </a:moveTo>
                <a:lnTo>
                  <a:pt x="285567" y="0"/>
                </a:lnTo>
                <a:cubicBezTo>
                  <a:pt x="287940" y="0"/>
                  <a:pt x="290207" y="937"/>
                  <a:pt x="291876" y="2615"/>
                </a:cubicBezTo>
                <a:lnTo>
                  <a:pt x="345420" y="56158"/>
                </a:lnTo>
                <a:cubicBezTo>
                  <a:pt x="347097" y="57827"/>
                  <a:pt x="348034" y="60103"/>
                  <a:pt x="348034" y="62467"/>
                </a:cubicBezTo>
                <a:lnTo>
                  <a:pt x="348034" y="205251"/>
                </a:lnTo>
                <a:cubicBezTo>
                  <a:pt x="348034" y="210177"/>
                  <a:pt x="344045" y="214175"/>
                  <a:pt x="339110" y="214175"/>
                </a:cubicBezTo>
                <a:lnTo>
                  <a:pt x="276643" y="214175"/>
                </a:lnTo>
                <a:lnTo>
                  <a:pt x="276643" y="323493"/>
                </a:lnTo>
                <a:lnTo>
                  <a:pt x="484392" y="384086"/>
                </a:lnTo>
                <a:cubicBezTo>
                  <a:pt x="488203" y="385202"/>
                  <a:pt x="490817" y="388691"/>
                  <a:pt x="490817" y="392653"/>
                </a:cubicBezTo>
                <a:lnTo>
                  <a:pt x="490817" y="464045"/>
                </a:lnTo>
                <a:cubicBezTo>
                  <a:pt x="490817" y="468007"/>
                  <a:pt x="488203" y="471496"/>
                  <a:pt x="484392" y="472612"/>
                </a:cubicBezTo>
                <a:lnTo>
                  <a:pt x="270217" y="535079"/>
                </a:lnTo>
                <a:cubicBezTo>
                  <a:pt x="269396" y="535320"/>
                  <a:pt x="268567" y="535436"/>
                  <a:pt x="267719" y="535436"/>
                </a:cubicBezTo>
                <a:cubicBezTo>
                  <a:pt x="266871" y="535436"/>
                  <a:pt x="266041" y="535320"/>
                  <a:pt x="265220" y="535079"/>
                </a:cubicBezTo>
                <a:lnTo>
                  <a:pt x="51045" y="472612"/>
                </a:lnTo>
                <a:cubicBezTo>
                  <a:pt x="47235" y="471496"/>
                  <a:pt x="44620" y="468007"/>
                  <a:pt x="44620" y="464045"/>
                </a:cubicBezTo>
                <a:lnTo>
                  <a:pt x="44620" y="392653"/>
                </a:lnTo>
                <a:cubicBezTo>
                  <a:pt x="44620" y="388691"/>
                  <a:pt x="47235" y="385202"/>
                  <a:pt x="51045" y="384086"/>
                </a:cubicBezTo>
                <a:lnTo>
                  <a:pt x="258795" y="323493"/>
                </a:lnTo>
                <a:lnTo>
                  <a:pt x="258795" y="214175"/>
                </a:lnTo>
                <a:lnTo>
                  <a:pt x="196327" y="214175"/>
                </a:lnTo>
                <a:cubicBezTo>
                  <a:pt x="191392" y="214175"/>
                  <a:pt x="187403" y="210177"/>
                  <a:pt x="187403" y="205251"/>
                </a:cubicBezTo>
                <a:lnTo>
                  <a:pt x="187403" y="8924"/>
                </a:lnTo>
                <a:cubicBezTo>
                  <a:pt x="187403" y="3998"/>
                  <a:pt x="191392" y="0"/>
                  <a:pt x="196327" y="0"/>
                </a:cubicBezTo>
                <a:close/>
                <a:moveTo>
                  <a:pt x="8924" y="0"/>
                </a:moveTo>
                <a:lnTo>
                  <a:pt x="98163" y="0"/>
                </a:lnTo>
                <a:cubicBezTo>
                  <a:pt x="100537" y="0"/>
                  <a:pt x="102804" y="937"/>
                  <a:pt x="104472" y="2615"/>
                </a:cubicBezTo>
                <a:lnTo>
                  <a:pt x="158016" y="56158"/>
                </a:lnTo>
                <a:cubicBezTo>
                  <a:pt x="159694" y="57827"/>
                  <a:pt x="160631" y="60103"/>
                  <a:pt x="160631" y="62467"/>
                </a:cubicBezTo>
                <a:lnTo>
                  <a:pt x="160631" y="205251"/>
                </a:lnTo>
                <a:cubicBezTo>
                  <a:pt x="160631" y="210177"/>
                  <a:pt x="156642" y="214175"/>
                  <a:pt x="151707" y="214175"/>
                </a:cubicBezTo>
                <a:lnTo>
                  <a:pt x="89239" y="214175"/>
                </a:lnTo>
                <a:cubicBezTo>
                  <a:pt x="89239" y="228935"/>
                  <a:pt x="101251" y="240947"/>
                  <a:pt x="116011" y="240947"/>
                </a:cubicBezTo>
                <a:lnTo>
                  <a:pt x="142783" y="240947"/>
                </a:lnTo>
                <a:cubicBezTo>
                  <a:pt x="167386" y="240947"/>
                  <a:pt x="187403" y="260963"/>
                  <a:pt x="187403" y="285566"/>
                </a:cubicBezTo>
                <a:lnTo>
                  <a:pt x="187403" y="299720"/>
                </a:lnTo>
                <a:lnTo>
                  <a:pt x="207865" y="279257"/>
                </a:lnTo>
                <a:lnTo>
                  <a:pt x="220484" y="291876"/>
                </a:lnTo>
                <a:lnTo>
                  <a:pt x="184788" y="327571"/>
                </a:lnTo>
                <a:cubicBezTo>
                  <a:pt x="183048" y="329312"/>
                  <a:pt x="180763" y="330186"/>
                  <a:pt x="178479" y="330186"/>
                </a:cubicBezTo>
                <a:cubicBezTo>
                  <a:pt x="176194" y="330186"/>
                  <a:pt x="173910" y="329312"/>
                  <a:pt x="172170" y="327571"/>
                </a:cubicBezTo>
                <a:lnTo>
                  <a:pt x="136474" y="291876"/>
                </a:lnTo>
                <a:lnTo>
                  <a:pt x="149092" y="279257"/>
                </a:lnTo>
                <a:lnTo>
                  <a:pt x="169555" y="299720"/>
                </a:lnTo>
                <a:lnTo>
                  <a:pt x="169555" y="285566"/>
                </a:lnTo>
                <a:cubicBezTo>
                  <a:pt x="169555" y="270806"/>
                  <a:pt x="157543" y="258795"/>
                  <a:pt x="142783" y="258795"/>
                </a:cubicBezTo>
                <a:lnTo>
                  <a:pt x="116011" y="258795"/>
                </a:lnTo>
                <a:cubicBezTo>
                  <a:pt x="91408" y="258795"/>
                  <a:pt x="71391" y="238778"/>
                  <a:pt x="71391" y="214175"/>
                </a:cubicBezTo>
                <a:lnTo>
                  <a:pt x="8924" y="214175"/>
                </a:lnTo>
                <a:cubicBezTo>
                  <a:pt x="3989" y="214175"/>
                  <a:pt x="0" y="210177"/>
                  <a:pt x="0" y="205251"/>
                </a:cubicBezTo>
                <a:lnTo>
                  <a:pt x="0" y="8924"/>
                </a:lnTo>
                <a:cubicBezTo>
                  <a:pt x="0" y="3998"/>
                  <a:pt x="3989" y="0"/>
                  <a:pt x="8924" y="0"/>
                </a:cubicBezTo>
                <a:close/>
              </a:path>
            </a:pathLst>
          </a:custGeom>
          <a:solidFill>
            <a:schemeClr val="bg1"/>
          </a:solidFill>
          <a:ln w="76200" cap="flat">
            <a:noFill/>
            <a:prstDash val="solid"/>
            <a:miter/>
          </a:ln>
        </p:spPr>
        <p:txBody>
          <a:bodyPr wrap="square" rtlCol="0" anchor="ctr">
            <a:noAutofit/>
          </a:bodyPr>
          <a:lstStyle/>
          <a:p>
            <a:endParaRPr lang="en-US" sz="1350" dirty="0"/>
          </a:p>
        </p:txBody>
      </p:sp>
      <p:grpSp>
        <p:nvGrpSpPr>
          <p:cNvPr id="22" name="Group 21">
            <a:extLst>
              <a:ext uri="{FF2B5EF4-FFF2-40B4-BE49-F238E27FC236}">
                <a16:creationId xmlns:a16="http://schemas.microsoft.com/office/drawing/2014/main" id="{BB0860BB-00E4-1046-8E7D-9F767A453754}"/>
              </a:ext>
            </a:extLst>
          </p:cNvPr>
          <p:cNvGrpSpPr/>
          <p:nvPr/>
        </p:nvGrpSpPr>
        <p:grpSpPr>
          <a:xfrm>
            <a:off x="10532634" y="1519975"/>
            <a:ext cx="551147" cy="551147"/>
            <a:chOff x="2133600" y="133350"/>
            <a:chExt cx="4876800" cy="4876800"/>
          </a:xfrm>
          <a:solidFill>
            <a:schemeClr val="bg1"/>
          </a:solidFill>
        </p:grpSpPr>
        <p:sp>
          <p:nvSpPr>
            <p:cNvPr id="23" name="Freeform: Shape 22">
              <a:extLst>
                <a:ext uri="{FF2B5EF4-FFF2-40B4-BE49-F238E27FC236}">
                  <a16:creationId xmlns:a16="http://schemas.microsoft.com/office/drawing/2014/main" id="{EDD1EE59-E5CA-3FCF-EE53-4E1722522D72}"/>
                </a:ext>
              </a:extLst>
            </p:cNvPr>
            <p:cNvSpPr/>
            <p:nvPr/>
          </p:nvSpPr>
          <p:spPr>
            <a:xfrm>
              <a:off x="3286125" y="1285875"/>
              <a:ext cx="2571750" cy="2571750"/>
            </a:xfrm>
            <a:custGeom>
              <a:avLst/>
              <a:gdLst>
                <a:gd name="connsiteX0" fmla="*/ 1285875 w 2571750"/>
                <a:gd name="connsiteY0" fmla="*/ 0 h 2571750"/>
                <a:gd name="connsiteX1" fmla="*/ 0 w 2571750"/>
                <a:gd name="connsiteY1" fmla="*/ 1285875 h 2571750"/>
                <a:gd name="connsiteX2" fmla="*/ 1285875 w 2571750"/>
                <a:gd name="connsiteY2" fmla="*/ 2571750 h 2571750"/>
                <a:gd name="connsiteX3" fmla="*/ 2571750 w 2571750"/>
                <a:gd name="connsiteY3" fmla="*/ 1285875 h 2571750"/>
                <a:gd name="connsiteX4" fmla="*/ 1285875 w 2571750"/>
                <a:gd name="connsiteY4" fmla="*/ 0 h 2571750"/>
                <a:gd name="connsiteX5" fmla="*/ 1285875 w 2571750"/>
                <a:gd name="connsiteY5" fmla="*/ 2286000 h 2571750"/>
                <a:gd name="connsiteX6" fmla="*/ 667264 w 2571750"/>
                <a:gd name="connsiteY6" fmla="*/ 2071192 h 2571750"/>
                <a:gd name="connsiteX7" fmla="*/ 1285875 w 2571750"/>
                <a:gd name="connsiteY7" fmla="*/ 1714500 h 2571750"/>
                <a:gd name="connsiteX8" fmla="*/ 1904476 w 2571750"/>
                <a:gd name="connsiteY8" fmla="*/ 2071192 h 2571750"/>
                <a:gd name="connsiteX9" fmla="*/ 1285875 w 2571750"/>
                <a:gd name="connsiteY9" fmla="*/ 2286000 h 2571750"/>
                <a:gd name="connsiteX10" fmla="*/ 1000125 w 2571750"/>
                <a:gd name="connsiteY10" fmla="*/ 1143000 h 2571750"/>
                <a:gd name="connsiteX11" fmla="*/ 1285875 w 2571750"/>
                <a:gd name="connsiteY11" fmla="*/ 857250 h 2571750"/>
                <a:gd name="connsiteX12" fmla="*/ 1571625 w 2571750"/>
                <a:gd name="connsiteY12" fmla="*/ 1143000 h 2571750"/>
                <a:gd name="connsiteX13" fmla="*/ 1285875 w 2571750"/>
                <a:gd name="connsiteY13" fmla="*/ 1428750 h 2571750"/>
                <a:gd name="connsiteX14" fmla="*/ 1000125 w 2571750"/>
                <a:gd name="connsiteY14" fmla="*/ 1143000 h 2571750"/>
                <a:gd name="connsiteX15" fmla="*/ 2106673 w 2571750"/>
                <a:gd name="connsiteY15" fmla="*/ 1856613 h 2571750"/>
                <a:gd name="connsiteX16" fmla="*/ 1711976 w 2571750"/>
                <a:gd name="connsiteY16" fmla="*/ 1523314 h 2571750"/>
                <a:gd name="connsiteX17" fmla="*/ 1857375 w 2571750"/>
                <a:gd name="connsiteY17" fmla="*/ 1143000 h 2571750"/>
                <a:gd name="connsiteX18" fmla="*/ 1285875 w 2571750"/>
                <a:gd name="connsiteY18" fmla="*/ 571500 h 2571750"/>
                <a:gd name="connsiteX19" fmla="*/ 714375 w 2571750"/>
                <a:gd name="connsiteY19" fmla="*/ 1143000 h 2571750"/>
                <a:gd name="connsiteX20" fmla="*/ 859774 w 2571750"/>
                <a:gd name="connsiteY20" fmla="*/ 1523314 h 2571750"/>
                <a:gd name="connsiteX21" fmla="*/ 465077 w 2571750"/>
                <a:gd name="connsiteY21" fmla="*/ 1856613 h 2571750"/>
                <a:gd name="connsiteX22" fmla="*/ 285750 w 2571750"/>
                <a:gd name="connsiteY22" fmla="*/ 1285875 h 2571750"/>
                <a:gd name="connsiteX23" fmla="*/ 1285875 w 2571750"/>
                <a:gd name="connsiteY23" fmla="*/ 285750 h 2571750"/>
                <a:gd name="connsiteX24" fmla="*/ 2286000 w 2571750"/>
                <a:gd name="connsiteY24" fmla="*/ 1285875 h 2571750"/>
                <a:gd name="connsiteX25" fmla="*/ 2106673 w 2571750"/>
                <a:gd name="connsiteY25" fmla="*/ 1856613 h 25717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571750" h="2571750">
                  <a:moveTo>
                    <a:pt x="1285875" y="0"/>
                  </a:moveTo>
                  <a:cubicBezTo>
                    <a:pt x="576844" y="0"/>
                    <a:pt x="0" y="576844"/>
                    <a:pt x="0" y="1285875"/>
                  </a:cubicBezTo>
                  <a:cubicBezTo>
                    <a:pt x="0" y="1995373"/>
                    <a:pt x="577548" y="2571750"/>
                    <a:pt x="1285875" y="2571750"/>
                  </a:cubicBezTo>
                  <a:cubicBezTo>
                    <a:pt x="1994802" y="2571750"/>
                    <a:pt x="2571750" y="1994754"/>
                    <a:pt x="2571750" y="1285875"/>
                  </a:cubicBezTo>
                  <a:cubicBezTo>
                    <a:pt x="2571750" y="576844"/>
                    <a:pt x="1994906" y="0"/>
                    <a:pt x="1285875" y="0"/>
                  </a:cubicBezTo>
                  <a:close/>
                  <a:moveTo>
                    <a:pt x="1285875" y="2286000"/>
                  </a:moveTo>
                  <a:cubicBezTo>
                    <a:pt x="1052522" y="2286000"/>
                    <a:pt x="837600" y="2205657"/>
                    <a:pt x="667264" y="2071192"/>
                  </a:cubicBezTo>
                  <a:cubicBezTo>
                    <a:pt x="793690" y="1851755"/>
                    <a:pt x="1027033" y="1714500"/>
                    <a:pt x="1285875" y="1714500"/>
                  </a:cubicBezTo>
                  <a:cubicBezTo>
                    <a:pt x="1544726" y="1714500"/>
                    <a:pt x="1778060" y="1851755"/>
                    <a:pt x="1904476" y="2071192"/>
                  </a:cubicBezTo>
                  <a:cubicBezTo>
                    <a:pt x="1734150" y="2205657"/>
                    <a:pt x="1519228" y="2286000"/>
                    <a:pt x="1285875" y="2286000"/>
                  </a:cubicBezTo>
                  <a:close/>
                  <a:moveTo>
                    <a:pt x="1000125" y="1143000"/>
                  </a:moveTo>
                  <a:cubicBezTo>
                    <a:pt x="1000125" y="985437"/>
                    <a:pt x="1128312" y="857250"/>
                    <a:pt x="1285875" y="857250"/>
                  </a:cubicBezTo>
                  <a:cubicBezTo>
                    <a:pt x="1443438" y="857250"/>
                    <a:pt x="1571625" y="985437"/>
                    <a:pt x="1571625" y="1143000"/>
                  </a:cubicBezTo>
                  <a:cubicBezTo>
                    <a:pt x="1571625" y="1300563"/>
                    <a:pt x="1443438" y="1428750"/>
                    <a:pt x="1285875" y="1428750"/>
                  </a:cubicBezTo>
                  <a:cubicBezTo>
                    <a:pt x="1128312" y="1428750"/>
                    <a:pt x="1000125" y="1300563"/>
                    <a:pt x="1000125" y="1143000"/>
                  </a:cubicBezTo>
                  <a:close/>
                  <a:moveTo>
                    <a:pt x="2106673" y="1856613"/>
                  </a:moveTo>
                  <a:cubicBezTo>
                    <a:pt x="2005908" y="1711490"/>
                    <a:pt x="1869472" y="1597162"/>
                    <a:pt x="1711976" y="1523314"/>
                  </a:cubicBezTo>
                  <a:cubicBezTo>
                    <a:pt x="1802321" y="1422206"/>
                    <a:pt x="1857375" y="1288933"/>
                    <a:pt x="1857375" y="1143000"/>
                  </a:cubicBezTo>
                  <a:cubicBezTo>
                    <a:pt x="1857375" y="827875"/>
                    <a:pt x="1601000" y="571500"/>
                    <a:pt x="1285875" y="571500"/>
                  </a:cubicBezTo>
                  <a:cubicBezTo>
                    <a:pt x="970750" y="571500"/>
                    <a:pt x="714375" y="827875"/>
                    <a:pt x="714375" y="1143000"/>
                  </a:cubicBezTo>
                  <a:cubicBezTo>
                    <a:pt x="714375" y="1288933"/>
                    <a:pt x="769430" y="1422206"/>
                    <a:pt x="859774" y="1523314"/>
                  </a:cubicBezTo>
                  <a:cubicBezTo>
                    <a:pt x="702278" y="1597162"/>
                    <a:pt x="565852" y="1711490"/>
                    <a:pt x="465077" y="1856613"/>
                  </a:cubicBezTo>
                  <a:cubicBezTo>
                    <a:pt x="352120" y="1694650"/>
                    <a:pt x="285750" y="1497882"/>
                    <a:pt x="285750" y="1285875"/>
                  </a:cubicBezTo>
                  <a:cubicBezTo>
                    <a:pt x="285750" y="734406"/>
                    <a:pt x="734406" y="285750"/>
                    <a:pt x="1285875" y="285750"/>
                  </a:cubicBezTo>
                  <a:cubicBezTo>
                    <a:pt x="1837344" y="285750"/>
                    <a:pt x="2286000" y="734406"/>
                    <a:pt x="2286000" y="1285875"/>
                  </a:cubicBezTo>
                  <a:cubicBezTo>
                    <a:pt x="2286000" y="1497882"/>
                    <a:pt x="2219639" y="1694650"/>
                    <a:pt x="2106673" y="1856613"/>
                  </a:cubicBezTo>
                  <a:close/>
                </a:path>
              </a:pathLst>
            </a:custGeom>
            <a:grpFill/>
            <a:ln w="9525"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DB69A3E1-80F4-53DA-8E59-5E09B73DB1EC}"/>
                </a:ext>
              </a:extLst>
            </p:cNvPr>
            <p:cNvSpPr/>
            <p:nvPr/>
          </p:nvSpPr>
          <p:spPr>
            <a:xfrm>
              <a:off x="2133600" y="133350"/>
              <a:ext cx="4876800" cy="4876800"/>
            </a:xfrm>
            <a:custGeom>
              <a:avLst/>
              <a:gdLst>
                <a:gd name="connsiteX0" fmla="*/ 4756957 w 4876800"/>
                <a:gd name="connsiteY0" fmla="*/ 2011642 h 4876800"/>
                <a:gd name="connsiteX1" fmla="*/ 4377747 w 4876800"/>
                <a:gd name="connsiteY1" fmla="*/ 1949710 h 4876800"/>
                <a:gd name="connsiteX2" fmla="*/ 4154786 w 4876800"/>
                <a:gd name="connsiteY2" fmla="*/ 1412786 h 4876800"/>
                <a:gd name="connsiteX3" fmla="*/ 4373166 w 4876800"/>
                <a:gd name="connsiteY3" fmla="*/ 1107053 h 4876800"/>
                <a:gd name="connsiteX4" fmla="*/ 4357926 w 4876800"/>
                <a:gd name="connsiteY4" fmla="*/ 922982 h 4876800"/>
                <a:gd name="connsiteX5" fmla="*/ 3953818 w 4876800"/>
                <a:gd name="connsiteY5" fmla="*/ 518884 h 4876800"/>
                <a:gd name="connsiteX6" fmla="*/ 3769747 w 4876800"/>
                <a:gd name="connsiteY6" fmla="*/ 503653 h 4876800"/>
                <a:gd name="connsiteX7" fmla="*/ 3464014 w 4876800"/>
                <a:gd name="connsiteY7" fmla="*/ 722033 h 4876800"/>
                <a:gd name="connsiteX8" fmla="*/ 2927090 w 4876800"/>
                <a:gd name="connsiteY8" fmla="*/ 499062 h 4876800"/>
                <a:gd name="connsiteX9" fmla="*/ 2865149 w 4876800"/>
                <a:gd name="connsiteY9" fmla="*/ 119853 h 4876800"/>
                <a:gd name="connsiteX10" fmla="*/ 2724150 w 4876800"/>
                <a:gd name="connsiteY10" fmla="*/ 0 h 4876800"/>
                <a:gd name="connsiteX11" fmla="*/ 2152650 w 4876800"/>
                <a:gd name="connsiteY11" fmla="*/ 0 h 4876800"/>
                <a:gd name="connsiteX12" fmla="*/ 2011642 w 4876800"/>
                <a:gd name="connsiteY12" fmla="*/ 119844 h 4876800"/>
                <a:gd name="connsiteX13" fmla="*/ 1949710 w 4876800"/>
                <a:gd name="connsiteY13" fmla="*/ 499053 h 4876800"/>
                <a:gd name="connsiteX14" fmla="*/ 1412786 w 4876800"/>
                <a:gd name="connsiteY14" fmla="*/ 722024 h 4876800"/>
                <a:gd name="connsiteX15" fmla="*/ 1107043 w 4876800"/>
                <a:gd name="connsiteY15" fmla="*/ 503644 h 4876800"/>
                <a:gd name="connsiteX16" fmla="*/ 922973 w 4876800"/>
                <a:gd name="connsiteY16" fmla="*/ 518874 h 4876800"/>
                <a:gd name="connsiteX17" fmla="*/ 518874 w 4876800"/>
                <a:gd name="connsiteY17" fmla="*/ 922973 h 4876800"/>
                <a:gd name="connsiteX18" fmla="*/ 503634 w 4876800"/>
                <a:gd name="connsiteY18" fmla="*/ 1107043 h 4876800"/>
                <a:gd name="connsiteX19" fmla="*/ 722014 w 4876800"/>
                <a:gd name="connsiteY19" fmla="*/ 1412777 h 4876800"/>
                <a:gd name="connsiteX20" fmla="*/ 499043 w 4876800"/>
                <a:gd name="connsiteY20" fmla="*/ 1949701 h 4876800"/>
                <a:gd name="connsiteX21" fmla="*/ 119834 w 4876800"/>
                <a:gd name="connsiteY21" fmla="*/ 2011633 h 4876800"/>
                <a:gd name="connsiteX22" fmla="*/ 0 w 4876800"/>
                <a:gd name="connsiteY22" fmla="*/ 2152650 h 4876800"/>
                <a:gd name="connsiteX23" fmla="*/ 0 w 4876800"/>
                <a:gd name="connsiteY23" fmla="*/ 2724150 h 4876800"/>
                <a:gd name="connsiteX24" fmla="*/ 119844 w 4876800"/>
                <a:gd name="connsiteY24" fmla="*/ 2865158 h 4876800"/>
                <a:gd name="connsiteX25" fmla="*/ 499053 w 4876800"/>
                <a:gd name="connsiteY25" fmla="*/ 2927090 h 4876800"/>
                <a:gd name="connsiteX26" fmla="*/ 722024 w 4876800"/>
                <a:gd name="connsiteY26" fmla="*/ 3464014 h 4876800"/>
                <a:gd name="connsiteX27" fmla="*/ 503644 w 4876800"/>
                <a:gd name="connsiteY27" fmla="*/ 3769747 h 4876800"/>
                <a:gd name="connsiteX28" fmla="*/ 518884 w 4876800"/>
                <a:gd name="connsiteY28" fmla="*/ 3953818 h 4876800"/>
                <a:gd name="connsiteX29" fmla="*/ 922982 w 4876800"/>
                <a:gd name="connsiteY29" fmla="*/ 4357926 h 4876800"/>
                <a:gd name="connsiteX30" fmla="*/ 1107053 w 4876800"/>
                <a:gd name="connsiteY30" fmla="*/ 4373156 h 4876800"/>
                <a:gd name="connsiteX31" fmla="*/ 1412796 w 4876800"/>
                <a:gd name="connsiteY31" fmla="*/ 4154776 h 4876800"/>
                <a:gd name="connsiteX32" fmla="*/ 1949720 w 4876800"/>
                <a:gd name="connsiteY32" fmla="*/ 4377747 h 4876800"/>
                <a:gd name="connsiteX33" fmla="*/ 2011652 w 4876800"/>
                <a:gd name="connsiteY33" fmla="*/ 4756957 h 4876800"/>
                <a:gd name="connsiteX34" fmla="*/ 2152650 w 4876800"/>
                <a:gd name="connsiteY34" fmla="*/ 4876800 h 4876800"/>
                <a:gd name="connsiteX35" fmla="*/ 2724150 w 4876800"/>
                <a:gd name="connsiteY35" fmla="*/ 4876800 h 4876800"/>
                <a:gd name="connsiteX36" fmla="*/ 2865158 w 4876800"/>
                <a:gd name="connsiteY36" fmla="*/ 4756957 h 4876800"/>
                <a:gd name="connsiteX37" fmla="*/ 2927099 w 4876800"/>
                <a:gd name="connsiteY37" fmla="*/ 4377747 h 4876800"/>
                <a:gd name="connsiteX38" fmla="*/ 3464024 w 4876800"/>
                <a:gd name="connsiteY38" fmla="*/ 4154776 h 4876800"/>
                <a:gd name="connsiteX39" fmla="*/ 3769757 w 4876800"/>
                <a:gd name="connsiteY39" fmla="*/ 4373156 h 4876800"/>
                <a:gd name="connsiteX40" fmla="*/ 3953828 w 4876800"/>
                <a:gd name="connsiteY40" fmla="*/ 4357926 h 4876800"/>
                <a:gd name="connsiteX41" fmla="*/ 4357935 w 4876800"/>
                <a:gd name="connsiteY41" fmla="*/ 3953818 h 4876800"/>
                <a:gd name="connsiteX42" fmla="*/ 4373175 w 4876800"/>
                <a:gd name="connsiteY42" fmla="*/ 3769747 h 4876800"/>
                <a:gd name="connsiteX43" fmla="*/ 4154796 w 4876800"/>
                <a:gd name="connsiteY43" fmla="*/ 3464014 h 4876800"/>
                <a:gd name="connsiteX44" fmla="*/ 4377757 w 4876800"/>
                <a:gd name="connsiteY44" fmla="*/ 2927090 h 4876800"/>
                <a:gd name="connsiteX45" fmla="*/ 4756966 w 4876800"/>
                <a:gd name="connsiteY45" fmla="*/ 2865158 h 4876800"/>
                <a:gd name="connsiteX46" fmla="*/ 4876800 w 4876800"/>
                <a:gd name="connsiteY46" fmla="*/ 2724150 h 4876800"/>
                <a:gd name="connsiteX47" fmla="*/ 4876800 w 4876800"/>
                <a:gd name="connsiteY47" fmla="*/ 2152650 h 4876800"/>
                <a:gd name="connsiteX48" fmla="*/ 4756957 w 4876800"/>
                <a:gd name="connsiteY48" fmla="*/ 2011642 h 4876800"/>
                <a:gd name="connsiteX49" fmla="*/ 4591050 w 4876800"/>
                <a:gd name="connsiteY49" fmla="*/ 2602716 h 4876800"/>
                <a:gd name="connsiteX50" fmla="*/ 4236558 w 4876800"/>
                <a:gd name="connsiteY50" fmla="*/ 2660609 h 4876800"/>
                <a:gd name="connsiteX51" fmla="*/ 4119467 w 4876800"/>
                <a:gd name="connsiteY51" fmla="*/ 2773709 h 4876800"/>
                <a:gd name="connsiteX52" fmla="*/ 3863883 w 4876800"/>
                <a:gd name="connsiteY52" fmla="*/ 3389310 h 4876800"/>
                <a:gd name="connsiteX53" fmla="*/ 3866350 w 4876800"/>
                <a:gd name="connsiteY53" fmla="*/ 3551834 h 4876800"/>
                <a:gd name="connsiteX54" fmla="*/ 4070290 w 4876800"/>
                <a:gd name="connsiteY54" fmla="*/ 3837356 h 4876800"/>
                <a:gd name="connsiteX55" fmla="*/ 3837356 w 4876800"/>
                <a:gd name="connsiteY55" fmla="*/ 4070290 h 4876800"/>
                <a:gd name="connsiteX56" fmla="*/ 3551834 w 4876800"/>
                <a:gd name="connsiteY56" fmla="*/ 3866350 h 4876800"/>
                <a:gd name="connsiteX57" fmla="*/ 3389310 w 4876800"/>
                <a:gd name="connsiteY57" fmla="*/ 3863883 h 4876800"/>
                <a:gd name="connsiteX58" fmla="*/ 2773709 w 4876800"/>
                <a:gd name="connsiteY58" fmla="*/ 4119467 h 4876800"/>
                <a:gd name="connsiteX59" fmla="*/ 2660609 w 4876800"/>
                <a:gd name="connsiteY59" fmla="*/ 4236558 h 4876800"/>
                <a:gd name="connsiteX60" fmla="*/ 2602716 w 4876800"/>
                <a:gd name="connsiteY60" fmla="*/ 4591050 h 4876800"/>
                <a:gd name="connsiteX61" fmla="*/ 2274084 w 4876800"/>
                <a:gd name="connsiteY61" fmla="*/ 4591050 h 4876800"/>
                <a:gd name="connsiteX62" fmla="*/ 2216182 w 4876800"/>
                <a:gd name="connsiteY62" fmla="*/ 4236558 h 4876800"/>
                <a:gd name="connsiteX63" fmla="*/ 2103082 w 4876800"/>
                <a:gd name="connsiteY63" fmla="*/ 4119467 h 4876800"/>
                <a:gd name="connsiteX64" fmla="*/ 1487491 w 4876800"/>
                <a:gd name="connsiteY64" fmla="*/ 3863883 h 4876800"/>
                <a:gd name="connsiteX65" fmla="*/ 1324966 w 4876800"/>
                <a:gd name="connsiteY65" fmla="*/ 3866350 h 4876800"/>
                <a:gd name="connsiteX66" fmla="*/ 1039444 w 4876800"/>
                <a:gd name="connsiteY66" fmla="*/ 4070290 h 4876800"/>
                <a:gd name="connsiteX67" fmla="*/ 806510 w 4876800"/>
                <a:gd name="connsiteY67" fmla="*/ 3837356 h 4876800"/>
                <a:gd name="connsiteX68" fmla="*/ 1010450 w 4876800"/>
                <a:gd name="connsiteY68" fmla="*/ 3551834 h 4876800"/>
                <a:gd name="connsiteX69" fmla="*/ 1012917 w 4876800"/>
                <a:gd name="connsiteY69" fmla="*/ 3389310 h 4876800"/>
                <a:gd name="connsiteX70" fmla="*/ 757333 w 4876800"/>
                <a:gd name="connsiteY70" fmla="*/ 2773718 h 4876800"/>
                <a:gd name="connsiteX71" fmla="*/ 640242 w 4876800"/>
                <a:gd name="connsiteY71" fmla="*/ 2660618 h 4876800"/>
                <a:gd name="connsiteX72" fmla="*/ 285750 w 4876800"/>
                <a:gd name="connsiteY72" fmla="*/ 2602716 h 4876800"/>
                <a:gd name="connsiteX73" fmla="*/ 285750 w 4876800"/>
                <a:gd name="connsiteY73" fmla="*/ 2274084 h 4876800"/>
                <a:gd name="connsiteX74" fmla="*/ 640242 w 4876800"/>
                <a:gd name="connsiteY74" fmla="*/ 2216191 h 4876800"/>
                <a:gd name="connsiteX75" fmla="*/ 757333 w 4876800"/>
                <a:gd name="connsiteY75" fmla="*/ 2103092 h 4876800"/>
                <a:gd name="connsiteX76" fmla="*/ 1012917 w 4876800"/>
                <a:gd name="connsiteY76" fmla="*/ 1487500 h 4876800"/>
                <a:gd name="connsiteX77" fmla="*/ 1010450 w 4876800"/>
                <a:gd name="connsiteY77" fmla="*/ 1324975 h 4876800"/>
                <a:gd name="connsiteX78" fmla="*/ 806510 w 4876800"/>
                <a:gd name="connsiteY78" fmla="*/ 1039454 h 4876800"/>
                <a:gd name="connsiteX79" fmla="*/ 1039444 w 4876800"/>
                <a:gd name="connsiteY79" fmla="*/ 806520 h 4876800"/>
                <a:gd name="connsiteX80" fmla="*/ 1324966 w 4876800"/>
                <a:gd name="connsiteY80" fmla="*/ 1010460 h 4876800"/>
                <a:gd name="connsiteX81" fmla="*/ 1487491 w 4876800"/>
                <a:gd name="connsiteY81" fmla="*/ 1012927 h 4876800"/>
                <a:gd name="connsiteX82" fmla="*/ 2103082 w 4876800"/>
                <a:gd name="connsiteY82" fmla="*/ 757342 h 4876800"/>
                <a:gd name="connsiteX83" fmla="*/ 2216182 w 4876800"/>
                <a:gd name="connsiteY83" fmla="*/ 640252 h 4876800"/>
                <a:gd name="connsiteX84" fmla="*/ 2274084 w 4876800"/>
                <a:gd name="connsiteY84" fmla="*/ 285750 h 4876800"/>
                <a:gd name="connsiteX85" fmla="*/ 2602716 w 4876800"/>
                <a:gd name="connsiteY85" fmla="*/ 285750 h 4876800"/>
                <a:gd name="connsiteX86" fmla="*/ 2660618 w 4876800"/>
                <a:gd name="connsiteY86" fmla="*/ 640242 h 4876800"/>
                <a:gd name="connsiteX87" fmla="*/ 2773718 w 4876800"/>
                <a:gd name="connsiteY87" fmla="*/ 757333 h 4876800"/>
                <a:gd name="connsiteX88" fmla="*/ 3389319 w 4876800"/>
                <a:gd name="connsiteY88" fmla="*/ 1012917 h 4876800"/>
                <a:gd name="connsiteX89" fmla="*/ 3551844 w 4876800"/>
                <a:gd name="connsiteY89" fmla="*/ 1010450 h 4876800"/>
                <a:gd name="connsiteX90" fmla="*/ 3837365 w 4876800"/>
                <a:gd name="connsiteY90" fmla="*/ 806510 h 4876800"/>
                <a:gd name="connsiteX91" fmla="*/ 4070299 w 4876800"/>
                <a:gd name="connsiteY91" fmla="*/ 1039444 h 4876800"/>
                <a:gd name="connsiteX92" fmla="*/ 3866359 w 4876800"/>
                <a:gd name="connsiteY92" fmla="*/ 1324966 h 4876800"/>
                <a:gd name="connsiteX93" fmla="*/ 3863892 w 4876800"/>
                <a:gd name="connsiteY93" fmla="*/ 1487491 h 4876800"/>
                <a:gd name="connsiteX94" fmla="*/ 4119477 w 4876800"/>
                <a:gd name="connsiteY94" fmla="*/ 2103082 h 4876800"/>
                <a:gd name="connsiteX95" fmla="*/ 4236568 w 4876800"/>
                <a:gd name="connsiteY95" fmla="*/ 2216182 h 4876800"/>
                <a:gd name="connsiteX96" fmla="*/ 4591050 w 4876800"/>
                <a:gd name="connsiteY96" fmla="*/ 2274084 h 4876800"/>
                <a:gd name="connsiteX97" fmla="*/ 4591050 w 4876800"/>
                <a:gd name="connsiteY97" fmla="*/ 2602716 h 4876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Lst>
              <a:rect l="l" t="t" r="r" b="b"/>
              <a:pathLst>
                <a:path w="4876800" h="4876800">
                  <a:moveTo>
                    <a:pt x="4756957" y="2011642"/>
                  </a:moveTo>
                  <a:lnTo>
                    <a:pt x="4377747" y="1949710"/>
                  </a:lnTo>
                  <a:cubicBezTo>
                    <a:pt x="4330151" y="1760391"/>
                    <a:pt x="4255427" y="1580464"/>
                    <a:pt x="4154786" y="1412786"/>
                  </a:cubicBezTo>
                  <a:lnTo>
                    <a:pt x="4373166" y="1107053"/>
                  </a:lnTo>
                  <a:cubicBezTo>
                    <a:pt x="4413761" y="1050217"/>
                    <a:pt x="4407313" y="972369"/>
                    <a:pt x="4357926" y="922982"/>
                  </a:cubicBezTo>
                  <a:lnTo>
                    <a:pt x="3953818" y="518884"/>
                  </a:lnTo>
                  <a:cubicBezTo>
                    <a:pt x="3904431" y="469497"/>
                    <a:pt x="3826593" y="463058"/>
                    <a:pt x="3769747" y="503653"/>
                  </a:cubicBezTo>
                  <a:lnTo>
                    <a:pt x="3464014" y="722033"/>
                  </a:lnTo>
                  <a:cubicBezTo>
                    <a:pt x="3296336" y="621382"/>
                    <a:pt x="3116409" y="546668"/>
                    <a:pt x="2927090" y="499062"/>
                  </a:cubicBezTo>
                  <a:lnTo>
                    <a:pt x="2865149" y="119853"/>
                  </a:lnTo>
                  <a:cubicBezTo>
                    <a:pt x="2853871" y="50740"/>
                    <a:pt x="2794159" y="0"/>
                    <a:pt x="2724150" y="0"/>
                  </a:cubicBezTo>
                  <a:lnTo>
                    <a:pt x="2152650" y="0"/>
                  </a:lnTo>
                  <a:cubicBezTo>
                    <a:pt x="2082632" y="0"/>
                    <a:pt x="2022929" y="50740"/>
                    <a:pt x="2011642" y="119844"/>
                  </a:cubicBezTo>
                  <a:lnTo>
                    <a:pt x="1949710" y="499053"/>
                  </a:lnTo>
                  <a:cubicBezTo>
                    <a:pt x="1760382" y="546649"/>
                    <a:pt x="1580464" y="621363"/>
                    <a:pt x="1412786" y="722024"/>
                  </a:cubicBezTo>
                  <a:lnTo>
                    <a:pt x="1107043" y="503644"/>
                  </a:lnTo>
                  <a:cubicBezTo>
                    <a:pt x="1050208" y="463048"/>
                    <a:pt x="972360" y="469487"/>
                    <a:pt x="922973" y="518874"/>
                  </a:cubicBezTo>
                  <a:lnTo>
                    <a:pt x="518874" y="922973"/>
                  </a:lnTo>
                  <a:cubicBezTo>
                    <a:pt x="469487" y="972360"/>
                    <a:pt x="463048" y="1050208"/>
                    <a:pt x="503634" y="1107043"/>
                  </a:cubicBezTo>
                  <a:lnTo>
                    <a:pt x="722014" y="1412777"/>
                  </a:lnTo>
                  <a:cubicBezTo>
                    <a:pt x="621363" y="1580455"/>
                    <a:pt x="546649" y="1760382"/>
                    <a:pt x="499043" y="1949701"/>
                  </a:cubicBezTo>
                  <a:lnTo>
                    <a:pt x="119834" y="2011633"/>
                  </a:lnTo>
                  <a:cubicBezTo>
                    <a:pt x="50740" y="2022929"/>
                    <a:pt x="0" y="2082632"/>
                    <a:pt x="0" y="2152650"/>
                  </a:cubicBezTo>
                  <a:lnTo>
                    <a:pt x="0" y="2724150"/>
                  </a:lnTo>
                  <a:cubicBezTo>
                    <a:pt x="0" y="2794169"/>
                    <a:pt x="50740" y="2853871"/>
                    <a:pt x="119844" y="2865158"/>
                  </a:cubicBezTo>
                  <a:lnTo>
                    <a:pt x="499053" y="2927090"/>
                  </a:lnTo>
                  <a:cubicBezTo>
                    <a:pt x="546659" y="3116418"/>
                    <a:pt x="621373" y="3296336"/>
                    <a:pt x="722024" y="3464014"/>
                  </a:cubicBezTo>
                  <a:lnTo>
                    <a:pt x="503644" y="3769747"/>
                  </a:lnTo>
                  <a:cubicBezTo>
                    <a:pt x="463048" y="3826583"/>
                    <a:pt x="469497" y="3904431"/>
                    <a:pt x="518884" y="3953818"/>
                  </a:cubicBezTo>
                  <a:lnTo>
                    <a:pt x="922982" y="4357926"/>
                  </a:lnTo>
                  <a:cubicBezTo>
                    <a:pt x="972369" y="4407313"/>
                    <a:pt x="1050227" y="4413752"/>
                    <a:pt x="1107053" y="4373156"/>
                  </a:cubicBezTo>
                  <a:lnTo>
                    <a:pt x="1412796" y="4154776"/>
                  </a:lnTo>
                  <a:cubicBezTo>
                    <a:pt x="1580474" y="4255427"/>
                    <a:pt x="1760391" y="4330141"/>
                    <a:pt x="1949720" y="4377747"/>
                  </a:cubicBezTo>
                  <a:lnTo>
                    <a:pt x="2011652" y="4756957"/>
                  </a:lnTo>
                  <a:cubicBezTo>
                    <a:pt x="2022939" y="4826061"/>
                    <a:pt x="2082632" y="4876800"/>
                    <a:pt x="2152650" y="4876800"/>
                  </a:cubicBezTo>
                  <a:lnTo>
                    <a:pt x="2724150" y="4876800"/>
                  </a:lnTo>
                  <a:cubicBezTo>
                    <a:pt x="2794169" y="4876800"/>
                    <a:pt x="2853871" y="4826061"/>
                    <a:pt x="2865158" y="4756957"/>
                  </a:cubicBezTo>
                  <a:lnTo>
                    <a:pt x="2927099" y="4377747"/>
                  </a:lnTo>
                  <a:cubicBezTo>
                    <a:pt x="3116418" y="4330151"/>
                    <a:pt x="3296345" y="4255427"/>
                    <a:pt x="3464024" y="4154776"/>
                  </a:cubicBezTo>
                  <a:lnTo>
                    <a:pt x="3769757" y="4373156"/>
                  </a:lnTo>
                  <a:cubicBezTo>
                    <a:pt x="3826621" y="4413761"/>
                    <a:pt x="3904459" y="4407313"/>
                    <a:pt x="3953828" y="4357926"/>
                  </a:cubicBezTo>
                  <a:lnTo>
                    <a:pt x="4357935" y="3953818"/>
                  </a:lnTo>
                  <a:cubicBezTo>
                    <a:pt x="4407323" y="3904431"/>
                    <a:pt x="4413761" y="3826583"/>
                    <a:pt x="4373175" y="3769747"/>
                  </a:cubicBezTo>
                  <a:lnTo>
                    <a:pt x="4154796" y="3464014"/>
                  </a:lnTo>
                  <a:cubicBezTo>
                    <a:pt x="4255437" y="3296336"/>
                    <a:pt x="4330160" y="3116409"/>
                    <a:pt x="4377757" y="2927090"/>
                  </a:cubicBezTo>
                  <a:lnTo>
                    <a:pt x="4756966" y="2865158"/>
                  </a:lnTo>
                  <a:cubicBezTo>
                    <a:pt x="4826061" y="2853871"/>
                    <a:pt x="4876800" y="2794169"/>
                    <a:pt x="4876800" y="2724150"/>
                  </a:cubicBezTo>
                  <a:lnTo>
                    <a:pt x="4876800" y="2152650"/>
                  </a:lnTo>
                  <a:cubicBezTo>
                    <a:pt x="4876800" y="2082632"/>
                    <a:pt x="4826061" y="2022929"/>
                    <a:pt x="4756957" y="2011642"/>
                  </a:cubicBezTo>
                  <a:close/>
                  <a:moveTo>
                    <a:pt x="4591050" y="2602716"/>
                  </a:moveTo>
                  <a:lnTo>
                    <a:pt x="4236558" y="2660609"/>
                  </a:lnTo>
                  <a:cubicBezTo>
                    <a:pt x="4177770" y="2670210"/>
                    <a:pt x="4131107" y="2715282"/>
                    <a:pt x="4119467" y="2773709"/>
                  </a:cubicBezTo>
                  <a:cubicBezTo>
                    <a:pt x="4075481" y="2994546"/>
                    <a:pt x="3989489" y="3201667"/>
                    <a:pt x="3863883" y="3389310"/>
                  </a:cubicBezTo>
                  <a:cubicBezTo>
                    <a:pt x="3830803" y="3438716"/>
                    <a:pt x="3831793" y="3503448"/>
                    <a:pt x="3866350" y="3551834"/>
                  </a:cubicBezTo>
                  <a:lnTo>
                    <a:pt x="4070290" y="3837356"/>
                  </a:lnTo>
                  <a:lnTo>
                    <a:pt x="3837356" y="4070290"/>
                  </a:lnTo>
                  <a:lnTo>
                    <a:pt x="3551834" y="3866350"/>
                  </a:lnTo>
                  <a:cubicBezTo>
                    <a:pt x="3503467" y="3831803"/>
                    <a:pt x="3438735" y="3830803"/>
                    <a:pt x="3389310" y="3863883"/>
                  </a:cubicBezTo>
                  <a:cubicBezTo>
                    <a:pt x="3201657" y="3989499"/>
                    <a:pt x="2994546" y="4075481"/>
                    <a:pt x="2773709" y="4119467"/>
                  </a:cubicBezTo>
                  <a:cubicBezTo>
                    <a:pt x="2715282" y="4131107"/>
                    <a:pt x="2670210" y="4177770"/>
                    <a:pt x="2660609" y="4236558"/>
                  </a:cubicBezTo>
                  <a:lnTo>
                    <a:pt x="2602716" y="4591050"/>
                  </a:lnTo>
                  <a:lnTo>
                    <a:pt x="2274084" y="4591050"/>
                  </a:lnTo>
                  <a:lnTo>
                    <a:pt x="2216182" y="4236558"/>
                  </a:lnTo>
                  <a:cubicBezTo>
                    <a:pt x="2206581" y="4177770"/>
                    <a:pt x="2161508" y="4131097"/>
                    <a:pt x="2103082" y="4119467"/>
                  </a:cubicBezTo>
                  <a:cubicBezTo>
                    <a:pt x="1882235" y="4075481"/>
                    <a:pt x="1675124" y="3989489"/>
                    <a:pt x="1487491" y="3863883"/>
                  </a:cubicBezTo>
                  <a:cubicBezTo>
                    <a:pt x="1438075" y="3830803"/>
                    <a:pt x="1373353" y="3831784"/>
                    <a:pt x="1324966" y="3866350"/>
                  </a:cubicBezTo>
                  <a:lnTo>
                    <a:pt x="1039444" y="4070290"/>
                  </a:lnTo>
                  <a:lnTo>
                    <a:pt x="806510" y="3837356"/>
                  </a:lnTo>
                  <a:lnTo>
                    <a:pt x="1010450" y="3551834"/>
                  </a:lnTo>
                  <a:cubicBezTo>
                    <a:pt x="1045007" y="3503448"/>
                    <a:pt x="1045988" y="3438725"/>
                    <a:pt x="1012917" y="3389310"/>
                  </a:cubicBezTo>
                  <a:cubicBezTo>
                    <a:pt x="887301" y="3201667"/>
                    <a:pt x="801319" y="2994555"/>
                    <a:pt x="757333" y="2773718"/>
                  </a:cubicBezTo>
                  <a:cubicBezTo>
                    <a:pt x="745693" y="2715292"/>
                    <a:pt x="699030" y="2670220"/>
                    <a:pt x="640242" y="2660618"/>
                  </a:cubicBezTo>
                  <a:lnTo>
                    <a:pt x="285750" y="2602716"/>
                  </a:lnTo>
                  <a:lnTo>
                    <a:pt x="285750" y="2274084"/>
                  </a:lnTo>
                  <a:lnTo>
                    <a:pt x="640242" y="2216191"/>
                  </a:lnTo>
                  <a:cubicBezTo>
                    <a:pt x="699030" y="2206590"/>
                    <a:pt x="745693" y="2161518"/>
                    <a:pt x="757333" y="2103092"/>
                  </a:cubicBezTo>
                  <a:cubicBezTo>
                    <a:pt x="801319" y="1882254"/>
                    <a:pt x="887311" y="1675143"/>
                    <a:pt x="1012917" y="1487500"/>
                  </a:cubicBezTo>
                  <a:cubicBezTo>
                    <a:pt x="1045997" y="1438094"/>
                    <a:pt x="1045016" y="1373362"/>
                    <a:pt x="1010450" y="1324975"/>
                  </a:cubicBezTo>
                  <a:lnTo>
                    <a:pt x="806510" y="1039454"/>
                  </a:lnTo>
                  <a:lnTo>
                    <a:pt x="1039444" y="806520"/>
                  </a:lnTo>
                  <a:lnTo>
                    <a:pt x="1324966" y="1010460"/>
                  </a:lnTo>
                  <a:cubicBezTo>
                    <a:pt x="1373362" y="1045016"/>
                    <a:pt x="1438085" y="1046007"/>
                    <a:pt x="1487491" y="1012927"/>
                  </a:cubicBezTo>
                  <a:cubicBezTo>
                    <a:pt x="1675124" y="887320"/>
                    <a:pt x="1882235" y="801329"/>
                    <a:pt x="2103082" y="757342"/>
                  </a:cubicBezTo>
                  <a:cubicBezTo>
                    <a:pt x="2161499" y="745703"/>
                    <a:pt x="2206581" y="699040"/>
                    <a:pt x="2216182" y="640252"/>
                  </a:cubicBezTo>
                  <a:lnTo>
                    <a:pt x="2274084" y="285750"/>
                  </a:lnTo>
                  <a:lnTo>
                    <a:pt x="2602716" y="285750"/>
                  </a:lnTo>
                  <a:lnTo>
                    <a:pt x="2660618" y="640242"/>
                  </a:lnTo>
                  <a:cubicBezTo>
                    <a:pt x="2670220" y="699030"/>
                    <a:pt x="2715292" y="745703"/>
                    <a:pt x="2773718" y="757333"/>
                  </a:cubicBezTo>
                  <a:cubicBezTo>
                    <a:pt x="2994555" y="801319"/>
                    <a:pt x="3201667" y="887311"/>
                    <a:pt x="3389319" y="1012917"/>
                  </a:cubicBezTo>
                  <a:cubicBezTo>
                    <a:pt x="3438725" y="1045997"/>
                    <a:pt x="3503448" y="1045007"/>
                    <a:pt x="3551844" y="1010450"/>
                  </a:cubicBezTo>
                  <a:lnTo>
                    <a:pt x="3837365" y="806510"/>
                  </a:lnTo>
                  <a:lnTo>
                    <a:pt x="4070299" y="1039444"/>
                  </a:lnTo>
                  <a:lnTo>
                    <a:pt x="3866359" y="1324966"/>
                  </a:lnTo>
                  <a:cubicBezTo>
                    <a:pt x="3831803" y="1373353"/>
                    <a:pt x="3830822" y="1438075"/>
                    <a:pt x="3863892" y="1487491"/>
                  </a:cubicBezTo>
                  <a:cubicBezTo>
                    <a:pt x="3989499" y="1675133"/>
                    <a:pt x="4075490" y="1882245"/>
                    <a:pt x="4119477" y="2103082"/>
                  </a:cubicBezTo>
                  <a:cubicBezTo>
                    <a:pt x="4131117" y="2161508"/>
                    <a:pt x="4177779" y="2206571"/>
                    <a:pt x="4236568" y="2216182"/>
                  </a:cubicBezTo>
                  <a:lnTo>
                    <a:pt x="4591050" y="2274084"/>
                  </a:lnTo>
                  <a:lnTo>
                    <a:pt x="4591050" y="2602716"/>
                  </a:lnTo>
                  <a:close/>
                </a:path>
              </a:pathLst>
            </a:custGeom>
            <a:grpFill/>
            <a:ln w="9525" cap="flat">
              <a:noFill/>
              <a:prstDash val="solid"/>
              <a:miter/>
            </a:ln>
          </p:spPr>
          <p:txBody>
            <a:bodyPr rtlCol="0" anchor="ctr"/>
            <a:lstStyle/>
            <a:p>
              <a:endParaRPr lang="en-US"/>
            </a:p>
          </p:txBody>
        </p:sp>
      </p:grpSp>
    </p:spTree>
    <p:extLst>
      <p:ext uri="{BB962C8B-B14F-4D97-AF65-F5344CB8AC3E}">
        <p14:creationId xmlns:p14="http://schemas.microsoft.com/office/powerpoint/2010/main" val="30797458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83976A-5D6E-8E74-0C62-04C77EF0E854}"/>
              </a:ext>
            </a:extLst>
          </p:cNvPr>
          <p:cNvSpPr>
            <a:spLocks noGrp="1"/>
          </p:cNvSpPr>
          <p:nvPr>
            <p:ph type="title"/>
          </p:nvPr>
        </p:nvSpPr>
        <p:spPr/>
        <p:txBody>
          <a:bodyPr/>
          <a:lstStyle/>
          <a:p>
            <a:r>
              <a:rPr lang="en-US" dirty="0"/>
              <a:t>Agenda</a:t>
            </a:r>
          </a:p>
        </p:txBody>
      </p:sp>
      <p:sp>
        <p:nvSpPr>
          <p:cNvPr id="3" name="Content Placeholder 2">
            <a:extLst>
              <a:ext uri="{FF2B5EF4-FFF2-40B4-BE49-F238E27FC236}">
                <a16:creationId xmlns:a16="http://schemas.microsoft.com/office/drawing/2014/main" id="{FDBB08FD-7D3F-117B-202D-FEE4F10C7A41}"/>
              </a:ext>
            </a:extLst>
          </p:cNvPr>
          <p:cNvSpPr>
            <a:spLocks noGrp="1"/>
          </p:cNvSpPr>
          <p:nvPr>
            <p:ph idx="1"/>
          </p:nvPr>
        </p:nvSpPr>
        <p:spPr/>
        <p:txBody>
          <a:bodyPr/>
          <a:lstStyle/>
          <a:p>
            <a:r>
              <a:rPr lang="en-US" dirty="0"/>
              <a:t>Program Updates</a:t>
            </a:r>
          </a:p>
          <a:p>
            <a:r>
              <a:rPr lang="en-US" dirty="0"/>
              <a:t>How this affects Institutional Research</a:t>
            </a:r>
          </a:p>
          <a:p>
            <a:r>
              <a:rPr lang="en-US" dirty="0"/>
              <a:t>Consolidated Reports</a:t>
            </a:r>
          </a:p>
          <a:p>
            <a:r>
              <a:rPr lang="en-US" dirty="0"/>
              <a:t>Visualizing the Data: Workday Dashboards</a:t>
            </a:r>
          </a:p>
          <a:p>
            <a:r>
              <a:rPr lang="en-US" dirty="0"/>
              <a:t>Expectations as Program Progresses</a:t>
            </a:r>
          </a:p>
          <a:p>
            <a:r>
              <a:rPr lang="en-US" dirty="0"/>
              <a:t>Q&amp;A</a:t>
            </a:r>
          </a:p>
        </p:txBody>
      </p:sp>
      <p:sp>
        <p:nvSpPr>
          <p:cNvPr id="4" name="Slide Number Placeholder 3">
            <a:extLst>
              <a:ext uri="{FF2B5EF4-FFF2-40B4-BE49-F238E27FC236}">
                <a16:creationId xmlns:a16="http://schemas.microsoft.com/office/drawing/2014/main" id="{2119A008-0458-0FA6-A2D4-04D49EDDB7DD}"/>
              </a:ext>
            </a:extLst>
          </p:cNvPr>
          <p:cNvSpPr>
            <a:spLocks noGrp="1"/>
          </p:cNvSpPr>
          <p:nvPr>
            <p:ph type="sldNum" sz="quarter" idx="12"/>
          </p:nvPr>
        </p:nvSpPr>
        <p:spPr/>
        <p:txBody>
          <a:bodyPr/>
          <a:lstStyle/>
          <a:p>
            <a:fld id="{FD0882FC-4526-4F55-8D94-153238F064C3}" type="slidenum">
              <a:rPr lang="en-US" smtClean="0"/>
              <a:pPr/>
              <a:t>2</a:t>
            </a:fld>
            <a:endParaRPr lang="en-US"/>
          </a:p>
        </p:txBody>
      </p:sp>
    </p:spTree>
    <p:extLst>
      <p:ext uri="{BB962C8B-B14F-4D97-AF65-F5344CB8AC3E}">
        <p14:creationId xmlns:p14="http://schemas.microsoft.com/office/powerpoint/2010/main" val="201804133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8AD9C6-99F4-65F7-7404-78B4ADC6215E}"/>
              </a:ext>
            </a:extLst>
          </p:cNvPr>
          <p:cNvSpPr>
            <a:spLocks noGrp="1"/>
          </p:cNvSpPr>
          <p:nvPr>
            <p:ph type="title"/>
          </p:nvPr>
        </p:nvSpPr>
        <p:spPr>
          <a:xfrm>
            <a:off x="292608" y="246888"/>
            <a:ext cx="10515600" cy="1123651"/>
          </a:xfrm>
        </p:spPr>
        <p:txBody>
          <a:bodyPr anchor="ctr">
            <a:normAutofit/>
          </a:bodyPr>
          <a:lstStyle/>
          <a:p>
            <a:r>
              <a:rPr lang="en-US" sz="3700" dirty="0"/>
              <a:t>Illustrations of Workday Dashboards and Reports</a:t>
            </a:r>
          </a:p>
        </p:txBody>
      </p:sp>
      <p:pic>
        <p:nvPicPr>
          <p:cNvPr id="5" name="Picture 4">
            <a:extLst>
              <a:ext uri="{FF2B5EF4-FFF2-40B4-BE49-F238E27FC236}">
                <a16:creationId xmlns:a16="http://schemas.microsoft.com/office/drawing/2014/main" id="{3C9E4019-28F1-926D-51C4-0CD5B89E8705}"/>
              </a:ext>
            </a:extLst>
          </p:cNvPr>
          <p:cNvPicPr>
            <a:picLocks noChangeAspect="1"/>
          </p:cNvPicPr>
          <p:nvPr/>
        </p:nvPicPr>
        <p:blipFill>
          <a:blip r:embed="rId3"/>
          <a:stretch>
            <a:fillRect/>
          </a:stretch>
        </p:blipFill>
        <p:spPr>
          <a:xfrm>
            <a:off x="3625778" y="1050312"/>
            <a:ext cx="4112332" cy="5092361"/>
          </a:xfrm>
          <a:prstGeom prst="rect">
            <a:avLst/>
          </a:prstGeom>
          <a:noFill/>
          <a:ln>
            <a:solidFill>
              <a:schemeClr val="tx1"/>
            </a:solidFill>
          </a:ln>
        </p:spPr>
      </p:pic>
      <p:sp>
        <p:nvSpPr>
          <p:cNvPr id="4" name="Slide Number Placeholder 3">
            <a:extLst>
              <a:ext uri="{FF2B5EF4-FFF2-40B4-BE49-F238E27FC236}">
                <a16:creationId xmlns:a16="http://schemas.microsoft.com/office/drawing/2014/main" id="{29D2AF63-7618-57D5-F656-AE8768D0F65C}"/>
              </a:ext>
            </a:extLst>
          </p:cNvPr>
          <p:cNvSpPr>
            <a:spLocks noGrp="1"/>
          </p:cNvSpPr>
          <p:nvPr>
            <p:ph type="sldNum" sz="quarter" idx="12"/>
          </p:nvPr>
        </p:nvSpPr>
        <p:spPr>
          <a:xfrm>
            <a:off x="8920377" y="6492875"/>
            <a:ext cx="2743200" cy="365125"/>
          </a:xfrm>
        </p:spPr>
        <p:txBody>
          <a:bodyPr anchor="ctr">
            <a:normAutofit/>
          </a:bodyPr>
          <a:lstStyle/>
          <a:p>
            <a:pPr>
              <a:spcAft>
                <a:spcPts val="600"/>
              </a:spcAft>
            </a:pPr>
            <a:fld id="{FD0882FC-4526-4F55-8D94-153238F064C3}" type="slidenum">
              <a:rPr lang="en-US" smtClean="0"/>
              <a:pPr>
                <a:spcAft>
                  <a:spcPts val="600"/>
                </a:spcAft>
              </a:pPr>
              <a:t>20</a:t>
            </a:fld>
            <a:endParaRPr lang="en-US"/>
          </a:p>
        </p:txBody>
      </p:sp>
      <p:sp>
        <p:nvSpPr>
          <p:cNvPr id="6" name="Arrow: Right 5">
            <a:extLst>
              <a:ext uri="{FF2B5EF4-FFF2-40B4-BE49-F238E27FC236}">
                <a16:creationId xmlns:a16="http://schemas.microsoft.com/office/drawing/2014/main" id="{4EF78A25-6DCD-07A8-25B9-1E2CA46B2D2F}"/>
              </a:ext>
            </a:extLst>
          </p:cNvPr>
          <p:cNvSpPr/>
          <p:nvPr/>
        </p:nvSpPr>
        <p:spPr>
          <a:xfrm>
            <a:off x="2923504" y="1370539"/>
            <a:ext cx="702274" cy="277957"/>
          </a:xfrm>
          <a:prstGeom prst="rightArrow">
            <a:avLst/>
          </a:prstGeom>
          <a:solidFill>
            <a:schemeClr val="accent4"/>
          </a:solidFill>
          <a:ln>
            <a:solidFill>
              <a:schemeClr val="accent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18087929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61F4559-BAFD-F8F5-01B0-27A71CE6275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CB7A195-498C-783A-56A5-26BDDB9FD0BB}"/>
              </a:ext>
            </a:extLst>
          </p:cNvPr>
          <p:cNvSpPr>
            <a:spLocks noGrp="1"/>
          </p:cNvSpPr>
          <p:nvPr>
            <p:ph type="title"/>
          </p:nvPr>
        </p:nvSpPr>
        <p:spPr>
          <a:xfrm>
            <a:off x="292608" y="246888"/>
            <a:ext cx="10515600" cy="1123651"/>
          </a:xfrm>
        </p:spPr>
        <p:txBody>
          <a:bodyPr anchor="ctr">
            <a:normAutofit/>
          </a:bodyPr>
          <a:lstStyle/>
          <a:p>
            <a:r>
              <a:rPr lang="en-US" sz="3700"/>
              <a:t>Examples of Workday Dashboards and Reports</a:t>
            </a:r>
          </a:p>
        </p:txBody>
      </p:sp>
      <p:sp>
        <p:nvSpPr>
          <p:cNvPr id="4" name="Slide Number Placeholder 3">
            <a:extLst>
              <a:ext uri="{FF2B5EF4-FFF2-40B4-BE49-F238E27FC236}">
                <a16:creationId xmlns:a16="http://schemas.microsoft.com/office/drawing/2014/main" id="{4888BF4F-B0BC-6DA4-F15F-DC3460EE007D}"/>
              </a:ext>
            </a:extLst>
          </p:cNvPr>
          <p:cNvSpPr>
            <a:spLocks noGrp="1"/>
          </p:cNvSpPr>
          <p:nvPr>
            <p:ph type="sldNum" sz="quarter" idx="12"/>
          </p:nvPr>
        </p:nvSpPr>
        <p:spPr>
          <a:xfrm>
            <a:off x="8920377" y="6492875"/>
            <a:ext cx="2743200" cy="365125"/>
          </a:xfrm>
        </p:spPr>
        <p:txBody>
          <a:bodyPr anchor="ctr">
            <a:normAutofit/>
          </a:bodyPr>
          <a:lstStyle/>
          <a:p>
            <a:pPr>
              <a:spcAft>
                <a:spcPts val="600"/>
              </a:spcAft>
            </a:pPr>
            <a:fld id="{FD0882FC-4526-4F55-8D94-153238F064C3}" type="slidenum">
              <a:rPr lang="en-US" smtClean="0"/>
              <a:pPr>
                <a:spcAft>
                  <a:spcPts val="600"/>
                </a:spcAft>
              </a:pPr>
              <a:t>21</a:t>
            </a:fld>
            <a:endParaRPr lang="en-US"/>
          </a:p>
        </p:txBody>
      </p:sp>
      <p:pic>
        <p:nvPicPr>
          <p:cNvPr id="3" name="Picture 2" descr="A screenshot of a computer&#10;&#10;Description automatically generated">
            <a:extLst>
              <a:ext uri="{FF2B5EF4-FFF2-40B4-BE49-F238E27FC236}">
                <a16:creationId xmlns:a16="http://schemas.microsoft.com/office/drawing/2014/main" id="{4B5EAE03-D10A-F595-5403-6D91BA82AC0C}"/>
              </a:ext>
            </a:extLst>
          </p:cNvPr>
          <p:cNvPicPr>
            <a:picLocks noChangeAspect="1"/>
          </p:cNvPicPr>
          <p:nvPr/>
        </p:nvPicPr>
        <p:blipFill>
          <a:blip r:embed="rId3"/>
          <a:srcRect b="28409"/>
          <a:stretch>
            <a:fillRect/>
          </a:stretch>
        </p:blipFill>
        <p:spPr>
          <a:xfrm>
            <a:off x="1152067" y="1280160"/>
            <a:ext cx="5646972" cy="5212715"/>
          </a:xfrm>
          <a:prstGeom prst="rect">
            <a:avLst/>
          </a:prstGeom>
          <a:ln>
            <a:solidFill>
              <a:schemeClr val="tx1"/>
            </a:solidFill>
          </a:ln>
        </p:spPr>
      </p:pic>
      <p:pic>
        <p:nvPicPr>
          <p:cNvPr id="6" name="Picture 5" descr="A screenshot of a computer&#10;&#10;Description automatically generated">
            <a:extLst>
              <a:ext uri="{FF2B5EF4-FFF2-40B4-BE49-F238E27FC236}">
                <a16:creationId xmlns:a16="http://schemas.microsoft.com/office/drawing/2014/main" id="{AD68DD00-8311-ADC4-3B4A-AAC5CF4283D0}"/>
              </a:ext>
            </a:extLst>
          </p:cNvPr>
          <p:cNvPicPr>
            <a:picLocks noChangeAspect="1"/>
          </p:cNvPicPr>
          <p:nvPr/>
        </p:nvPicPr>
        <p:blipFill>
          <a:blip r:embed="rId3"/>
          <a:srcRect t="71591"/>
          <a:stretch>
            <a:fillRect/>
          </a:stretch>
        </p:blipFill>
        <p:spPr>
          <a:xfrm>
            <a:off x="6043273" y="4314835"/>
            <a:ext cx="5646973" cy="2068521"/>
          </a:xfrm>
          <a:prstGeom prst="rect">
            <a:avLst/>
          </a:prstGeom>
          <a:ln>
            <a:solidFill>
              <a:schemeClr val="tx1"/>
            </a:solidFill>
          </a:ln>
        </p:spPr>
      </p:pic>
      <p:sp>
        <p:nvSpPr>
          <p:cNvPr id="7" name="Arrow: Right 6">
            <a:extLst>
              <a:ext uri="{FF2B5EF4-FFF2-40B4-BE49-F238E27FC236}">
                <a16:creationId xmlns:a16="http://schemas.microsoft.com/office/drawing/2014/main" id="{0186DAC2-C274-CC24-3F1E-DDAAC86FED1E}"/>
              </a:ext>
            </a:extLst>
          </p:cNvPr>
          <p:cNvSpPr/>
          <p:nvPr/>
        </p:nvSpPr>
        <p:spPr>
          <a:xfrm>
            <a:off x="4636394" y="3886517"/>
            <a:ext cx="702274" cy="277957"/>
          </a:xfrm>
          <a:prstGeom prst="rightArrow">
            <a:avLst/>
          </a:prstGeom>
          <a:solidFill>
            <a:schemeClr val="accent4"/>
          </a:solidFill>
          <a:ln>
            <a:solidFill>
              <a:schemeClr val="accent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35390402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E82B44-5846-F871-86CB-9C365AD7C78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8A35CF1-999D-676E-DE5A-78C62B9974CD}"/>
              </a:ext>
            </a:extLst>
          </p:cNvPr>
          <p:cNvSpPr>
            <a:spLocks noGrp="1"/>
          </p:cNvSpPr>
          <p:nvPr>
            <p:ph type="title"/>
          </p:nvPr>
        </p:nvSpPr>
        <p:spPr>
          <a:xfrm>
            <a:off x="292608" y="246888"/>
            <a:ext cx="10515600" cy="1123651"/>
          </a:xfrm>
        </p:spPr>
        <p:txBody>
          <a:bodyPr anchor="ctr">
            <a:normAutofit/>
          </a:bodyPr>
          <a:lstStyle/>
          <a:p>
            <a:r>
              <a:rPr lang="en-US" sz="3700"/>
              <a:t>Examples of Workday Dashboards and Reports</a:t>
            </a:r>
          </a:p>
        </p:txBody>
      </p:sp>
      <p:sp>
        <p:nvSpPr>
          <p:cNvPr id="4" name="Slide Number Placeholder 3">
            <a:extLst>
              <a:ext uri="{FF2B5EF4-FFF2-40B4-BE49-F238E27FC236}">
                <a16:creationId xmlns:a16="http://schemas.microsoft.com/office/drawing/2014/main" id="{C3F9BC47-B93E-8CFC-A8BB-D50B5D180AA4}"/>
              </a:ext>
            </a:extLst>
          </p:cNvPr>
          <p:cNvSpPr>
            <a:spLocks noGrp="1"/>
          </p:cNvSpPr>
          <p:nvPr>
            <p:ph type="sldNum" sz="quarter" idx="12"/>
          </p:nvPr>
        </p:nvSpPr>
        <p:spPr>
          <a:xfrm>
            <a:off x="8920377" y="6492875"/>
            <a:ext cx="2743200" cy="365125"/>
          </a:xfrm>
        </p:spPr>
        <p:txBody>
          <a:bodyPr anchor="ctr">
            <a:normAutofit/>
          </a:bodyPr>
          <a:lstStyle/>
          <a:p>
            <a:pPr>
              <a:spcAft>
                <a:spcPts val="600"/>
              </a:spcAft>
            </a:pPr>
            <a:fld id="{FD0882FC-4526-4F55-8D94-153238F064C3}" type="slidenum">
              <a:rPr lang="en-US" smtClean="0"/>
              <a:pPr>
                <a:spcAft>
                  <a:spcPts val="600"/>
                </a:spcAft>
              </a:pPr>
              <a:t>22</a:t>
            </a:fld>
            <a:endParaRPr lang="en-US"/>
          </a:p>
        </p:txBody>
      </p:sp>
      <p:pic>
        <p:nvPicPr>
          <p:cNvPr id="5" name="Picture 4" descr="A screenshot of a computer&#10;&#10;Description automatically generated">
            <a:extLst>
              <a:ext uri="{FF2B5EF4-FFF2-40B4-BE49-F238E27FC236}">
                <a16:creationId xmlns:a16="http://schemas.microsoft.com/office/drawing/2014/main" id="{F5F60F02-B794-0D9F-DDB0-DE8C7CEF868D}"/>
              </a:ext>
            </a:extLst>
          </p:cNvPr>
          <p:cNvPicPr>
            <a:picLocks noChangeAspect="1"/>
          </p:cNvPicPr>
          <p:nvPr/>
        </p:nvPicPr>
        <p:blipFill>
          <a:blip r:embed="rId3"/>
          <a:stretch>
            <a:fillRect/>
          </a:stretch>
        </p:blipFill>
        <p:spPr>
          <a:xfrm>
            <a:off x="2802155" y="1038859"/>
            <a:ext cx="6587691" cy="5298305"/>
          </a:xfrm>
          <a:prstGeom prst="rect">
            <a:avLst/>
          </a:prstGeom>
          <a:ln>
            <a:solidFill>
              <a:schemeClr val="tx1"/>
            </a:solidFill>
          </a:ln>
        </p:spPr>
      </p:pic>
    </p:spTree>
    <p:extLst>
      <p:ext uri="{BB962C8B-B14F-4D97-AF65-F5344CB8AC3E}">
        <p14:creationId xmlns:p14="http://schemas.microsoft.com/office/powerpoint/2010/main" val="375656086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602CD51-78AA-7A91-B66D-19A8D227F0F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5D8A6ECA-8574-3951-8844-4215EE4A274A}"/>
              </a:ext>
            </a:extLst>
          </p:cNvPr>
          <p:cNvSpPr>
            <a:spLocks noGrp="1"/>
          </p:cNvSpPr>
          <p:nvPr>
            <p:ph type="title"/>
          </p:nvPr>
        </p:nvSpPr>
        <p:spPr>
          <a:xfrm>
            <a:off x="292608" y="246888"/>
            <a:ext cx="10515600" cy="1123651"/>
          </a:xfrm>
        </p:spPr>
        <p:txBody>
          <a:bodyPr anchor="ctr">
            <a:normAutofit/>
          </a:bodyPr>
          <a:lstStyle/>
          <a:p>
            <a:r>
              <a:rPr lang="en-US" sz="3700"/>
              <a:t>Examples of Workday Dashboards and Reports</a:t>
            </a:r>
          </a:p>
        </p:txBody>
      </p:sp>
      <p:sp>
        <p:nvSpPr>
          <p:cNvPr id="4" name="Slide Number Placeholder 3">
            <a:extLst>
              <a:ext uri="{FF2B5EF4-FFF2-40B4-BE49-F238E27FC236}">
                <a16:creationId xmlns:a16="http://schemas.microsoft.com/office/drawing/2014/main" id="{AAB02A64-3CAA-6251-3B69-8A338808429B}"/>
              </a:ext>
            </a:extLst>
          </p:cNvPr>
          <p:cNvSpPr>
            <a:spLocks noGrp="1"/>
          </p:cNvSpPr>
          <p:nvPr>
            <p:ph type="sldNum" sz="quarter" idx="12"/>
          </p:nvPr>
        </p:nvSpPr>
        <p:spPr>
          <a:xfrm>
            <a:off x="8920377" y="6492875"/>
            <a:ext cx="2743200" cy="365125"/>
          </a:xfrm>
        </p:spPr>
        <p:txBody>
          <a:bodyPr anchor="ctr">
            <a:normAutofit/>
          </a:bodyPr>
          <a:lstStyle/>
          <a:p>
            <a:pPr>
              <a:spcAft>
                <a:spcPts val="600"/>
              </a:spcAft>
            </a:pPr>
            <a:fld id="{FD0882FC-4526-4F55-8D94-153238F064C3}" type="slidenum">
              <a:rPr lang="en-US" smtClean="0"/>
              <a:pPr>
                <a:spcAft>
                  <a:spcPts val="600"/>
                </a:spcAft>
              </a:pPr>
              <a:t>23</a:t>
            </a:fld>
            <a:endParaRPr lang="en-US"/>
          </a:p>
        </p:txBody>
      </p:sp>
      <p:pic>
        <p:nvPicPr>
          <p:cNvPr id="3" name="Picture 2" descr="A screenshot of a computer&#10;&#10;Description automatically generated">
            <a:extLst>
              <a:ext uri="{FF2B5EF4-FFF2-40B4-BE49-F238E27FC236}">
                <a16:creationId xmlns:a16="http://schemas.microsoft.com/office/drawing/2014/main" id="{B995551E-22A6-827D-86AD-83D0A2059ADA}"/>
              </a:ext>
            </a:extLst>
          </p:cNvPr>
          <p:cNvPicPr>
            <a:picLocks noChangeAspect="1"/>
          </p:cNvPicPr>
          <p:nvPr/>
        </p:nvPicPr>
        <p:blipFill>
          <a:blip r:embed="rId3"/>
          <a:srcRect b="21469"/>
          <a:stretch>
            <a:fillRect/>
          </a:stretch>
        </p:blipFill>
        <p:spPr>
          <a:xfrm>
            <a:off x="475488" y="924051"/>
            <a:ext cx="7212054" cy="5419227"/>
          </a:xfrm>
          <a:prstGeom prst="rect">
            <a:avLst/>
          </a:prstGeom>
          <a:ln>
            <a:solidFill>
              <a:schemeClr val="tx1"/>
            </a:solidFill>
          </a:ln>
        </p:spPr>
      </p:pic>
      <p:pic>
        <p:nvPicPr>
          <p:cNvPr id="6" name="Picture 5" descr="A screenshot of a computer&#10;&#10;Description automatically generated">
            <a:extLst>
              <a:ext uri="{FF2B5EF4-FFF2-40B4-BE49-F238E27FC236}">
                <a16:creationId xmlns:a16="http://schemas.microsoft.com/office/drawing/2014/main" id="{565AEC89-E53E-10D5-0F14-B0A3DA44C7A6}"/>
              </a:ext>
            </a:extLst>
          </p:cNvPr>
          <p:cNvPicPr>
            <a:picLocks noChangeAspect="1"/>
          </p:cNvPicPr>
          <p:nvPr/>
        </p:nvPicPr>
        <p:blipFill>
          <a:blip r:embed="rId3"/>
          <a:srcRect t="77544"/>
          <a:stretch>
            <a:fillRect/>
          </a:stretch>
        </p:blipFill>
        <p:spPr>
          <a:xfrm>
            <a:off x="4770598" y="4803006"/>
            <a:ext cx="7212054" cy="1549667"/>
          </a:xfrm>
          <a:prstGeom prst="rect">
            <a:avLst/>
          </a:prstGeom>
          <a:ln>
            <a:solidFill>
              <a:schemeClr val="tx1"/>
            </a:solidFill>
          </a:ln>
        </p:spPr>
      </p:pic>
      <p:sp>
        <p:nvSpPr>
          <p:cNvPr id="7" name="Arrow: Right 6">
            <a:extLst>
              <a:ext uri="{FF2B5EF4-FFF2-40B4-BE49-F238E27FC236}">
                <a16:creationId xmlns:a16="http://schemas.microsoft.com/office/drawing/2014/main" id="{F89CD090-2A48-594A-6E26-35BA4CC93BBE}"/>
              </a:ext>
            </a:extLst>
          </p:cNvPr>
          <p:cNvSpPr/>
          <p:nvPr/>
        </p:nvSpPr>
        <p:spPr>
          <a:xfrm>
            <a:off x="2640168" y="3151043"/>
            <a:ext cx="702274" cy="277957"/>
          </a:xfrm>
          <a:prstGeom prst="rightArrow">
            <a:avLst/>
          </a:prstGeom>
          <a:solidFill>
            <a:schemeClr val="accent4"/>
          </a:solidFill>
          <a:ln>
            <a:solidFill>
              <a:schemeClr val="accent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60022135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DDB32D-8E9C-3F0C-9866-4F3CCA1C2BB3}"/>
              </a:ext>
            </a:extLst>
          </p:cNvPr>
          <p:cNvSpPr>
            <a:spLocks noGrp="1"/>
          </p:cNvSpPr>
          <p:nvPr>
            <p:ph type="title"/>
          </p:nvPr>
        </p:nvSpPr>
        <p:spPr>
          <a:xfrm>
            <a:off x="292607" y="246888"/>
            <a:ext cx="10885933" cy="1123651"/>
          </a:xfrm>
        </p:spPr>
        <p:txBody>
          <a:bodyPr>
            <a:normAutofit fontScale="90000"/>
          </a:bodyPr>
          <a:lstStyle/>
          <a:p>
            <a:r>
              <a:rPr lang="en-US" dirty="0"/>
              <a:t>What to Expect as Program Progresses</a:t>
            </a:r>
          </a:p>
        </p:txBody>
      </p:sp>
      <p:sp>
        <p:nvSpPr>
          <p:cNvPr id="4" name="Slide Number Placeholder 3">
            <a:extLst>
              <a:ext uri="{FF2B5EF4-FFF2-40B4-BE49-F238E27FC236}">
                <a16:creationId xmlns:a16="http://schemas.microsoft.com/office/drawing/2014/main" id="{909CFDA5-6C2B-B5A5-D3DF-03C035BF2630}"/>
              </a:ext>
            </a:extLst>
          </p:cNvPr>
          <p:cNvSpPr>
            <a:spLocks noGrp="1"/>
          </p:cNvSpPr>
          <p:nvPr>
            <p:ph type="sldNum" sz="quarter" idx="12"/>
          </p:nvPr>
        </p:nvSpPr>
        <p:spPr/>
        <p:txBody>
          <a:bodyPr/>
          <a:lstStyle/>
          <a:p>
            <a:fld id="{FD0882FC-4526-4F55-8D94-153238F064C3}" type="slidenum">
              <a:rPr lang="en-US" smtClean="0"/>
              <a:pPr/>
              <a:t>24</a:t>
            </a:fld>
            <a:endParaRPr lang="en-US"/>
          </a:p>
        </p:txBody>
      </p:sp>
      <p:grpSp>
        <p:nvGrpSpPr>
          <p:cNvPr id="25" name="Group 24">
            <a:extLst>
              <a:ext uri="{FF2B5EF4-FFF2-40B4-BE49-F238E27FC236}">
                <a16:creationId xmlns:a16="http://schemas.microsoft.com/office/drawing/2014/main" id="{AB9FD693-8DE4-61FC-653F-CAA2474A06DA}"/>
              </a:ext>
            </a:extLst>
          </p:cNvPr>
          <p:cNvGrpSpPr/>
          <p:nvPr/>
        </p:nvGrpSpPr>
        <p:grpSpPr>
          <a:xfrm>
            <a:off x="-7958" y="2381689"/>
            <a:ext cx="12192286" cy="3109269"/>
            <a:chOff x="-7958" y="1667295"/>
            <a:chExt cx="9144000" cy="2331897"/>
          </a:xfrm>
        </p:grpSpPr>
        <p:grpSp>
          <p:nvGrpSpPr>
            <p:cNvPr id="5" name="Group 4">
              <a:extLst>
                <a:ext uri="{FF2B5EF4-FFF2-40B4-BE49-F238E27FC236}">
                  <a16:creationId xmlns:a16="http://schemas.microsoft.com/office/drawing/2014/main" id="{26C170B6-C592-0603-2FDE-C02BB5C8B3ED}"/>
                </a:ext>
              </a:extLst>
            </p:cNvPr>
            <p:cNvGrpSpPr/>
            <p:nvPr/>
          </p:nvGrpSpPr>
          <p:grpSpPr>
            <a:xfrm>
              <a:off x="-7958" y="2053473"/>
              <a:ext cx="9144000" cy="1507874"/>
              <a:chOff x="0" y="2423751"/>
              <a:chExt cx="12192000" cy="2010499"/>
            </a:xfrm>
          </p:grpSpPr>
          <p:sp>
            <p:nvSpPr>
              <p:cNvPr id="6" name="Freeform 5">
                <a:extLst>
                  <a:ext uri="{FF2B5EF4-FFF2-40B4-BE49-F238E27FC236}">
                    <a16:creationId xmlns:a16="http://schemas.microsoft.com/office/drawing/2014/main" id="{B963D710-F686-299E-B585-09A837A59A84}"/>
                  </a:ext>
                </a:extLst>
              </p:cNvPr>
              <p:cNvSpPr>
                <a:spLocks/>
              </p:cNvSpPr>
              <p:nvPr/>
            </p:nvSpPr>
            <p:spPr bwMode="auto">
              <a:xfrm>
                <a:off x="0" y="2423751"/>
                <a:ext cx="12192000" cy="2010499"/>
              </a:xfrm>
              <a:custGeom>
                <a:avLst/>
                <a:gdLst>
                  <a:gd name="T0" fmla="*/ 8564 w 9280"/>
                  <a:gd name="T1" fmla="*/ 552 h 1528"/>
                  <a:gd name="T2" fmla="*/ 7424 w 9280"/>
                  <a:gd name="T3" fmla="*/ 0 h 1528"/>
                  <a:gd name="T4" fmla="*/ 6284 w 9280"/>
                  <a:gd name="T5" fmla="*/ 552 h 1528"/>
                  <a:gd name="T6" fmla="*/ 5568 w 9280"/>
                  <a:gd name="T7" fmla="*/ 928 h 1528"/>
                  <a:gd name="T8" fmla="*/ 4852 w 9280"/>
                  <a:gd name="T9" fmla="*/ 552 h 1528"/>
                  <a:gd name="T10" fmla="*/ 3712 w 9280"/>
                  <a:gd name="T11" fmla="*/ 0 h 1528"/>
                  <a:gd name="T12" fmla="*/ 2572 w 9280"/>
                  <a:gd name="T13" fmla="*/ 552 h 1528"/>
                  <a:gd name="T14" fmla="*/ 1856 w 9280"/>
                  <a:gd name="T15" fmla="*/ 928 h 1528"/>
                  <a:gd name="T16" fmla="*/ 1140 w 9280"/>
                  <a:gd name="T17" fmla="*/ 552 h 1528"/>
                  <a:gd name="T18" fmla="*/ 0 w 9280"/>
                  <a:gd name="T19" fmla="*/ 0 h 1528"/>
                  <a:gd name="T20" fmla="*/ 0 w 9280"/>
                  <a:gd name="T21" fmla="*/ 600 h 1528"/>
                  <a:gd name="T22" fmla="*/ 716 w 9280"/>
                  <a:gd name="T23" fmla="*/ 976 h 1528"/>
                  <a:gd name="T24" fmla="*/ 1856 w 9280"/>
                  <a:gd name="T25" fmla="*/ 1528 h 1528"/>
                  <a:gd name="T26" fmla="*/ 2996 w 9280"/>
                  <a:gd name="T27" fmla="*/ 976 h 1528"/>
                  <a:gd name="T28" fmla="*/ 3712 w 9280"/>
                  <a:gd name="T29" fmla="*/ 600 h 1528"/>
                  <a:gd name="T30" fmla="*/ 4428 w 9280"/>
                  <a:gd name="T31" fmla="*/ 976 h 1528"/>
                  <a:gd name="T32" fmla="*/ 5568 w 9280"/>
                  <a:gd name="T33" fmla="*/ 1528 h 1528"/>
                  <a:gd name="T34" fmla="*/ 6708 w 9280"/>
                  <a:gd name="T35" fmla="*/ 976 h 1528"/>
                  <a:gd name="T36" fmla="*/ 7424 w 9280"/>
                  <a:gd name="T37" fmla="*/ 600 h 1528"/>
                  <a:gd name="T38" fmla="*/ 8140 w 9280"/>
                  <a:gd name="T39" fmla="*/ 976 h 1528"/>
                  <a:gd name="T40" fmla="*/ 9280 w 9280"/>
                  <a:gd name="T41" fmla="*/ 1528 h 1528"/>
                  <a:gd name="T42" fmla="*/ 9280 w 9280"/>
                  <a:gd name="T43" fmla="*/ 928 h 1528"/>
                  <a:gd name="T44" fmla="*/ 8564 w 9280"/>
                  <a:gd name="T45" fmla="*/ 552 h 15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280" h="1528">
                    <a:moveTo>
                      <a:pt x="8564" y="552"/>
                    </a:moveTo>
                    <a:cubicBezTo>
                      <a:pt x="8318" y="306"/>
                      <a:pt x="8012" y="0"/>
                      <a:pt x="7424" y="0"/>
                    </a:cubicBezTo>
                    <a:cubicBezTo>
                      <a:pt x="6836" y="0"/>
                      <a:pt x="6530" y="306"/>
                      <a:pt x="6284" y="552"/>
                    </a:cubicBezTo>
                    <a:cubicBezTo>
                      <a:pt x="6065" y="770"/>
                      <a:pt x="5908" y="928"/>
                      <a:pt x="5568" y="928"/>
                    </a:cubicBezTo>
                    <a:cubicBezTo>
                      <a:pt x="5228" y="928"/>
                      <a:pt x="5070" y="770"/>
                      <a:pt x="4852" y="552"/>
                    </a:cubicBezTo>
                    <a:cubicBezTo>
                      <a:pt x="4606" y="306"/>
                      <a:pt x="4300" y="0"/>
                      <a:pt x="3712" y="0"/>
                    </a:cubicBezTo>
                    <a:cubicBezTo>
                      <a:pt x="3124" y="0"/>
                      <a:pt x="2818" y="306"/>
                      <a:pt x="2572" y="552"/>
                    </a:cubicBezTo>
                    <a:cubicBezTo>
                      <a:pt x="2354" y="770"/>
                      <a:pt x="2196" y="928"/>
                      <a:pt x="1856" y="928"/>
                    </a:cubicBezTo>
                    <a:cubicBezTo>
                      <a:pt x="1516" y="928"/>
                      <a:pt x="1359" y="770"/>
                      <a:pt x="1140" y="552"/>
                    </a:cubicBezTo>
                    <a:cubicBezTo>
                      <a:pt x="894" y="306"/>
                      <a:pt x="588" y="0"/>
                      <a:pt x="0" y="0"/>
                    </a:cubicBezTo>
                    <a:cubicBezTo>
                      <a:pt x="0" y="600"/>
                      <a:pt x="0" y="600"/>
                      <a:pt x="0" y="600"/>
                    </a:cubicBezTo>
                    <a:cubicBezTo>
                      <a:pt x="340" y="600"/>
                      <a:pt x="498" y="758"/>
                      <a:pt x="716" y="976"/>
                    </a:cubicBezTo>
                    <a:cubicBezTo>
                      <a:pt x="962" y="1222"/>
                      <a:pt x="1268" y="1528"/>
                      <a:pt x="1856" y="1528"/>
                    </a:cubicBezTo>
                    <a:cubicBezTo>
                      <a:pt x="2444" y="1528"/>
                      <a:pt x="2750" y="1222"/>
                      <a:pt x="2996" y="976"/>
                    </a:cubicBezTo>
                    <a:cubicBezTo>
                      <a:pt x="3215" y="758"/>
                      <a:pt x="3372" y="600"/>
                      <a:pt x="3712" y="600"/>
                    </a:cubicBezTo>
                    <a:cubicBezTo>
                      <a:pt x="4052" y="600"/>
                      <a:pt x="4209" y="758"/>
                      <a:pt x="4428" y="976"/>
                    </a:cubicBezTo>
                    <a:cubicBezTo>
                      <a:pt x="4674" y="1222"/>
                      <a:pt x="4980" y="1528"/>
                      <a:pt x="5568" y="1528"/>
                    </a:cubicBezTo>
                    <a:cubicBezTo>
                      <a:pt x="6156" y="1528"/>
                      <a:pt x="6462" y="1222"/>
                      <a:pt x="6708" y="976"/>
                    </a:cubicBezTo>
                    <a:cubicBezTo>
                      <a:pt x="6926" y="758"/>
                      <a:pt x="7084" y="600"/>
                      <a:pt x="7424" y="600"/>
                    </a:cubicBezTo>
                    <a:cubicBezTo>
                      <a:pt x="7764" y="600"/>
                      <a:pt x="7921" y="758"/>
                      <a:pt x="8140" y="976"/>
                    </a:cubicBezTo>
                    <a:cubicBezTo>
                      <a:pt x="8386" y="1222"/>
                      <a:pt x="8692" y="1528"/>
                      <a:pt x="9280" y="1528"/>
                    </a:cubicBezTo>
                    <a:cubicBezTo>
                      <a:pt x="9280" y="928"/>
                      <a:pt x="9280" y="928"/>
                      <a:pt x="9280" y="928"/>
                    </a:cubicBezTo>
                    <a:cubicBezTo>
                      <a:pt x="8940" y="928"/>
                      <a:pt x="8782" y="770"/>
                      <a:pt x="8564" y="552"/>
                    </a:cubicBezTo>
                    <a:close/>
                  </a:path>
                </a:pathLst>
              </a:custGeom>
              <a:solidFill>
                <a:schemeClr val="bg1">
                  <a:lumMod val="95000"/>
                </a:schemeClr>
              </a:solidFill>
              <a:ln>
                <a:noFill/>
              </a:ln>
            </p:spPr>
            <p:txBody>
              <a:bodyPr vert="horz" wrap="square" lIns="68580" tIns="34290" rIns="68580" bIns="34290" numCol="1" anchor="t" anchorCtr="0" compatLnSpc="1">
                <a:prstTxWarp prst="textNoShape">
                  <a:avLst/>
                </a:prstTxWarp>
              </a:bodyPr>
              <a:lstStyle/>
              <a:p>
                <a:endParaRPr lang="en-US" sz="1350"/>
              </a:p>
            </p:txBody>
          </p:sp>
          <p:sp>
            <p:nvSpPr>
              <p:cNvPr id="7" name="Freeform 6">
                <a:extLst>
                  <a:ext uri="{FF2B5EF4-FFF2-40B4-BE49-F238E27FC236}">
                    <a16:creationId xmlns:a16="http://schemas.microsoft.com/office/drawing/2014/main" id="{5C2BE507-2883-BA1F-3EBE-5A6C04F439B0}"/>
                  </a:ext>
                </a:extLst>
              </p:cNvPr>
              <p:cNvSpPr>
                <a:spLocks/>
              </p:cNvSpPr>
              <p:nvPr/>
            </p:nvSpPr>
            <p:spPr bwMode="auto">
              <a:xfrm>
                <a:off x="0" y="2497678"/>
                <a:ext cx="12192000" cy="1862647"/>
              </a:xfrm>
              <a:custGeom>
                <a:avLst/>
                <a:gdLst>
                  <a:gd name="T0" fmla="*/ 8524 w 9280"/>
                  <a:gd name="T1" fmla="*/ 535 h 1416"/>
                  <a:gd name="T2" fmla="*/ 8100 w 9280"/>
                  <a:gd name="T3" fmla="*/ 180 h 1416"/>
                  <a:gd name="T4" fmla="*/ 7424 w 9280"/>
                  <a:gd name="T5" fmla="*/ 0 h 1416"/>
                  <a:gd name="T6" fmla="*/ 6747 w 9280"/>
                  <a:gd name="T7" fmla="*/ 180 h 1416"/>
                  <a:gd name="T8" fmla="*/ 6323 w 9280"/>
                  <a:gd name="T9" fmla="*/ 535 h 1416"/>
                  <a:gd name="T10" fmla="*/ 5568 w 9280"/>
                  <a:gd name="T11" fmla="*/ 928 h 1416"/>
                  <a:gd name="T12" fmla="*/ 4812 w 9280"/>
                  <a:gd name="T13" fmla="*/ 535 h 1416"/>
                  <a:gd name="T14" fmla="*/ 4389 w 9280"/>
                  <a:gd name="T15" fmla="*/ 180 h 1416"/>
                  <a:gd name="T16" fmla="*/ 3712 w 9280"/>
                  <a:gd name="T17" fmla="*/ 0 h 1416"/>
                  <a:gd name="T18" fmla="*/ 3035 w 9280"/>
                  <a:gd name="T19" fmla="*/ 180 h 1416"/>
                  <a:gd name="T20" fmla="*/ 2612 w 9280"/>
                  <a:gd name="T21" fmla="*/ 535 h 1416"/>
                  <a:gd name="T22" fmla="*/ 1856 w 9280"/>
                  <a:gd name="T23" fmla="*/ 928 h 1416"/>
                  <a:gd name="T24" fmla="*/ 1101 w 9280"/>
                  <a:gd name="T25" fmla="*/ 535 h 1416"/>
                  <a:gd name="T26" fmla="*/ 677 w 9280"/>
                  <a:gd name="T27" fmla="*/ 180 h 1416"/>
                  <a:gd name="T28" fmla="*/ 0 w 9280"/>
                  <a:gd name="T29" fmla="*/ 0 h 1416"/>
                  <a:gd name="T30" fmla="*/ 0 w 9280"/>
                  <a:gd name="T31" fmla="*/ 488 h 1416"/>
                  <a:gd name="T32" fmla="*/ 756 w 9280"/>
                  <a:gd name="T33" fmla="*/ 881 h 1416"/>
                  <a:gd name="T34" fmla="*/ 1180 w 9280"/>
                  <a:gd name="T35" fmla="*/ 1236 h 1416"/>
                  <a:gd name="T36" fmla="*/ 1856 w 9280"/>
                  <a:gd name="T37" fmla="*/ 1416 h 1416"/>
                  <a:gd name="T38" fmla="*/ 2533 w 9280"/>
                  <a:gd name="T39" fmla="*/ 1236 h 1416"/>
                  <a:gd name="T40" fmla="*/ 2957 w 9280"/>
                  <a:gd name="T41" fmla="*/ 881 h 1416"/>
                  <a:gd name="T42" fmla="*/ 3712 w 9280"/>
                  <a:gd name="T43" fmla="*/ 488 h 1416"/>
                  <a:gd name="T44" fmla="*/ 4467 w 9280"/>
                  <a:gd name="T45" fmla="*/ 881 h 1416"/>
                  <a:gd name="T46" fmla="*/ 4891 w 9280"/>
                  <a:gd name="T47" fmla="*/ 1236 h 1416"/>
                  <a:gd name="T48" fmla="*/ 5568 w 9280"/>
                  <a:gd name="T49" fmla="*/ 1416 h 1416"/>
                  <a:gd name="T50" fmla="*/ 6244 w 9280"/>
                  <a:gd name="T51" fmla="*/ 1236 h 1416"/>
                  <a:gd name="T52" fmla="*/ 6668 w 9280"/>
                  <a:gd name="T53" fmla="*/ 881 h 1416"/>
                  <a:gd name="T54" fmla="*/ 7424 w 9280"/>
                  <a:gd name="T55" fmla="*/ 488 h 1416"/>
                  <a:gd name="T56" fmla="*/ 8179 w 9280"/>
                  <a:gd name="T57" fmla="*/ 881 h 1416"/>
                  <a:gd name="T58" fmla="*/ 8603 w 9280"/>
                  <a:gd name="T59" fmla="*/ 1236 h 1416"/>
                  <a:gd name="T60" fmla="*/ 9280 w 9280"/>
                  <a:gd name="T61" fmla="*/ 1416 h 1416"/>
                  <a:gd name="T62" fmla="*/ 9280 w 9280"/>
                  <a:gd name="T63" fmla="*/ 928 h 1416"/>
                  <a:gd name="T64" fmla="*/ 8524 w 9280"/>
                  <a:gd name="T65" fmla="*/ 535 h 1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280" h="1416">
                    <a:moveTo>
                      <a:pt x="8524" y="535"/>
                    </a:moveTo>
                    <a:cubicBezTo>
                      <a:pt x="8400" y="411"/>
                      <a:pt x="8271" y="282"/>
                      <a:pt x="8100" y="180"/>
                    </a:cubicBezTo>
                    <a:cubicBezTo>
                      <a:pt x="7899" y="59"/>
                      <a:pt x="7677" y="0"/>
                      <a:pt x="7424" y="0"/>
                    </a:cubicBezTo>
                    <a:cubicBezTo>
                      <a:pt x="7170" y="0"/>
                      <a:pt x="6949" y="59"/>
                      <a:pt x="6747" y="180"/>
                    </a:cubicBezTo>
                    <a:cubicBezTo>
                      <a:pt x="6577" y="282"/>
                      <a:pt x="6448" y="411"/>
                      <a:pt x="6323" y="535"/>
                    </a:cubicBezTo>
                    <a:cubicBezTo>
                      <a:pt x="6104" y="755"/>
                      <a:pt x="5931" y="928"/>
                      <a:pt x="5568" y="928"/>
                    </a:cubicBezTo>
                    <a:cubicBezTo>
                      <a:pt x="5205" y="928"/>
                      <a:pt x="5032" y="755"/>
                      <a:pt x="4812" y="535"/>
                    </a:cubicBezTo>
                    <a:cubicBezTo>
                      <a:pt x="4688" y="411"/>
                      <a:pt x="4559" y="282"/>
                      <a:pt x="4389" y="180"/>
                    </a:cubicBezTo>
                    <a:cubicBezTo>
                      <a:pt x="4187" y="59"/>
                      <a:pt x="3966" y="0"/>
                      <a:pt x="3712" y="0"/>
                    </a:cubicBezTo>
                    <a:cubicBezTo>
                      <a:pt x="3458" y="0"/>
                      <a:pt x="3237" y="59"/>
                      <a:pt x="3035" y="180"/>
                    </a:cubicBezTo>
                    <a:cubicBezTo>
                      <a:pt x="2865" y="282"/>
                      <a:pt x="2736" y="411"/>
                      <a:pt x="2612" y="535"/>
                    </a:cubicBezTo>
                    <a:cubicBezTo>
                      <a:pt x="2392" y="755"/>
                      <a:pt x="2219" y="928"/>
                      <a:pt x="1856" y="928"/>
                    </a:cubicBezTo>
                    <a:cubicBezTo>
                      <a:pt x="1493" y="928"/>
                      <a:pt x="1320" y="755"/>
                      <a:pt x="1101" y="535"/>
                    </a:cubicBezTo>
                    <a:cubicBezTo>
                      <a:pt x="976" y="411"/>
                      <a:pt x="847" y="282"/>
                      <a:pt x="677" y="180"/>
                    </a:cubicBezTo>
                    <a:cubicBezTo>
                      <a:pt x="475" y="59"/>
                      <a:pt x="254" y="0"/>
                      <a:pt x="0" y="0"/>
                    </a:cubicBezTo>
                    <a:cubicBezTo>
                      <a:pt x="0" y="488"/>
                      <a:pt x="0" y="488"/>
                      <a:pt x="0" y="488"/>
                    </a:cubicBezTo>
                    <a:cubicBezTo>
                      <a:pt x="363" y="488"/>
                      <a:pt x="536" y="661"/>
                      <a:pt x="756" y="881"/>
                    </a:cubicBezTo>
                    <a:cubicBezTo>
                      <a:pt x="880" y="1005"/>
                      <a:pt x="1009" y="1134"/>
                      <a:pt x="1180" y="1236"/>
                    </a:cubicBezTo>
                    <a:cubicBezTo>
                      <a:pt x="1381" y="1357"/>
                      <a:pt x="1602" y="1416"/>
                      <a:pt x="1856" y="1416"/>
                    </a:cubicBezTo>
                    <a:cubicBezTo>
                      <a:pt x="2110" y="1416"/>
                      <a:pt x="2331" y="1357"/>
                      <a:pt x="2533" y="1236"/>
                    </a:cubicBezTo>
                    <a:cubicBezTo>
                      <a:pt x="2703" y="1134"/>
                      <a:pt x="2832" y="1005"/>
                      <a:pt x="2957" y="881"/>
                    </a:cubicBezTo>
                    <a:cubicBezTo>
                      <a:pt x="3176" y="661"/>
                      <a:pt x="3349" y="488"/>
                      <a:pt x="3712" y="488"/>
                    </a:cubicBezTo>
                    <a:cubicBezTo>
                      <a:pt x="4075" y="488"/>
                      <a:pt x="4248" y="661"/>
                      <a:pt x="4467" y="881"/>
                    </a:cubicBezTo>
                    <a:cubicBezTo>
                      <a:pt x="4592" y="1005"/>
                      <a:pt x="4721" y="1134"/>
                      <a:pt x="4891" y="1236"/>
                    </a:cubicBezTo>
                    <a:cubicBezTo>
                      <a:pt x="5093" y="1357"/>
                      <a:pt x="5314" y="1416"/>
                      <a:pt x="5568" y="1416"/>
                    </a:cubicBezTo>
                    <a:cubicBezTo>
                      <a:pt x="5822" y="1416"/>
                      <a:pt x="6043" y="1357"/>
                      <a:pt x="6244" y="1236"/>
                    </a:cubicBezTo>
                    <a:cubicBezTo>
                      <a:pt x="6415" y="1134"/>
                      <a:pt x="6544" y="1005"/>
                      <a:pt x="6668" y="881"/>
                    </a:cubicBezTo>
                    <a:cubicBezTo>
                      <a:pt x="6888" y="661"/>
                      <a:pt x="7061" y="488"/>
                      <a:pt x="7424" y="488"/>
                    </a:cubicBezTo>
                    <a:cubicBezTo>
                      <a:pt x="7787" y="488"/>
                      <a:pt x="7960" y="661"/>
                      <a:pt x="8179" y="881"/>
                    </a:cubicBezTo>
                    <a:cubicBezTo>
                      <a:pt x="8304" y="1005"/>
                      <a:pt x="8433" y="1134"/>
                      <a:pt x="8603" y="1236"/>
                    </a:cubicBezTo>
                    <a:cubicBezTo>
                      <a:pt x="8805" y="1357"/>
                      <a:pt x="9026" y="1416"/>
                      <a:pt x="9280" y="1416"/>
                    </a:cubicBezTo>
                    <a:cubicBezTo>
                      <a:pt x="9280" y="928"/>
                      <a:pt x="9280" y="928"/>
                      <a:pt x="9280" y="928"/>
                    </a:cubicBezTo>
                    <a:cubicBezTo>
                      <a:pt x="8917" y="928"/>
                      <a:pt x="8744" y="755"/>
                      <a:pt x="8524" y="535"/>
                    </a:cubicBezTo>
                    <a:close/>
                  </a:path>
                </a:pathLst>
              </a:custGeom>
              <a:solidFill>
                <a:schemeClr val="tx1">
                  <a:lumMod val="90000"/>
                  <a:lumOff val="10000"/>
                </a:schemeClr>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8" name="Freeform 7">
                <a:extLst>
                  <a:ext uri="{FF2B5EF4-FFF2-40B4-BE49-F238E27FC236}">
                    <a16:creationId xmlns:a16="http://schemas.microsoft.com/office/drawing/2014/main" id="{6A0F9330-FFAA-02F7-5B8F-6B8A42B824D6}"/>
                  </a:ext>
                </a:extLst>
              </p:cNvPr>
              <p:cNvSpPr>
                <a:spLocks noEditPoints="1"/>
              </p:cNvSpPr>
              <p:nvPr/>
            </p:nvSpPr>
            <p:spPr bwMode="auto">
              <a:xfrm>
                <a:off x="0" y="2802079"/>
                <a:ext cx="12192000" cy="1253844"/>
              </a:xfrm>
              <a:custGeom>
                <a:avLst/>
                <a:gdLst>
                  <a:gd name="T0" fmla="*/ 127 w 9280"/>
                  <a:gd name="T1" fmla="*/ 6 h 952"/>
                  <a:gd name="T2" fmla="*/ 0 w 9280"/>
                  <a:gd name="T3" fmla="*/ 24 h 952"/>
                  <a:gd name="T4" fmla="*/ 2938 w 9280"/>
                  <a:gd name="T5" fmla="*/ 311 h 952"/>
                  <a:gd name="T6" fmla="*/ 3155 w 9280"/>
                  <a:gd name="T7" fmla="*/ 175 h 952"/>
                  <a:gd name="T8" fmla="*/ 2938 w 9280"/>
                  <a:gd name="T9" fmla="*/ 311 h 952"/>
                  <a:gd name="T10" fmla="*/ 4125 w 9280"/>
                  <a:gd name="T11" fmla="*/ 101 h 952"/>
                  <a:gd name="T12" fmla="*/ 3886 w 9280"/>
                  <a:gd name="T13" fmla="*/ 12 h 952"/>
                  <a:gd name="T14" fmla="*/ 2569 w 9280"/>
                  <a:gd name="T15" fmla="*/ 663 h 952"/>
                  <a:gd name="T16" fmla="*/ 2771 w 9280"/>
                  <a:gd name="T17" fmla="*/ 506 h 952"/>
                  <a:gd name="T18" fmla="*/ 2569 w 9280"/>
                  <a:gd name="T19" fmla="*/ 663 h 952"/>
                  <a:gd name="T20" fmla="*/ 3383 w 9280"/>
                  <a:gd name="T21" fmla="*/ 70 h 952"/>
                  <a:gd name="T22" fmla="*/ 3629 w 9280"/>
                  <a:gd name="T23" fmla="*/ 3 h 952"/>
                  <a:gd name="T24" fmla="*/ 2128 w 9280"/>
                  <a:gd name="T25" fmla="*/ 897 h 952"/>
                  <a:gd name="T26" fmla="*/ 2374 w 9280"/>
                  <a:gd name="T27" fmla="*/ 828 h 952"/>
                  <a:gd name="T28" fmla="*/ 2128 w 9280"/>
                  <a:gd name="T29" fmla="*/ 897 h 952"/>
                  <a:gd name="T30" fmla="*/ 4536 w 9280"/>
                  <a:gd name="T31" fmla="*/ 390 h 952"/>
                  <a:gd name="T32" fmla="*/ 4357 w 9280"/>
                  <a:gd name="T33" fmla="*/ 205 h 952"/>
                  <a:gd name="T34" fmla="*/ 807 w 9280"/>
                  <a:gd name="T35" fmla="*/ 341 h 952"/>
                  <a:gd name="T36" fmla="*/ 920 w 9280"/>
                  <a:gd name="T37" fmla="*/ 484 h 952"/>
                  <a:gd name="T38" fmla="*/ 990 w 9280"/>
                  <a:gd name="T39" fmla="*/ 520 h 952"/>
                  <a:gd name="T40" fmla="*/ 807 w 9280"/>
                  <a:gd name="T41" fmla="*/ 341 h 952"/>
                  <a:gd name="T42" fmla="*/ 594 w 9280"/>
                  <a:gd name="T43" fmla="*/ 199 h 952"/>
                  <a:gd name="T44" fmla="*/ 379 w 9280"/>
                  <a:gd name="T45" fmla="*/ 62 h 952"/>
                  <a:gd name="T46" fmla="*/ 1856 w 9280"/>
                  <a:gd name="T47" fmla="*/ 928 h 952"/>
                  <a:gd name="T48" fmla="*/ 1623 w 9280"/>
                  <a:gd name="T49" fmla="*/ 930 h 952"/>
                  <a:gd name="T50" fmla="*/ 1879 w 9280"/>
                  <a:gd name="T51" fmla="*/ 952 h 952"/>
                  <a:gd name="T52" fmla="*/ 1856 w 9280"/>
                  <a:gd name="T53" fmla="*/ 928 h 952"/>
                  <a:gd name="T54" fmla="*/ 1379 w 9280"/>
                  <a:gd name="T55" fmla="*/ 849 h 952"/>
                  <a:gd name="T56" fmla="*/ 1177 w 9280"/>
                  <a:gd name="T57" fmla="*/ 691 h 952"/>
                  <a:gd name="T58" fmla="*/ 7877 w 9280"/>
                  <a:gd name="T59" fmla="*/ 119 h 952"/>
                  <a:gd name="T60" fmla="*/ 8106 w 9280"/>
                  <a:gd name="T61" fmla="*/ 233 h 952"/>
                  <a:gd name="T62" fmla="*/ 7877 w 9280"/>
                  <a:gd name="T63" fmla="*/ 119 h 952"/>
                  <a:gd name="T64" fmla="*/ 7387 w 9280"/>
                  <a:gd name="T65" fmla="*/ 25 h 952"/>
                  <a:gd name="T66" fmla="*/ 7638 w 9280"/>
                  <a:gd name="T67" fmla="*/ 43 h 952"/>
                  <a:gd name="T68" fmla="*/ 7424 w 9280"/>
                  <a:gd name="T69" fmla="*/ 0 h 952"/>
                  <a:gd name="T70" fmla="*/ 8297 w 9280"/>
                  <a:gd name="T71" fmla="*/ 404 h 952"/>
                  <a:gd name="T72" fmla="*/ 8343 w 9280"/>
                  <a:gd name="T73" fmla="*/ 485 h 952"/>
                  <a:gd name="T74" fmla="*/ 8478 w 9280"/>
                  <a:gd name="T75" fmla="*/ 583 h 952"/>
                  <a:gd name="T76" fmla="*/ 8297 w 9280"/>
                  <a:gd name="T77" fmla="*/ 404 h 952"/>
                  <a:gd name="T78" fmla="*/ 6905 w 9280"/>
                  <a:gd name="T79" fmla="*/ 152 h 952"/>
                  <a:gd name="T80" fmla="*/ 7132 w 9280"/>
                  <a:gd name="T81" fmla="*/ 35 h 952"/>
                  <a:gd name="T82" fmla="*/ 8660 w 9280"/>
                  <a:gd name="T83" fmla="*/ 765 h 952"/>
                  <a:gd name="T84" fmla="*/ 8895 w 9280"/>
                  <a:gd name="T85" fmla="*/ 863 h 952"/>
                  <a:gd name="T86" fmla="*/ 8660 w 9280"/>
                  <a:gd name="T87" fmla="*/ 765 h 952"/>
                  <a:gd name="T88" fmla="*/ 6515 w 9280"/>
                  <a:gd name="T89" fmla="*/ 474 h 952"/>
                  <a:gd name="T90" fmla="*/ 6684 w 9280"/>
                  <a:gd name="T91" fmla="*/ 281 h 952"/>
                  <a:gd name="T92" fmla="*/ 4717 w 9280"/>
                  <a:gd name="T93" fmla="*/ 569 h 952"/>
                  <a:gd name="T94" fmla="*/ 4925 w 9280"/>
                  <a:gd name="T95" fmla="*/ 719 h 952"/>
                  <a:gd name="T96" fmla="*/ 4717 w 9280"/>
                  <a:gd name="T97" fmla="*/ 569 h 952"/>
                  <a:gd name="T98" fmla="*/ 5636 w 9280"/>
                  <a:gd name="T99" fmla="*/ 950 h 952"/>
                  <a:gd name="T100" fmla="*/ 5883 w 9280"/>
                  <a:gd name="T101" fmla="*/ 886 h 952"/>
                  <a:gd name="T102" fmla="*/ 5132 w 9280"/>
                  <a:gd name="T103" fmla="*/ 868 h 952"/>
                  <a:gd name="T104" fmla="*/ 5383 w 9280"/>
                  <a:gd name="T105" fmla="*/ 914 h 952"/>
                  <a:gd name="T106" fmla="*/ 5132 w 9280"/>
                  <a:gd name="T107" fmla="*/ 868 h 952"/>
                  <a:gd name="T108" fmla="*/ 6125 w 9280"/>
                  <a:gd name="T109" fmla="*/ 805 h 952"/>
                  <a:gd name="T110" fmla="*/ 6315 w 9280"/>
                  <a:gd name="T111" fmla="*/ 633 h 952"/>
                  <a:gd name="T112" fmla="*/ 9155 w 9280"/>
                  <a:gd name="T113" fmla="*/ 922 h 952"/>
                  <a:gd name="T114" fmla="*/ 9280 w 9280"/>
                  <a:gd name="T115" fmla="*/ 952 h 952"/>
                  <a:gd name="T116" fmla="*/ 9155 w 9280"/>
                  <a:gd name="T117" fmla="*/ 922 h 9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9280" h="952">
                    <a:moveTo>
                      <a:pt x="0" y="0"/>
                    </a:moveTo>
                    <a:cubicBezTo>
                      <a:pt x="44" y="0"/>
                      <a:pt x="86" y="2"/>
                      <a:pt x="127" y="6"/>
                    </a:cubicBezTo>
                    <a:cubicBezTo>
                      <a:pt x="125" y="30"/>
                      <a:pt x="125" y="30"/>
                      <a:pt x="125" y="30"/>
                    </a:cubicBezTo>
                    <a:cubicBezTo>
                      <a:pt x="85" y="26"/>
                      <a:pt x="43" y="24"/>
                      <a:pt x="0" y="24"/>
                    </a:cubicBezTo>
                    <a:lnTo>
                      <a:pt x="0" y="0"/>
                    </a:lnTo>
                    <a:close/>
                    <a:moveTo>
                      <a:pt x="2938" y="311"/>
                    </a:moveTo>
                    <a:cubicBezTo>
                      <a:pt x="2954" y="328"/>
                      <a:pt x="2954" y="328"/>
                      <a:pt x="2954" y="328"/>
                    </a:cubicBezTo>
                    <a:cubicBezTo>
                      <a:pt x="3025" y="264"/>
                      <a:pt x="3089" y="215"/>
                      <a:pt x="3155" y="175"/>
                    </a:cubicBezTo>
                    <a:cubicBezTo>
                      <a:pt x="3142" y="154"/>
                      <a:pt x="3142" y="154"/>
                      <a:pt x="3142" y="154"/>
                    </a:cubicBezTo>
                    <a:cubicBezTo>
                      <a:pt x="3075" y="196"/>
                      <a:pt x="3010" y="245"/>
                      <a:pt x="2938" y="311"/>
                    </a:cubicBezTo>
                    <a:close/>
                    <a:moveTo>
                      <a:pt x="3882" y="35"/>
                    </a:moveTo>
                    <a:cubicBezTo>
                      <a:pt x="3969" y="48"/>
                      <a:pt x="4048" y="69"/>
                      <a:pt x="4125" y="101"/>
                    </a:cubicBezTo>
                    <a:cubicBezTo>
                      <a:pt x="4134" y="78"/>
                      <a:pt x="4134" y="78"/>
                      <a:pt x="4134" y="78"/>
                    </a:cubicBezTo>
                    <a:cubicBezTo>
                      <a:pt x="4055" y="46"/>
                      <a:pt x="3974" y="24"/>
                      <a:pt x="3886" y="12"/>
                    </a:cubicBezTo>
                    <a:lnTo>
                      <a:pt x="3882" y="35"/>
                    </a:lnTo>
                    <a:close/>
                    <a:moveTo>
                      <a:pt x="2569" y="663"/>
                    </a:moveTo>
                    <a:cubicBezTo>
                      <a:pt x="2585" y="681"/>
                      <a:pt x="2585" y="681"/>
                      <a:pt x="2585" y="681"/>
                    </a:cubicBezTo>
                    <a:cubicBezTo>
                      <a:pt x="2651" y="625"/>
                      <a:pt x="2713" y="564"/>
                      <a:pt x="2771" y="506"/>
                    </a:cubicBezTo>
                    <a:cubicBezTo>
                      <a:pt x="2754" y="489"/>
                      <a:pt x="2754" y="489"/>
                      <a:pt x="2754" y="489"/>
                    </a:cubicBezTo>
                    <a:cubicBezTo>
                      <a:pt x="2697" y="546"/>
                      <a:pt x="2635" y="607"/>
                      <a:pt x="2569" y="663"/>
                    </a:cubicBezTo>
                    <a:close/>
                    <a:moveTo>
                      <a:pt x="3376" y="48"/>
                    </a:moveTo>
                    <a:cubicBezTo>
                      <a:pt x="3383" y="70"/>
                      <a:pt x="3383" y="70"/>
                      <a:pt x="3383" y="70"/>
                    </a:cubicBezTo>
                    <a:cubicBezTo>
                      <a:pt x="3460" y="47"/>
                      <a:pt x="3543" y="32"/>
                      <a:pt x="3630" y="27"/>
                    </a:cubicBezTo>
                    <a:cubicBezTo>
                      <a:pt x="3629" y="3"/>
                      <a:pt x="3629" y="3"/>
                      <a:pt x="3629" y="3"/>
                    </a:cubicBezTo>
                    <a:cubicBezTo>
                      <a:pt x="3540" y="8"/>
                      <a:pt x="3455" y="23"/>
                      <a:pt x="3376" y="48"/>
                    </a:cubicBezTo>
                    <a:close/>
                    <a:moveTo>
                      <a:pt x="2128" y="897"/>
                    </a:moveTo>
                    <a:cubicBezTo>
                      <a:pt x="2134" y="920"/>
                      <a:pt x="2134" y="920"/>
                      <a:pt x="2134" y="920"/>
                    </a:cubicBezTo>
                    <a:cubicBezTo>
                      <a:pt x="2218" y="900"/>
                      <a:pt x="2297" y="870"/>
                      <a:pt x="2374" y="828"/>
                    </a:cubicBezTo>
                    <a:cubicBezTo>
                      <a:pt x="2362" y="807"/>
                      <a:pt x="2362" y="807"/>
                      <a:pt x="2362" y="807"/>
                    </a:cubicBezTo>
                    <a:cubicBezTo>
                      <a:pt x="2287" y="848"/>
                      <a:pt x="2211" y="877"/>
                      <a:pt x="2128" y="897"/>
                    </a:cubicBezTo>
                    <a:close/>
                    <a:moveTo>
                      <a:pt x="4343" y="225"/>
                    </a:moveTo>
                    <a:cubicBezTo>
                      <a:pt x="4403" y="268"/>
                      <a:pt x="4462" y="319"/>
                      <a:pt x="4536" y="390"/>
                    </a:cubicBezTo>
                    <a:cubicBezTo>
                      <a:pt x="4552" y="372"/>
                      <a:pt x="4552" y="372"/>
                      <a:pt x="4552" y="372"/>
                    </a:cubicBezTo>
                    <a:cubicBezTo>
                      <a:pt x="4478" y="301"/>
                      <a:pt x="4418" y="250"/>
                      <a:pt x="4357" y="205"/>
                    </a:cubicBezTo>
                    <a:lnTo>
                      <a:pt x="4343" y="225"/>
                    </a:lnTo>
                    <a:close/>
                    <a:moveTo>
                      <a:pt x="807" y="341"/>
                    </a:moveTo>
                    <a:cubicBezTo>
                      <a:pt x="791" y="359"/>
                      <a:pt x="791" y="359"/>
                      <a:pt x="791" y="359"/>
                    </a:cubicBezTo>
                    <a:cubicBezTo>
                      <a:pt x="835" y="399"/>
                      <a:pt x="878" y="443"/>
                      <a:pt x="920" y="484"/>
                    </a:cubicBezTo>
                    <a:cubicBezTo>
                      <a:pt x="937" y="502"/>
                      <a:pt x="955" y="520"/>
                      <a:pt x="973" y="537"/>
                    </a:cubicBezTo>
                    <a:cubicBezTo>
                      <a:pt x="990" y="520"/>
                      <a:pt x="990" y="520"/>
                      <a:pt x="990" y="520"/>
                    </a:cubicBezTo>
                    <a:cubicBezTo>
                      <a:pt x="972" y="503"/>
                      <a:pt x="954" y="485"/>
                      <a:pt x="937" y="467"/>
                    </a:cubicBezTo>
                    <a:cubicBezTo>
                      <a:pt x="895" y="426"/>
                      <a:pt x="851" y="382"/>
                      <a:pt x="807" y="341"/>
                    </a:cubicBezTo>
                    <a:close/>
                    <a:moveTo>
                      <a:pt x="371" y="84"/>
                    </a:moveTo>
                    <a:cubicBezTo>
                      <a:pt x="448" y="112"/>
                      <a:pt x="522" y="150"/>
                      <a:pt x="594" y="199"/>
                    </a:cubicBezTo>
                    <a:cubicBezTo>
                      <a:pt x="608" y="179"/>
                      <a:pt x="608" y="179"/>
                      <a:pt x="608" y="179"/>
                    </a:cubicBezTo>
                    <a:cubicBezTo>
                      <a:pt x="533" y="129"/>
                      <a:pt x="458" y="90"/>
                      <a:pt x="379" y="62"/>
                    </a:cubicBezTo>
                    <a:lnTo>
                      <a:pt x="371" y="84"/>
                    </a:lnTo>
                    <a:close/>
                    <a:moveTo>
                      <a:pt x="1856" y="928"/>
                    </a:moveTo>
                    <a:cubicBezTo>
                      <a:pt x="1776" y="928"/>
                      <a:pt x="1699" y="921"/>
                      <a:pt x="1627" y="907"/>
                    </a:cubicBezTo>
                    <a:cubicBezTo>
                      <a:pt x="1623" y="930"/>
                      <a:pt x="1623" y="930"/>
                      <a:pt x="1623" y="930"/>
                    </a:cubicBezTo>
                    <a:cubicBezTo>
                      <a:pt x="1696" y="945"/>
                      <a:pt x="1774" y="952"/>
                      <a:pt x="1856" y="952"/>
                    </a:cubicBezTo>
                    <a:cubicBezTo>
                      <a:pt x="1864" y="952"/>
                      <a:pt x="1871" y="952"/>
                      <a:pt x="1879" y="952"/>
                    </a:cubicBezTo>
                    <a:cubicBezTo>
                      <a:pt x="1879" y="928"/>
                      <a:pt x="1879" y="928"/>
                      <a:pt x="1879" y="928"/>
                    </a:cubicBezTo>
                    <a:cubicBezTo>
                      <a:pt x="1871" y="928"/>
                      <a:pt x="1864" y="928"/>
                      <a:pt x="1856" y="928"/>
                    </a:cubicBezTo>
                    <a:close/>
                    <a:moveTo>
                      <a:pt x="1162" y="710"/>
                    </a:moveTo>
                    <a:cubicBezTo>
                      <a:pt x="1235" y="768"/>
                      <a:pt x="1306" y="813"/>
                      <a:pt x="1379" y="849"/>
                    </a:cubicBezTo>
                    <a:cubicBezTo>
                      <a:pt x="1389" y="827"/>
                      <a:pt x="1389" y="827"/>
                      <a:pt x="1389" y="827"/>
                    </a:cubicBezTo>
                    <a:cubicBezTo>
                      <a:pt x="1318" y="792"/>
                      <a:pt x="1248" y="748"/>
                      <a:pt x="1177" y="691"/>
                    </a:cubicBezTo>
                    <a:lnTo>
                      <a:pt x="1162" y="710"/>
                    </a:lnTo>
                    <a:close/>
                    <a:moveTo>
                      <a:pt x="7877" y="119"/>
                    </a:moveTo>
                    <a:cubicBezTo>
                      <a:pt x="7950" y="153"/>
                      <a:pt x="8020" y="196"/>
                      <a:pt x="8091" y="252"/>
                    </a:cubicBezTo>
                    <a:cubicBezTo>
                      <a:pt x="8106" y="233"/>
                      <a:pt x="8106" y="233"/>
                      <a:pt x="8106" y="233"/>
                    </a:cubicBezTo>
                    <a:cubicBezTo>
                      <a:pt x="8033" y="176"/>
                      <a:pt x="7962" y="132"/>
                      <a:pt x="7888" y="97"/>
                    </a:cubicBezTo>
                    <a:lnTo>
                      <a:pt x="7877" y="119"/>
                    </a:lnTo>
                    <a:close/>
                    <a:moveTo>
                      <a:pt x="7386" y="1"/>
                    </a:moveTo>
                    <a:cubicBezTo>
                      <a:pt x="7387" y="25"/>
                      <a:pt x="7387" y="25"/>
                      <a:pt x="7387" y="25"/>
                    </a:cubicBezTo>
                    <a:cubicBezTo>
                      <a:pt x="7399" y="24"/>
                      <a:pt x="7411" y="24"/>
                      <a:pt x="7424" y="24"/>
                    </a:cubicBezTo>
                    <a:cubicBezTo>
                      <a:pt x="7499" y="24"/>
                      <a:pt x="7571" y="30"/>
                      <a:pt x="7638" y="43"/>
                    </a:cubicBezTo>
                    <a:cubicBezTo>
                      <a:pt x="7642" y="19"/>
                      <a:pt x="7642" y="19"/>
                      <a:pt x="7642" y="19"/>
                    </a:cubicBezTo>
                    <a:cubicBezTo>
                      <a:pt x="7574" y="6"/>
                      <a:pt x="7500" y="0"/>
                      <a:pt x="7424" y="0"/>
                    </a:cubicBezTo>
                    <a:cubicBezTo>
                      <a:pt x="7411" y="0"/>
                      <a:pt x="7399" y="0"/>
                      <a:pt x="7386" y="1"/>
                    </a:cubicBezTo>
                    <a:close/>
                    <a:moveTo>
                      <a:pt x="8297" y="404"/>
                    </a:moveTo>
                    <a:cubicBezTo>
                      <a:pt x="8280" y="421"/>
                      <a:pt x="8280" y="421"/>
                      <a:pt x="8280" y="421"/>
                    </a:cubicBezTo>
                    <a:cubicBezTo>
                      <a:pt x="8301" y="442"/>
                      <a:pt x="8323" y="464"/>
                      <a:pt x="8343" y="485"/>
                    </a:cubicBezTo>
                    <a:cubicBezTo>
                      <a:pt x="8382" y="523"/>
                      <a:pt x="8422" y="563"/>
                      <a:pt x="8462" y="601"/>
                    </a:cubicBezTo>
                    <a:cubicBezTo>
                      <a:pt x="8478" y="583"/>
                      <a:pt x="8478" y="583"/>
                      <a:pt x="8478" y="583"/>
                    </a:cubicBezTo>
                    <a:cubicBezTo>
                      <a:pt x="8438" y="546"/>
                      <a:pt x="8399" y="506"/>
                      <a:pt x="8360" y="468"/>
                    </a:cubicBezTo>
                    <a:cubicBezTo>
                      <a:pt x="8340" y="447"/>
                      <a:pt x="8318" y="425"/>
                      <a:pt x="8297" y="404"/>
                    </a:cubicBezTo>
                    <a:close/>
                    <a:moveTo>
                      <a:pt x="6893" y="131"/>
                    </a:moveTo>
                    <a:cubicBezTo>
                      <a:pt x="6905" y="152"/>
                      <a:pt x="6905" y="152"/>
                      <a:pt x="6905" y="152"/>
                    </a:cubicBezTo>
                    <a:cubicBezTo>
                      <a:pt x="6980" y="110"/>
                      <a:pt x="7056" y="80"/>
                      <a:pt x="7138" y="58"/>
                    </a:cubicBezTo>
                    <a:cubicBezTo>
                      <a:pt x="7132" y="35"/>
                      <a:pt x="7132" y="35"/>
                      <a:pt x="7132" y="35"/>
                    </a:cubicBezTo>
                    <a:cubicBezTo>
                      <a:pt x="7048" y="57"/>
                      <a:pt x="6970" y="88"/>
                      <a:pt x="6893" y="131"/>
                    </a:cubicBezTo>
                    <a:close/>
                    <a:moveTo>
                      <a:pt x="8660" y="765"/>
                    </a:moveTo>
                    <a:cubicBezTo>
                      <a:pt x="8734" y="816"/>
                      <a:pt x="8808" y="855"/>
                      <a:pt x="8887" y="885"/>
                    </a:cubicBezTo>
                    <a:cubicBezTo>
                      <a:pt x="8895" y="863"/>
                      <a:pt x="8895" y="863"/>
                      <a:pt x="8895" y="863"/>
                    </a:cubicBezTo>
                    <a:cubicBezTo>
                      <a:pt x="8819" y="834"/>
                      <a:pt x="8746" y="795"/>
                      <a:pt x="8673" y="745"/>
                    </a:cubicBezTo>
                    <a:lnTo>
                      <a:pt x="8660" y="765"/>
                    </a:lnTo>
                    <a:close/>
                    <a:moveTo>
                      <a:pt x="6498" y="457"/>
                    </a:moveTo>
                    <a:cubicBezTo>
                      <a:pt x="6515" y="474"/>
                      <a:pt x="6515" y="474"/>
                      <a:pt x="6515" y="474"/>
                    </a:cubicBezTo>
                    <a:cubicBezTo>
                      <a:pt x="6579" y="410"/>
                      <a:pt x="6637" y="353"/>
                      <a:pt x="6700" y="299"/>
                    </a:cubicBezTo>
                    <a:cubicBezTo>
                      <a:pt x="6684" y="281"/>
                      <a:pt x="6684" y="281"/>
                      <a:pt x="6684" y="281"/>
                    </a:cubicBezTo>
                    <a:cubicBezTo>
                      <a:pt x="6621" y="335"/>
                      <a:pt x="6562" y="393"/>
                      <a:pt x="6498" y="457"/>
                    </a:cubicBezTo>
                    <a:close/>
                    <a:moveTo>
                      <a:pt x="4717" y="569"/>
                    </a:moveTo>
                    <a:cubicBezTo>
                      <a:pt x="4767" y="618"/>
                      <a:pt x="4834" y="681"/>
                      <a:pt x="4911" y="738"/>
                    </a:cubicBezTo>
                    <a:cubicBezTo>
                      <a:pt x="4925" y="719"/>
                      <a:pt x="4925" y="719"/>
                      <a:pt x="4925" y="719"/>
                    </a:cubicBezTo>
                    <a:cubicBezTo>
                      <a:pt x="4850" y="663"/>
                      <a:pt x="4783" y="600"/>
                      <a:pt x="4734" y="552"/>
                    </a:cubicBezTo>
                    <a:lnTo>
                      <a:pt x="4717" y="569"/>
                    </a:lnTo>
                    <a:close/>
                    <a:moveTo>
                      <a:pt x="5635" y="926"/>
                    </a:moveTo>
                    <a:cubicBezTo>
                      <a:pt x="5636" y="950"/>
                      <a:pt x="5636" y="950"/>
                      <a:pt x="5636" y="950"/>
                    </a:cubicBezTo>
                    <a:cubicBezTo>
                      <a:pt x="5725" y="946"/>
                      <a:pt x="5811" y="932"/>
                      <a:pt x="5890" y="909"/>
                    </a:cubicBezTo>
                    <a:cubicBezTo>
                      <a:pt x="5883" y="886"/>
                      <a:pt x="5883" y="886"/>
                      <a:pt x="5883" y="886"/>
                    </a:cubicBezTo>
                    <a:cubicBezTo>
                      <a:pt x="5806" y="908"/>
                      <a:pt x="5722" y="922"/>
                      <a:pt x="5635" y="926"/>
                    </a:cubicBezTo>
                    <a:close/>
                    <a:moveTo>
                      <a:pt x="5132" y="868"/>
                    </a:moveTo>
                    <a:cubicBezTo>
                      <a:pt x="5211" y="902"/>
                      <a:pt x="5292" y="925"/>
                      <a:pt x="5380" y="938"/>
                    </a:cubicBezTo>
                    <a:cubicBezTo>
                      <a:pt x="5383" y="914"/>
                      <a:pt x="5383" y="914"/>
                      <a:pt x="5383" y="914"/>
                    </a:cubicBezTo>
                    <a:cubicBezTo>
                      <a:pt x="5297" y="901"/>
                      <a:pt x="5219" y="879"/>
                      <a:pt x="5142" y="846"/>
                    </a:cubicBezTo>
                    <a:lnTo>
                      <a:pt x="5132" y="868"/>
                    </a:lnTo>
                    <a:close/>
                    <a:moveTo>
                      <a:pt x="6113" y="785"/>
                    </a:moveTo>
                    <a:cubicBezTo>
                      <a:pt x="6125" y="805"/>
                      <a:pt x="6125" y="805"/>
                      <a:pt x="6125" y="805"/>
                    </a:cubicBezTo>
                    <a:cubicBezTo>
                      <a:pt x="6193" y="765"/>
                      <a:pt x="6258" y="716"/>
                      <a:pt x="6331" y="651"/>
                    </a:cubicBezTo>
                    <a:cubicBezTo>
                      <a:pt x="6315" y="633"/>
                      <a:pt x="6315" y="633"/>
                      <a:pt x="6315" y="633"/>
                    </a:cubicBezTo>
                    <a:cubicBezTo>
                      <a:pt x="6244" y="697"/>
                      <a:pt x="6179" y="745"/>
                      <a:pt x="6113" y="785"/>
                    </a:cubicBezTo>
                    <a:close/>
                    <a:moveTo>
                      <a:pt x="9155" y="922"/>
                    </a:moveTo>
                    <a:cubicBezTo>
                      <a:pt x="9153" y="946"/>
                      <a:pt x="9153" y="946"/>
                      <a:pt x="9153" y="946"/>
                    </a:cubicBezTo>
                    <a:cubicBezTo>
                      <a:pt x="9194" y="950"/>
                      <a:pt x="9236" y="952"/>
                      <a:pt x="9280" y="952"/>
                    </a:cubicBezTo>
                    <a:cubicBezTo>
                      <a:pt x="9280" y="928"/>
                      <a:pt x="9280" y="928"/>
                      <a:pt x="9280" y="928"/>
                    </a:cubicBezTo>
                    <a:cubicBezTo>
                      <a:pt x="9237" y="928"/>
                      <a:pt x="9195" y="926"/>
                      <a:pt x="9155" y="922"/>
                    </a:cubicBezTo>
                    <a:close/>
                  </a:path>
                </a:pathLst>
              </a:custGeom>
              <a:solidFill>
                <a:schemeClr val="bg1"/>
              </a:solidFill>
              <a:ln>
                <a:noFill/>
              </a:ln>
            </p:spPr>
            <p:txBody>
              <a:bodyPr vert="horz" wrap="square" lIns="68580" tIns="34290" rIns="68580" bIns="34290" numCol="1" anchor="t" anchorCtr="0" compatLnSpc="1">
                <a:prstTxWarp prst="textNoShape">
                  <a:avLst/>
                </a:prstTxWarp>
              </a:bodyPr>
              <a:lstStyle/>
              <a:p>
                <a:endParaRPr lang="en-US" sz="1350"/>
              </a:p>
            </p:txBody>
          </p:sp>
        </p:grpSp>
        <p:sp>
          <p:nvSpPr>
            <p:cNvPr id="9" name="Oval 56">
              <a:extLst>
                <a:ext uri="{FF2B5EF4-FFF2-40B4-BE49-F238E27FC236}">
                  <a16:creationId xmlns:a16="http://schemas.microsoft.com/office/drawing/2014/main" id="{D1EC8ACD-37CE-48E3-298A-060BAB566914}"/>
                </a:ext>
              </a:extLst>
            </p:cNvPr>
            <p:cNvSpPr>
              <a:spLocks noChangeArrowheads="1"/>
            </p:cNvSpPr>
            <p:nvPr/>
          </p:nvSpPr>
          <p:spPr bwMode="auto">
            <a:xfrm>
              <a:off x="1455220" y="2902354"/>
              <a:ext cx="711980" cy="712528"/>
            </a:xfrm>
            <a:prstGeom prst="ellipse">
              <a:avLst/>
            </a:prstGeom>
            <a:solidFill>
              <a:schemeClr val="accent1"/>
            </a:solidFill>
            <a:ln w="31750">
              <a:solidFill>
                <a:schemeClr val="bg1">
                  <a:lumMod val="95000"/>
                </a:schemeClr>
              </a:solidFill>
            </a:ln>
          </p:spPr>
          <p:txBody>
            <a:bodyPr vert="horz" wrap="square" lIns="68580" tIns="34290" rIns="68580" bIns="34290" numCol="1" anchor="t" anchorCtr="0" compatLnSpc="1">
              <a:prstTxWarp prst="textNoShape">
                <a:avLst/>
              </a:prstTxWarp>
            </a:bodyPr>
            <a:lstStyle/>
            <a:p>
              <a:endParaRPr lang="ru-UA" sz="1350" dirty="0">
                <a:solidFill>
                  <a:schemeClr val="tx1">
                    <a:lumMod val="75000"/>
                    <a:lumOff val="25000"/>
                  </a:schemeClr>
                </a:solidFill>
              </a:endParaRPr>
            </a:p>
          </p:txBody>
        </p:sp>
        <p:cxnSp>
          <p:nvCxnSpPr>
            <p:cNvPr id="10" name="Straight Connector 9">
              <a:extLst>
                <a:ext uri="{FF2B5EF4-FFF2-40B4-BE49-F238E27FC236}">
                  <a16:creationId xmlns:a16="http://schemas.microsoft.com/office/drawing/2014/main" id="{4D65BAD7-2F7C-D9CC-1B28-FB29BB208A20}"/>
                </a:ext>
              </a:extLst>
            </p:cNvPr>
            <p:cNvCxnSpPr>
              <a:cxnSpLocks/>
            </p:cNvCxnSpPr>
            <p:nvPr/>
          </p:nvCxnSpPr>
          <p:spPr>
            <a:xfrm rot="10800000">
              <a:off x="1811211" y="2408367"/>
              <a:ext cx="0" cy="536651"/>
            </a:xfrm>
            <a:prstGeom prst="line">
              <a:avLst/>
            </a:prstGeom>
            <a:ln w="19050">
              <a:solidFill>
                <a:schemeClr val="accent1"/>
              </a:solidFill>
              <a:tailEnd type="oval"/>
            </a:ln>
          </p:spPr>
          <p:style>
            <a:lnRef idx="1">
              <a:schemeClr val="accent1"/>
            </a:lnRef>
            <a:fillRef idx="0">
              <a:schemeClr val="accent1"/>
            </a:fillRef>
            <a:effectRef idx="0">
              <a:schemeClr val="accent1"/>
            </a:effectRef>
            <a:fontRef idx="minor">
              <a:schemeClr val="tx1"/>
            </a:fontRef>
          </p:style>
        </p:cxnSp>
        <p:sp>
          <p:nvSpPr>
            <p:cNvPr id="11" name="Inhaltsplatzhalter 4">
              <a:extLst>
                <a:ext uri="{FF2B5EF4-FFF2-40B4-BE49-F238E27FC236}">
                  <a16:creationId xmlns:a16="http://schemas.microsoft.com/office/drawing/2014/main" id="{B22401D8-1CCE-AD7B-F1CB-D3909B65DEC4}"/>
                </a:ext>
              </a:extLst>
            </p:cNvPr>
            <p:cNvSpPr txBox="1">
              <a:spLocks/>
            </p:cNvSpPr>
            <p:nvPr/>
          </p:nvSpPr>
          <p:spPr>
            <a:xfrm>
              <a:off x="1029576" y="1886531"/>
              <a:ext cx="1563268" cy="395244"/>
            </a:xfrm>
            <a:prstGeom prst="rect">
              <a:avLst/>
            </a:prstGeom>
          </p:spPr>
          <p:txBody>
            <a:bodyPr wrap="square" lIns="0" tIns="0" rIns="0" bIns="0" anchor="b">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lnSpc>
                  <a:spcPct val="110000"/>
                </a:lnSpc>
                <a:buNone/>
              </a:pPr>
              <a:r>
                <a:rPr lang="en-US" sz="1600" b="1" dirty="0">
                  <a:solidFill>
                    <a:schemeClr val="accent1"/>
                  </a:solidFill>
                  <a:latin typeface="+mn-lt"/>
                </a:rPr>
                <a:t>Engagement in Design Sessions</a:t>
              </a:r>
            </a:p>
          </p:txBody>
        </p:sp>
        <p:sp>
          <p:nvSpPr>
            <p:cNvPr id="12" name="Oval 56">
              <a:extLst>
                <a:ext uri="{FF2B5EF4-FFF2-40B4-BE49-F238E27FC236}">
                  <a16:creationId xmlns:a16="http://schemas.microsoft.com/office/drawing/2014/main" id="{DFAFF8D2-DAC5-EF62-C60E-399FCA6EABA8}"/>
                </a:ext>
              </a:extLst>
            </p:cNvPr>
            <p:cNvSpPr>
              <a:spLocks noChangeArrowheads="1"/>
            </p:cNvSpPr>
            <p:nvPr/>
          </p:nvSpPr>
          <p:spPr bwMode="auto">
            <a:xfrm>
              <a:off x="5194596" y="2902354"/>
              <a:ext cx="711980" cy="712528"/>
            </a:xfrm>
            <a:prstGeom prst="ellipse">
              <a:avLst/>
            </a:prstGeom>
            <a:solidFill>
              <a:schemeClr val="accent3"/>
            </a:solidFill>
            <a:ln w="31750">
              <a:solidFill>
                <a:schemeClr val="bg1">
                  <a:lumMod val="95000"/>
                </a:schemeClr>
              </a:solidFill>
            </a:ln>
          </p:spPr>
          <p:txBody>
            <a:bodyPr vert="horz" wrap="square" lIns="68580" tIns="34290" rIns="68580" bIns="34290" numCol="1" anchor="t" anchorCtr="0" compatLnSpc="1">
              <a:prstTxWarp prst="textNoShape">
                <a:avLst/>
              </a:prstTxWarp>
            </a:bodyPr>
            <a:lstStyle/>
            <a:p>
              <a:endParaRPr lang="ru-UA" sz="1350" dirty="0">
                <a:solidFill>
                  <a:schemeClr val="tx1">
                    <a:lumMod val="75000"/>
                    <a:lumOff val="25000"/>
                  </a:schemeClr>
                </a:solidFill>
              </a:endParaRPr>
            </a:p>
          </p:txBody>
        </p:sp>
        <p:cxnSp>
          <p:nvCxnSpPr>
            <p:cNvPr id="13" name="Straight Connector 12">
              <a:extLst>
                <a:ext uri="{FF2B5EF4-FFF2-40B4-BE49-F238E27FC236}">
                  <a16:creationId xmlns:a16="http://schemas.microsoft.com/office/drawing/2014/main" id="{71FAB3F6-82C5-A0E5-9C8E-CE062D6C1F11}"/>
                </a:ext>
              </a:extLst>
            </p:cNvPr>
            <p:cNvCxnSpPr>
              <a:cxnSpLocks/>
            </p:cNvCxnSpPr>
            <p:nvPr/>
          </p:nvCxnSpPr>
          <p:spPr>
            <a:xfrm rot="10800000">
              <a:off x="5550587" y="2408367"/>
              <a:ext cx="0" cy="536651"/>
            </a:xfrm>
            <a:prstGeom prst="line">
              <a:avLst/>
            </a:prstGeom>
            <a:ln w="19050">
              <a:solidFill>
                <a:schemeClr val="accent3"/>
              </a:solidFill>
              <a:tailEnd type="oval"/>
            </a:ln>
          </p:spPr>
          <p:style>
            <a:lnRef idx="1">
              <a:schemeClr val="accent1"/>
            </a:lnRef>
            <a:fillRef idx="0">
              <a:schemeClr val="accent1"/>
            </a:fillRef>
            <a:effectRef idx="0">
              <a:schemeClr val="accent1"/>
            </a:effectRef>
            <a:fontRef idx="minor">
              <a:schemeClr val="tx1"/>
            </a:fontRef>
          </p:style>
        </p:cxnSp>
        <p:sp>
          <p:nvSpPr>
            <p:cNvPr id="14" name="Inhaltsplatzhalter 4">
              <a:extLst>
                <a:ext uri="{FF2B5EF4-FFF2-40B4-BE49-F238E27FC236}">
                  <a16:creationId xmlns:a16="http://schemas.microsoft.com/office/drawing/2014/main" id="{0F692ECD-ECEA-A0FD-F5DA-D7784C910840}"/>
                </a:ext>
              </a:extLst>
            </p:cNvPr>
            <p:cNvSpPr txBox="1">
              <a:spLocks/>
            </p:cNvSpPr>
            <p:nvPr/>
          </p:nvSpPr>
          <p:spPr>
            <a:xfrm>
              <a:off x="4768952" y="1667295"/>
              <a:ext cx="1563268" cy="614481"/>
            </a:xfrm>
            <a:prstGeom prst="rect">
              <a:avLst/>
            </a:prstGeom>
          </p:spPr>
          <p:txBody>
            <a:bodyPr wrap="square" lIns="0" tIns="0" rIns="0" bIns="0" anchor="b">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lnSpc>
                  <a:spcPct val="110000"/>
                </a:lnSpc>
                <a:buNone/>
              </a:pPr>
              <a:r>
                <a:rPr lang="en-US" sz="1600" b="1" dirty="0">
                  <a:solidFill>
                    <a:schemeClr val="accent3"/>
                  </a:solidFill>
                  <a:latin typeface="+mn-lt"/>
                </a:rPr>
                <a:t>Training</a:t>
              </a:r>
            </a:p>
            <a:p>
              <a:pPr marL="0" indent="0" algn="ctr">
                <a:lnSpc>
                  <a:spcPct val="110000"/>
                </a:lnSpc>
                <a:buNone/>
              </a:pPr>
              <a:r>
                <a:rPr lang="en-US" sz="1100" dirty="0">
                  <a:solidFill>
                    <a:schemeClr val="tx1">
                      <a:lumMod val="75000"/>
                      <a:lumOff val="25000"/>
                    </a:schemeClr>
                  </a:solidFill>
                  <a:latin typeface="+mn-lt"/>
                </a:rPr>
                <a:t>Training to build internal capacity for self-service analytics (early 2028)</a:t>
              </a:r>
            </a:p>
          </p:txBody>
        </p:sp>
        <p:sp>
          <p:nvSpPr>
            <p:cNvPr id="15" name="Oval 56">
              <a:extLst>
                <a:ext uri="{FF2B5EF4-FFF2-40B4-BE49-F238E27FC236}">
                  <a16:creationId xmlns:a16="http://schemas.microsoft.com/office/drawing/2014/main" id="{8E991D5C-2AB8-70ED-7B07-EB19E2961767}"/>
                </a:ext>
              </a:extLst>
            </p:cNvPr>
            <p:cNvSpPr>
              <a:spLocks noChangeArrowheads="1"/>
            </p:cNvSpPr>
            <p:nvPr/>
          </p:nvSpPr>
          <p:spPr bwMode="auto">
            <a:xfrm>
              <a:off x="3297216" y="1988127"/>
              <a:ext cx="711980" cy="712528"/>
            </a:xfrm>
            <a:prstGeom prst="ellipse">
              <a:avLst/>
            </a:prstGeom>
            <a:solidFill>
              <a:schemeClr val="accent2"/>
            </a:solidFill>
            <a:ln w="31750">
              <a:solidFill>
                <a:schemeClr val="bg1">
                  <a:lumMod val="95000"/>
                </a:schemeClr>
              </a:solidFill>
            </a:ln>
          </p:spPr>
          <p:txBody>
            <a:bodyPr vert="horz" wrap="square" lIns="68580" tIns="34290" rIns="68580" bIns="34290" numCol="1" anchor="t" anchorCtr="0" compatLnSpc="1">
              <a:prstTxWarp prst="textNoShape">
                <a:avLst/>
              </a:prstTxWarp>
            </a:bodyPr>
            <a:lstStyle/>
            <a:p>
              <a:endParaRPr lang="ru-UA" sz="1350" dirty="0">
                <a:solidFill>
                  <a:schemeClr val="tx1">
                    <a:lumMod val="75000"/>
                    <a:lumOff val="25000"/>
                  </a:schemeClr>
                </a:solidFill>
              </a:endParaRPr>
            </a:p>
          </p:txBody>
        </p:sp>
        <p:cxnSp>
          <p:nvCxnSpPr>
            <p:cNvPr id="16" name="Straight Connector 15">
              <a:extLst>
                <a:ext uri="{FF2B5EF4-FFF2-40B4-BE49-F238E27FC236}">
                  <a16:creationId xmlns:a16="http://schemas.microsoft.com/office/drawing/2014/main" id="{43B082E7-A80E-6748-CD95-FB15D3171CE8}"/>
                </a:ext>
              </a:extLst>
            </p:cNvPr>
            <p:cNvCxnSpPr>
              <a:cxnSpLocks/>
            </p:cNvCxnSpPr>
            <p:nvPr/>
          </p:nvCxnSpPr>
          <p:spPr>
            <a:xfrm>
              <a:off x="3653205" y="2657991"/>
              <a:ext cx="0" cy="536651"/>
            </a:xfrm>
            <a:prstGeom prst="line">
              <a:avLst/>
            </a:prstGeom>
            <a:ln w="19050">
              <a:solidFill>
                <a:schemeClr val="accent2"/>
              </a:solidFill>
              <a:tailEnd type="oval"/>
            </a:ln>
          </p:spPr>
          <p:style>
            <a:lnRef idx="1">
              <a:schemeClr val="accent1"/>
            </a:lnRef>
            <a:fillRef idx="0">
              <a:schemeClr val="accent1"/>
            </a:fillRef>
            <a:effectRef idx="0">
              <a:schemeClr val="accent1"/>
            </a:effectRef>
            <a:fontRef idx="minor">
              <a:schemeClr val="tx1"/>
            </a:fontRef>
          </p:style>
        </p:cxnSp>
        <p:sp>
          <p:nvSpPr>
            <p:cNvPr id="17" name="Inhaltsplatzhalter 4">
              <a:extLst>
                <a:ext uri="{FF2B5EF4-FFF2-40B4-BE49-F238E27FC236}">
                  <a16:creationId xmlns:a16="http://schemas.microsoft.com/office/drawing/2014/main" id="{613C8DBF-04D8-27F8-DDBF-A6372FFA5794}"/>
                </a:ext>
              </a:extLst>
            </p:cNvPr>
            <p:cNvSpPr txBox="1">
              <a:spLocks/>
            </p:cNvSpPr>
            <p:nvPr/>
          </p:nvSpPr>
          <p:spPr>
            <a:xfrm>
              <a:off x="2871572" y="3321234"/>
              <a:ext cx="1563268" cy="614481"/>
            </a:xfrm>
            <a:prstGeom prst="rect">
              <a:avLst/>
            </a:prstGeom>
          </p:spPr>
          <p:txBody>
            <a:bodyPr wrap="square" lIns="0" tIns="0" rIns="0" bIns="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lnSpc>
                  <a:spcPct val="110000"/>
                </a:lnSpc>
                <a:buNone/>
              </a:pPr>
              <a:r>
                <a:rPr lang="en-US" sz="1600" b="1" dirty="0">
                  <a:solidFill>
                    <a:schemeClr val="accent2"/>
                  </a:solidFill>
                  <a:latin typeface="+mn-lt"/>
                </a:rPr>
                <a:t>Focus Groups</a:t>
              </a:r>
            </a:p>
            <a:p>
              <a:pPr marL="0" indent="0" algn="ctr">
                <a:lnSpc>
                  <a:spcPct val="110000"/>
                </a:lnSpc>
                <a:buNone/>
              </a:pPr>
              <a:r>
                <a:rPr lang="en-US" sz="1100" dirty="0">
                  <a:solidFill>
                    <a:schemeClr val="tx1">
                      <a:lumMod val="75000"/>
                      <a:lumOff val="25000"/>
                    </a:schemeClr>
                  </a:solidFill>
                  <a:latin typeface="+mn-lt"/>
                </a:rPr>
                <a:t>What are the key metrics for dashboards and cross-institutional comparisons? </a:t>
              </a:r>
            </a:p>
          </p:txBody>
        </p:sp>
        <p:sp>
          <p:nvSpPr>
            <p:cNvPr id="18" name="Oval 56">
              <a:extLst>
                <a:ext uri="{FF2B5EF4-FFF2-40B4-BE49-F238E27FC236}">
                  <a16:creationId xmlns:a16="http://schemas.microsoft.com/office/drawing/2014/main" id="{CA6316A6-12EA-5D7E-2D47-89C20057BE7A}"/>
                </a:ext>
              </a:extLst>
            </p:cNvPr>
            <p:cNvSpPr>
              <a:spLocks noChangeArrowheads="1"/>
            </p:cNvSpPr>
            <p:nvPr/>
          </p:nvSpPr>
          <p:spPr bwMode="auto">
            <a:xfrm>
              <a:off x="6962436" y="1988127"/>
              <a:ext cx="711980" cy="712528"/>
            </a:xfrm>
            <a:prstGeom prst="ellipse">
              <a:avLst/>
            </a:prstGeom>
            <a:solidFill>
              <a:schemeClr val="accent4"/>
            </a:solidFill>
            <a:ln w="31750">
              <a:solidFill>
                <a:schemeClr val="bg1">
                  <a:lumMod val="95000"/>
                </a:schemeClr>
              </a:solidFill>
            </a:ln>
          </p:spPr>
          <p:txBody>
            <a:bodyPr vert="horz" wrap="square" lIns="68580" tIns="34290" rIns="68580" bIns="34290" numCol="1" anchor="t" anchorCtr="0" compatLnSpc="1">
              <a:prstTxWarp prst="textNoShape">
                <a:avLst/>
              </a:prstTxWarp>
            </a:bodyPr>
            <a:lstStyle/>
            <a:p>
              <a:endParaRPr lang="ru-UA" sz="1350" dirty="0">
                <a:solidFill>
                  <a:schemeClr val="tx1">
                    <a:lumMod val="75000"/>
                    <a:lumOff val="25000"/>
                  </a:schemeClr>
                </a:solidFill>
              </a:endParaRPr>
            </a:p>
          </p:txBody>
        </p:sp>
        <p:cxnSp>
          <p:nvCxnSpPr>
            <p:cNvPr id="19" name="Straight Connector 18">
              <a:extLst>
                <a:ext uri="{FF2B5EF4-FFF2-40B4-BE49-F238E27FC236}">
                  <a16:creationId xmlns:a16="http://schemas.microsoft.com/office/drawing/2014/main" id="{43440187-03D9-AE60-2CCA-157D1827FAD6}"/>
                </a:ext>
              </a:extLst>
            </p:cNvPr>
            <p:cNvCxnSpPr>
              <a:cxnSpLocks/>
            </p:cNvCxnSpPr>
            <p:nvPr/>
          </p:nvCxnSpPr>
          <p:spPr>
            <a:xfrm>
              <a:off x="7318425" y="2657991"/>
              <a:ext cx="0" cy="536651"/>
            </a:xfrm>
            <a:prstGeom prst="line">
              <a:avLst/>
            </a:prstGeom>
            <a:ln w="19050">
              <a:solidFill>
                <a:schemeClr val="accent4"/>
              </a:solidFill>
              <a:tailEnd type="oval"/>
            </a:ln>
          </p:spPr>
          <p:style>
            <a:lnRef idx="1">
              <a:schemeClr val="accent1"/>
            </a:lnRef>
            <a:fillRef idx="0">
              <a:schemeClr val="accent1"/>
            </a:fillRef>
            <a:effectRef idx="0">
              <a:schemeClr val="accent1"/>
            </a:effectRef>
            <a:fontRef idx="minor">
              <a:schemeClr val="tx1"/>
            </a:fontRef>
          </p:style>
        </p:cxnSp>
        <p:sp>
          <p:nvSpPr>
            <p:cNvPr id="20" name="Inhaltsplatzhalter 4">
              <a:extLst>
                <a:ext uri="{FF2B5EF4-FFF2-40B4-BE49-F238E27FC236}">
                  <a16:creationId xmlns:a16="http://schemas.microsoft.com/office/drawing/2014/main" id="{E3B57CD5-CE77-14DA-701F-0C74900F1F8A}"/>
                </a:ext>
              </a:extLst>
            </p:cNvPr>
            <p:cNvSpPr txBox="1">
              <a:spLocks/>
            </p:cNvSpPr>
            <p:nvPr/>
          </p:nvSpPr>
          <p:spPr>
            <a:xfrm>
              <a:off x="6536792" y="3321234"/>
              <a:ext cx="1563268" cy="677958"/>
            </a:xfrm>
            <a:prstGeom prst="rect">
              <a:avLst/>
            </a:prstGeom>
          </p:spPr>
          <p:txBody>
            <a:bodyPr wrap="square" lIns="0" tIns="0" rIns="0" bIns="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lnSpc>
                  <a:spcPct val="110000"/>
                </a:lnSpc>
                <a:buNone/>
              </a:pPr>
              <a:r>
                <a:rPr lang="en-US" sz="1600" b="1" dirty="0">
                  <a:solidFill>
                    <a:schemeClr val="accent4"/>
                  </a:solidFill>
                  <a:latin typeface="+mn-lt"/>
                </a:rPr>
                <a:t>Consider Current Dashboards</a:t>
              </a:r>
            </a:p>
            <a:p>
              <a:pPr marL="0" indent="0" algn="ctr">
                <a:lnSpc>
                  <a:spcPct val="110000"/>
                </a:lnSpc>
                <a:buNone/>
              </a:pPr>
              <a:r>
                <a:rPr lang="en-US" sz="1100" dirty="0">
                  <a:solidFill>
                    <a:schemeClr val="tx1">
                      <a:lumMod val="75000"/>
                      <a:lumOff val="25000"/>
                    </a:schemeClr>
                  </a:solidFill>
                  <a:latin typeface="+mn-lt"/>
                </a:rPr>
                <a:t>Consider how current dashboards might be affected</a:t>
              </a:r>
            </a:p>
          </p:txBody>
        </p:sp>
      </p:grpSp>
      <p:grpSp>
        <p:nvGrpSpPr>
          <p:cNvPr id="26" name="Graphic 58">
            <a:extLst>
              <a:ext uri="{FF2B5EF4-FFF2-40B4-BE49-F238E27FC236}">
                <a16:creationId xmlns:a16="http://schemas.microsoft.com/office/drawing/2014/main" id="{4D76AD93-9527-35CD-1326-DBFFFC410DA7}"/>
              </a:ext>
            </a:extLst>
          </p:cNvPr>
          <p:cNvGrpSpPr/>
          <p:nvPr/>
        </p:nvGrpSpPr>
        <p:grpSpPr>
          <a:xfrm>
            <a:off x="4690411" y="3055067"/>
            <a:ext cx="428918" cy="466940"/>
            <a:chOff x="2332139" y="133350"/>
            <a:chExt cx="4479683" cy="4876790"/>
          </a:xfrm>
          <a:solidFill>
            <a:schemeClr val="bg1"/>
          </a:solidFill>
        </p:grpSpPr>
        <p:sp>
          <p:nvSpPr>
            <p:cNvPr id="27" name="Freeform: Shape 26">
              <a:extLst>
                <a:ext uri="{FF2B5EF4-FFF2-40B4-BE49-F238E27FC236}">
                  <a16:creationId xmlns:a16="http://schemas.microsoft.com/office/drawing/2014/main" id="{69D5F4EA-1E97-3E9F-3629-33CA9DC9C04F}"/>
                </a:ext>
              </a:extLst>
            </p:cNvPr>
            <p:cNvSpPr/>
            <p:nvPr/>
          </p:nvSpPr>
          <p:spPr>
            <a:xfrm>
              <a:off x="4470196" y="2242594"/>
              <a:ext cx="203625" cy="203625"/>
            </a:xfrm>
            <a:custGeom>
              <a:avLst/>
              <a:gdLst>
                <a:gd name="connsiteX0" fmla="*/ 203625 w 203625"/>
                <a:gd name="connsiteY0" fmla="*/ 101813 h 203625"/>
                <a:gd name="connsiteX1" fmla="*/ 101813 w 203625"/>
                <a:gd name="connsiteY1" fmla="*/ 203625 h 203625"/>
                <a:gd name="connsiteX2" fmla="*/ 0 w 203625"/>
                <a:gd name="connsiteY2" fmla="*/ 101813 h 203625"/>
                <a:gd name="connsiteX3" fmla="*/ 101813 w 203625"/>
                <a:gd name="connsiteY3" fmla="*/ 0 h 203625"/>
                <a:gd name="connsiteX4" fmla="*/ 203625 w 203625"/>
                <a:gd name="connsiteY4" fmla="*/ 101813 h 2036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3625" h="203625">
                  <a:moveTo>
                    <a:pt x="203625" y="101813"/>
                  </a:moveTo>
                  <a:cubicBezTo>
                    <a:pt x="203625" y="158042"/>
                    <a:pt x="158043" y="203625"/>
                    <a:pt x="101813" y="203625"/>
                  </a:cubicBezTo>
                  <a:cubicBezTo>
                    <a:pt x="45583" y="203625"/>
                    <a:pt x="0" y="158042"/>
                    <a:pt x="0" y="101813"/>
                  </a:cubicBezTo>
                  <a:cubicBezTo>
                    <a:pt x="0" y="45583"/>
                    <a:pt x="45583" y="0"/>
                    <a:pt x="101813" y="0"/>
                  </a:cubicBezTo>
                  <a:cubicBezTo>
                    <a:pt x="158043" y="0"/>
                    <a:pt x="203625" y="45583"/>
                    <a:pt x="203625" y="101813"/>
                  </a:cubicBezTo>
                  <a:close/>
                </a:path>
              </a:pathLst>
            </a:custGeom>
            <a:grpFill/>
            <a:ln w="9525" cap="flat">
              <a:noFill/>
              <a:prstDash val="solid"/>
              <a:miter/>
            </a:ln>
          </p:spPr>
          <p:txBody>
            <a:bodyPr rtlCol="0" anchor="ctr"/>
            <a:lstStyle/>
            <a:p>
              <a:endParaRPr lang="en-US"/>
            </a:p>
          </p:txBody>
        </p:sp>
        <p:sp>
          <p:nvSpPr>
            <p:cNvPr id="28" name="Freeform: Shape 27">
              <a:extLst>
                <a:ext uri="{FF2B5EF4-FFF2-40B4-BE49-F238E27FC236}">
                  <a16:creationId xmlns:a16="http://schemas.microsoft.com/office/drawing/2014/main" id="{35A3978F-256A-288B-2AE5-B47FFCCC35E9}"/>
                </a:ext>
              </a:extLst>
            </p:cNvPr>
            <p:cNvSpPr/>
            <p:nvPr/>
          </p:nvSpPr>
          <p:spPr>
            <a:xfrm>
              <a:off x="4470196" y="2585294"/>
              <a:ext cx="203625" cy="203625"/>
            </a:xfrm>
            <a:custGeom>
              <a:avLst/>
              <a:gdLst>
                <a:gd name="connsiteX0" fmla="*/ 203625 w 203625"/>
                <a:gd name="connsiteY0" fmla="*/ 101813 h 203625"/>
                <a:gd name="connsiteX1" fmla="*/ 101813 w 203625"/>
                <a:gd name="connsiteY1" fmla="*/ 203625 h 203625"/>
                <a:gd name="connsiteX2" fmla="*/ 0 w 203625"/>
                <a:gd name="connsiteY2" fmla="*/ 101813 h 203625"/>
                <a:gd name="connsiteX3" fmla="*/ 101813 w 203625"/>
                <a:gd name="connsiteY3" fmla="*/ 0 h 203625"/>
                <a:gd name="connsiteX4" fmla="*/ 203625 w 203625"/>
                <a:gd name="connsiteY4" fmla="*/ 101813 h 2036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3625" h="203625">
                  <a:moveTo>
                    <a:pt x="203625" y="101813"/>
                  </a:moveTo>
                  <a:cubicBezTo>
                    <a:pt x="203625" y="158042"/>
                    <a:pt x="158043" y="203625"/>
                    <a:pt x="101813" y="203625"/>
                  </a:cubicBezTo>
                  <a:cubicBezTo>
                    <a:pt x="45583" y="203625"/>
                    <a:pt x="0" y="158042"/>
                    <a:pt x="0" y="101813"/>
                  </a:cubicBezTo>
                  <a:cubicBezTo>
                    <a:pt x="0" y="45583"/>
                    <a:pt x="45583" y="0"/>
                    <a:pt x="101813" y="0"/>
                  </a:cubicBezTo>
                  <a:cubicBezTo>
                    <a:pt x="158043" y="0"/>
                    <a:pt x="203625" y="45583"/>
                    <a:pt x="203625" y="101813"/>
                  </a:cubicBezTo>
                  <a:close/>
                </a:path>
              </a:pathLst>
            </a:custGeom>
            <a:grpFill/>
            <a:ln w="9525" cap="flat">
              <a:noFill/>
              <a:prstDash val="solid"/>
              <a:miter/>
            </a:ln>
          </p:spPr>
          <p:txBody>
            <a:bodyPr rtlCol="0" anchor="ctr"/>
            <a:lstStyle/>
            <a:p>
              <a:endParaRPr lang="en-US"/>
            </a:p>
          </p:txBody>
        </p:sp>
        <p:sp>
          <p:nvSpPr>
            <p:cNvPr id="29" name="Freeform: Shape 28">
              <a:extLst>
                <a:ext uri="{FF2B5EF4-FFF2-40B4-BE49-F238E27FC236}">
                  <a16:creationId xmlns:a16="http://schemas.microsoft.com/office/drawing/2014/main" id="{74505370-B477-AFA2-E78B-DB80F72EBB2A}"/>
                </a:ext>
              </a:extLst>
            </p:cNvPr>
            <p:cNvSpPr/>
            <p:nvPr/>
          </p:nvSpPr>
          <p:spPr>
            <a:xfrm>
              <a:off x="2332139" y="133350"/>
              <a:ext cx="4479683" cy="4876790"/>
            </a:xfrm>
            <a:custGeom>
              <a:avLst/>
              <a:gdLst>
                <a:gd name="connsiteX0" fmla="*/ 3835918 w 4479683"/>
                <a:gd name="connsiteY0" fmla="*/ 1069753 h 4876790"/>
                <a:gd name="connsiteX1" fmla="*/ 3924862 w 4479683"/>
                <a:gd name="connsiteY1" fmla="*/ 791594 h 4876790"/>
                <a:gd name="connsiteX2" fmla="*/ 3924862 w 4479683"/>
                <a:gd name="connsiteY2" fmla="*/ 481060 h 4876790"/>
                <a:gd name="connsiteX3" fmla="*/ 3443802 w 4479683"/>
                <a:gd name="connsiteY3" fmla="*/ 0 h 4876790"/>
                <a:gd name="connsiteX4" fmla="*/ 3377622 w 4479683"/>
                <a:gd name="connsiteY4" fmla="*/ 0 h 4876790"/>
                <a:gd name="connsiteX5" fmla="*/ 2896562 w 4479683"/>
                <a:gd name="connsiteY5" fmla="*/ 481060 h 4876790"/>
                <a:gd name="connsiteX6" fmla="*/ 2896562 w 4479683"/>
                <a:gd name="connsiteY6" fmla="*/ 791585 h 4876790"/>
                <a:gd name="connsiteX7" fmla="*/ 2984992 w 4479683"/>
                <a:gd name="connsiteY7" fmla="*/ 1069019 h 4876790"/>
                <a:gd name="connsiteX8" fmla="*/ 2665581 w 4479683"/>
                <a:gd name="connsiteY8" fmla="*/ 1069019 h 4876790"/>
                <a:gd name="connsiteX9" fmla="*/ 2754021 w 4479683"/>
                <a:gd name="connsiteY9" fmla="*/ 791585 h 4876790"/>
                <a:gd name="connsiteX10" fmla="*/ 2754021 w 4479683"/>
                <a:gd name="connsiteY10" fmla="*/ 481060 h 4876790"/>
                <a:gd name="connsiteX11" fmla="*/ 2272960 w 4479683"/>
                <a:gd name="connsiteY11" fmla="*/ 0 h 4876790"/>
                <a:gd name="connsiteX12" fmla="*/ 2206781 w 4479683"/>
                <a:gd name="connsiteY12" fmla="*/ 0 h 4876790"/>
                <a:gd name="connsiteX13" fmla="*/ 1725721 w 4479683"/>
                <a:gd name="connsiteY13" fmla="*/ 481060 h 4876790"/>
                <a:gd name="connsiteX14" fmla="*/ 1725721 w 4479683"/>
                <a:gd name="connsiteY14" fmla="*/ 791585 h 4876790"/>
                <a:gd name="connsiteX15" fmla="*/ 1814179 w 4479683"/>
                <a:gd name="connsiteY15" fmla="*/ 1069019 h 4876790"/>
                <a:gd name="connsiteX16" fmla="*/ 1494768 w 4479683"/>
                <a:gd name="connsiteY16" fmla="*/ 1069019 h 4876790"/>
                <a:gd name="connsiteX17" fmla="*/ 1583188 w 4479683"/>
                <a:gd name="connsiteY17" fmla="*/ 791585 h 4876790"/>
                <a:gd name="connsiteX18" fmla="*/ 1583188 w 4479683"/>
                <a:gd name="connsiteY18" fmla="*/ 481060 h 4876790"/>
                <a:gd name="connsiteX19" fmla="*/ 1102119 w 4479683"/>
                <a:gd name="connsiteY19" fmla="*/ 0 h 4876790"/>
                <a:gd name="connsiteX20" fmla="*/ 1035939 w 4479683"/>
                <a:gd name="connsiteY20" fmla="*/ 0 h 4876790"/>
                <a:gd name="connsiteX21" fmla="*/ 554879 w 4479683"/>
                <a:gd name="connsiteY21" fmla="*/ 481060 h 4876790"/>
                <a:gd name="connsiteX22" fmla="*/ 554879 w 4479683"/>
                <a:gd name="connsiteY22" fmla="*/ 791585 h 4876790"/>
                <a:gd name="connsiteX23" fmla="*/ 643823 w 4479683"/>
                <a:gd name="connsiteY23" fmla="*/ 1069743 h 4876790"/>
                <a:gd name="connsiteX24" fmla="*/ 0 w 4479683"/>
                <a:gd name="connsiteY24" fmla="*/ 1738436 h 4876790"/>
                <a:gd name="connsiteX25" fmla="*/ 0 w 4479683"/>
                <a:gd name="connsiteY25" fmla="*/ 2731103 h 4876790"/>
                <a:gd name="connsiteX26" fmla="*/ 375609 w 4479683"/>
                <a:gd name="connsiteY26" fmla="*/ 3105264 h 4876790"/>
                <a:gd name="connsiteX27" fmla="*/ 381800 w 4479683"/>
                <a:gd name="connsiteY27" fmla="*/ 3104950 h 4876790"/>
                <a:gd name="connsiteX28" fmla="*/ 381800 w 4479683"/>
                <a:gd name="connsiteY28" fmla="*/ 4537424 h 4876790"/>
                <a:gd name="connsiteX29" fmla="*/ 721166 w 4479683"/>
                <a:gd name="connsiteY29" fmla="*/ 4876791 h 4876790"/>
                <a:gd name="connsiteX30" fmla="*/ 831456 w 4479683"/>
                <a:gd name="connsiteY30" fmla="*/ 4876791 h 4876790"/>
                <a:gd name="connsiteX31" fmla="*/ 1069010 w 4479683"/>
                <a:gd name="connsiteY31" fmla="*/ 4779559 h 4876790"/>
                <a:gd name="connsiteX32" fmla="*/ 1306563 w 4479683"/>
                <a:gd name="connsiteY32" fmla="*/ 4876791 h 4876790"/>
                <a:gd name="connsiteX33" fmla="*/ 1416853 w 4479683"/>
                <a:gd name="connsiteY33" fmla="*/ 4876791 h 4876790"/>
                <a:gd name="connsiteX34" fmla="*/ 1654312 w 4479683"/>
                <a:gd name="connsiteY34" fmla="*/ 4779369 h 4876790"/>
                <a:gd name="connsiteX35" fmla="*/ 1891979 w 4479683"/>
                <a:gd name="connsiteY35" fmla="*/ 4876791 h 4876790"/>
                <a:gd name="connsiteX36" fmla="*/ 2002269 w 4479683"/>
                <a:gd name="connsiteY36" fmla="*/ 4876791 h 4876790"/>
                <a:gd name="connsiteX37" fmla="*/ 2239823 w 4479683"/>
                <a:gd name="connsiteY37" fmla="*/ 4779559 h 4876790"/>
                <a:gd name="connsiteX38" fmla="*/ 2477386 w 4479683"/>
                <a:gd name="connsiteY38" fmla="*/ 4876791 h 4876790"/>
                <a:gd name="connsiteX39" fmla="*/ 2587685 w 4479683"/>
                <a:gd name="connsiteY39" fmla="*/ 4876791 h 4876790"/>
                <a:gd name="connsiteX40" fmla="*/ 2825353 w 4479683"/>
                <a:gd name="connsiteY40" fmla="*/ 4779369 h 4876790"/>
                <a:gd name="connsiteX41" fmla="*/ 3062802 w 4479683"/>
                <a:gd name="connsiteY41" fmla="*/ 4876791 h 4876790"/>
                <a:gd name="connsiteX42" fmla="*/ 3173101 w 4479683"/>
                <a:gd name="connsiteY42" fmla="*/ 4876791 h 4876790"/>
                <a:gd name="connsiteX43" fmla="*/ 3410655 w 4479683"/>
                <a:gd name="connsiteY43" fmla="*/ 4779559 h 4876790"/>
                <a:gd name="connsiteX44" fmla="*/ 3648218 w 4479683"/>
                <a:gd name="connsiteY44" fmla="*/ 4876791 h 4876790"/>
                <a:gd name="connsiteX45" fmla="*/ 3758517 w 4479683"/>
                <a:gd name="connsiteY45" fmla="*/ 4876791 h 4876790"/>
                <a:gd name="connsiteX46" fmla="*/ 4097884 w 4479683"/>
                <a:gd name="connsiteY46" fmla="*/ 4537424 h 4876790"/>
                <a:gd name="connsiteX47" fmla="*/ 4097884 w 4479683"/>
                <a:gd name="connsiteY47" fmla="*/ 3104950 h 4876790"/>
                <a:gd name="connsiteX48" fmla="*/ 4104075 w 4479683"/>
                <a:gd name="connsiteY48" fmla="*/ 3105264 h 4876790"/>
                <a:gd name="connsiteX49" fmla="*/ 4479684 w 4479683"/>
                <a:gd name="connsiteY49" fmla="*/ 2731103 h 4876790"/>
                <a:gd name="connsiteX50" fmla="*/ 4479684 w 4479683"/>
                <a:gd name="connsiteY50" fmla="*/ 1738446 h 4876790"/>
                <a:gd name="connsiteX51" fmla="*/ 3835918 w 4479683"/>
                <a:gd name="connsiteY51" fmla="*/ 1069753 h 4876790"/>
                <a:gd name="connsiteX52" fmla="*/ 3100188 w 4479683"/>
                <a:gd name="connsiteY52" fmla="*/ 481060 h 4876790"/>
                <a:gd name="connsiteX53" fmla="*/ 3377622 w 4479683"/>
                <a:gd name="connsiteY53" fmla="*/ 203625 h 4876790"/>
                <a:gd name="connsiteX54" fmla="*/ 3443802 w 4479683"/>
                <a:gd name="connsiteY54" fmla="*/ 203625 h 4876790"/>
                <a:gd name="connsiteX55" fmla="*/ 3721237 w 4479683"/>
                <a:gd name="connsiteY55" fmla="*/ 481060 h 4876790"/>
                <a:gd name="connsiteX56" fmla="*/ 3721237 w 4479683"/>
                <a:gd name="connsiteY56" fmla="*/ 791585 h 4876790"/>
                <a:gd name="connsiteX57" fmla="*/ 3443802 w 4479683"/>
                <a:gd name="connsiteY57" fmla="*/ 1069019 h 4876790"/>
                <a:gd name="connsiteX58" fmla="*/ 3377622 w 4479683"/>
                <a:gd name="connsiteY58" fmla="*/ 1069019 h 4876790"/>
                <a:gd name="connsiteX59" fmla="*/ 3100188 w 4479683"/>
                <a:gd name="connsiteY59" fmla="*/ 791585 h 4876790"/>
                <a:gd name="connsiteX60" fmla="*/ 3100188 w 4479683"/>
                <a:gd name="connsiteY60" fmla="*/ 481060 h 4876790"/>
                <a:gd name="connsiteX61" fmla="*/ 1929346 w 4479683"/>
                <a:gd name="connsiteY61" fmla="*/ 481060 h 4876790"/>
                <a:gd name="connsiteX62" fmla="*/ 2206781 w 4479683"/>
                <a:gd name="connsiteY62" fmla="*/ 203625 h 4876790"/>
                <a:gd name="connsiteX63" fmla="*/ 2272960 w 4479683"/>
                <a:gd name="connsiteY63" fmla="*/ 203625 h 4876790"/>
                <a:gd name="connsiteX64" fmla="*/ 2550395 w 4479683"/>
                <a:gd name="connsiteY64" fmla="*/ 481060 h 4876790"/>
                <a:gd name="connsiteX65" fmla="*/ 2550395 w 4479683"/>
                <a:gd name="connsiteY65" fmla="*/ 791585 h 4876790"/>
                <a:gd name="connsiteX66" fmla="*/ 2272960 w 4479683"/>
                <a:gd name="connsiteY66" fmla="*/ 1069019 h 4876790"/>
                <a:gd name="connsiteX67" fmla="*/ 2206781 w 4479683"/>
                <a:gd name="connsiteY67" fmla="*/ 1069019 h 4876790"/>
                <a:gd name="connsiteX68" fmla="*/ 1929346 w 4479683"/>
                <a:gd name="connsiteY68" fmla="*/ 791585 h 4876790"/>
                <a:gd name="connsiteX69" fmla="*/ 1929346 w 4479683"/>
                <a:gd name="connsiteY69" fmla="*/ 481060 h 4876790"/>
                <a:gd name="connsiteX70" fmla="*/ 2475338 w 4479683"/>
                <a:gd name="connsiteY70" fmla="*/ 1272654 h 4876790"/>
                <a:gd name="connsiteX71" fmla="*/ 2239871 w 4479683"/>
                <a:gd name="connsiteY71" fmla="*/ 1659036 h 4876790"/>
                <a:gd name="connsiteX72" fmla="*/ 2004403 w 4479683"/>
                <a:gd name="connsiteY72" fmla="*/ 1272654 h 4876790"/>
                <a:gd name="connsiteX73" fmla="*/ 2475338 w 4479683"/>
                <a:gd name="connsiteY73" fmla="*/ 1272654 h 4876790"/>
                <a:gd name="connsiteX74" fmla="*/ 758504 w 4479683"/>
                <a:gd name="connsiteY74" fmla="*/ 481060 h 4876790"/>
                <a:gd name="connsiteX75" fmla="*/ 1035939 w 4479683"/>
                <a:gd name="connsiteY75" fmla="*/ 203625 h 4876790"/>
                <a:gd name="connsiteX76" fmla="*/ 1102119 w 4479683"/>
                <a:gd name="connsiteY76" fmla="*/ 203625 h 4876790"/>
                <a:gd name="connsiteX77" fmla="*/ 1379553 w 4479683"/>
                <a:gd name="connsiteY77" fmla="*/ 481060 h 4876790"/>
                <a:gd name="connsiteX78" fmla="*/ 1379553 w 4479683"/>
                <a:gd name="connsiteY78" fmla="*/ 791585 h 4876790"/>
                <a:gd name="connsiteX79" fmla="*/ 1102119 w 4479683"/>
                <a:gd name="connsiteY79" fmla="*/ 1069019 h 4876790"/>
                <a:gd name="connsiteX80" fmla="*/ 1035939 w 4479683"/>
                <a:gd name="connsiteY80" fmla="*/ 1069019 h 4876790"/>
                <a:gd name="connsiteX81" fmla="*/ 758504 w 4479683"/>
                <a:gd name="connsiteY81" fmla="*/ 791585 h 4876790"/>
                <a:gd name="connsiteX82" fmla="*/ 758504 w 4479683"/>
                <a:gd name="connsiteY82" fmla="*/ 481060 h 4876790"/>
                <a:gd name="connsiteX83" fmla="*/ 483613 w 4479683"/>
                <a:gd name="connsiteY83" fmla="*/ 1980248 h 4876790"/>
                <a:gd name="connsiteX84" fmla="*/ 381800 w 4479683"/>
                <a:gd name="connsiteY84" fmla="*/ 2082060 h 4876790"/>
                <a:gd name="connsiteX85" fmla="*/ 381800 w 4479683"/>
                <a:gd name="connsiteY85" fmla="*/ 2082089 h 4876790"/>
                <a:gd name="connsiteX86" fmla="*/ 381800 w 4479683"/>
                <a:gd name="connsiteY86" fmla="*/ 2901953 h 4876790"/>
                <a:gd name="connsiteX87" fmla="*/ 375609 w 4479683"/>
                <a:gd name="connsiteY87" fmla="*/ 2901639 h 4876790"/>
                <a:gd name="connsiteX88" fmla="*/ 203625 w 4479683"/>
                <a:gd name="connsiteY88" fmla="*/ 2731103 h 4876790"/>
                <a:gd name="connsiteX89" fmla="*/ 203625 w 4479683"/>
                <a:gd name="connsiteY89" fmla="*/ 1738436 h 4876790"/>
                <a:gd name="connsiteX90" fmla="*/ 672417 w 4479683"/>
                <a:gd name="connsiteY90" fmla="*/ 1272645 h 4876790"/>
                <a:gd name="connsiteX91" fmla="*/ 1360923 w 4479683"/>
                <a:gd name="connsiteY91" fmla="*/ 1272645 h 4876790"/>
                <a:gd name="connsiteX92" fmla="*/ 1170851 w 4479683"/>
                <a:gd name="connsiteY92" fmla="*/ 1738436 h 4876790"/>
                <a:gd name="connsiteX93" fmla="*/ 1170851 w 4479683"/>
                <a:gd name="connsiteY93" fmla="*/ 2731103 h 4876790"/>
                <a:gd name="connsiteX94" fmla="*/ 1183262 w 4479683"/>
                <a:gd name="connsiteY94" fmla="*/ 2826487 h 4876790"/>
                <a:gd name="connsiteX95" fmla="*/ 1069239 w 4479683"/>
                <a:gd name="connsiteY95" fmla="*/ 2884227 h 4876790"/>
                <a:gd name="connsiteX96" fmla="*/ 585416 w 4479683"/>
                <a:gd name="connsiteY96" fmla="*/ 2638168 h 4876790"/>
                <a:gd name="connsiteX97" fmla="*/ 585416 w 4479683"/>
                <a:gd name="connsiteY97" fmla="*/ 2082098 h 4876790"/>
                <a:gd name="connsiteX98" fmla="*/ 585416 w 4479683"/>
                <a:gd name="connsiteY98" fmla="*/ 2082060 h 4876790"/>
                <a:gd name="connsiteX99" fmla="*/ 483613 w 4479683"/>
                <a:gd name="connsiteY99" fmla="*/ 1980248 h 4876790"/>
                <a:gd name="connsiteX100" fmla="*/ 1552642 w 4479683"/>
                <a:gd name="connsiteY100" fmla="*/ 4537424 h 4876790"/>
                <a:gd name="connsiteX101" fmla="*/ 1416891 w 4479683"/>
                <a:gd name="connsiteY101" fmla="*/ 4673184 h 4876790"/>
                <a:gd name="connsiteX102" fmla="*/ 1306602 w 4479683"/>
                <a:gd name="connsiteY102" fmla="*/ 4673184 h 4876790"/>
                <a:gd name="connsiteX103" fmla="*/ 1170851 w 4479683"/>
                <a:gd name="connsiteY103" fmla="*/ 4537434 h 4876790"/>
                <a:gd name="connsiteX104" fmla="*/ 1170851 w 4479683"/>
                <a:gd name="connsiteY104" fmla="*/ 3418342 h 4876790"/>
                <a:gd name="connsiteX105" fmla="*/ 1069038 w 4479683"/>
                <a:gd name="connsiteY105" fmla="*/ 3316529 h 4876790"/>
                <a:gd name="connsiteX106" fmla="*/ 967226 w 4479683"/>
                <a:gd name="connsiteY106" fmla="*/ 3418342 h 4876790"/>
                <a:gd name="connsiteX107" fmla="*/ 967226 w 4479683"/>
                <a:gd name="connsiteY107" fmla="*/ 4537434 h 4876790"/>
                <a:gd name="connsiteX108" fmla="*/ 831475 w 4479683"/>
                <a:gd name="connsiteY108" fmla="*/ 4673184 h 4876790"/>
                <a:gd name="connsiteX109" fmla="*/ 721166 w 4479683"/>
                <a:gd name="connsiteY109" fmla="*/ 4673184 h 4876790"/>
                <a:gd name="connsiteX110" fmla="*/ 585416 w 4479683"/>
                <a:gd name="connsiteY110" fmla="*/ 4537434 h 4876790"/>
                <a:gd name="connsiteX111" fmla="*/ 585416 w 4479683"/>
                <a:gd name="connsiteY111" fmla="*/ 2866616 h 4876790"/>
                <a:gd name="connsiteX112" fmla="*/ 1022975 w 4479683"/>
                <a:gd name="connsiteY112" fmla="*/ 3089158 h 4876790"/>
                <a:gd name="connsiteX113" fmla="*/ 1069124 w 4479683"/>
                <a:gd name="connsiteY113" fmla="*/ 3100216 h 4876790"/>
                <a:gd name="connsiteX114" fmla="*/ 1115120 w 4479683"/>
                <a:gd name="connsiteY114" fmla="*/ 3089234 h 4876790"/>
                <a:gd name="connsiteX115" fmla="*/ 1287628 w 4479683"/>
                <a:gd name="connsiteY115" fmla="*/ 3001880 h 4876790"/>
                <a:gd name="connsiteX116" fmla="*/ 1546431 w 4479683"/>
                <a:gd name="connsiteY116" fmla="*/ 3105274 h 4876790"/>
                <a:gd name="connsiteX117" fmla="*/ 1552623 w 4479683"/>
                <a:gd name="connsiteY117" fmla="*/ 3104960 h 4876790"/>
                <a:gd name="connsiteX118" fmla="*/ 1552623 w 4479683"/>
                <a:gd name="connsiteY118" fmla="*/ 4537424 h 4876790"/>
                <a:gd name="connsiteX119" fmla="*/ 2723474 w 4479683"/>
                <a:gd name="connsiteY119" fmla="*/ 4537434 h 4876790"/>
                <a:gd name="connsiteX120" fmla="*/ 2587724 w 4479683"/>
                <a:gd name="connsiteY120" fmla="*/ 4673184 h 4876790"/>
                <a:gd name="connsiteX121" fmla="*/ 2477424 w 4479683"/>
                <a:gd name="connsiteY121" fmla="*/ 4673184 h 4876790"/>
                <a:gd name="connsiteX122" fmla="*/ 2341674 w 4479683"/>
                <a:gd name="connsiteY122" fmla="*/ 4537434 h 4876790"/>
                <a:gd name="connsiteX123" fmla="*/ 2341674 w 4479683"/>
                <a:gd name="connsiteY123" fmla="*/ 3418342 h 4876790"/>
                <a:gd name="connsiteX124" fmla="*/ 2239861 w 4479683"/>
                <a:gd name="connsiteY124" fmla="*/ 3316529 h 4876790"/>
                <a:gd name="connsiteX125" fmla="*/ 2138048 w 4479683"/>
                <a:gd name="connsiteY125" fmla="*/ 3418342 h 4876790"/>
                <a:gd name="connsiteX126" fmla="*/ 2138048 w 4479683"/>
                <a:gd name="connsiteY126" fmla="*/ 4537434 h 4876790"/>
                <a:gd name="connsiteX127" fmla="*/ 2002298 w 4479683"/>
                <a:gd name="connsiteY127" fmla="*/ 4673184 h 4876790"/>
                <a:gd name="connsiteX128" fmla="*/ 1892008 w 4479683"/>
                <a:gd name="connsiteY128" fmla="*/ 4673184 h 4876790"/>
                <a:gd name="connsiteX129" fmla="*/ 1756258 w 4479683"/>
                <a:gd name="connsiteY129" fmla="*/ 4537434 h 4876790"/>
                <a:gd name="connsiteX130" fmla="*/ 1756258 w 4479683"/>
                <a:gd name="connsiteY130" fmla="*/ 2867702 h 4876790"/>
                <a:gd name="connsiteX131" fmla="*/ 2193779 w 4479683"/>
                <a:gd name="connsiteY131" fmla="*/ 3089234 h 4876790"/>
                <a:gd name="connsiteX132" fmla="*/ 2239775 w 4479683"/>
                <a:gd name="connsiteY132" fmla="*/ 3100216 h 4876790"/>
                <a:gd name="connsiteX133" fmla="*/ 2285924 w 4479683"/>
                <a:gd name="connsiteY133" fmla="*/ 3089158 h 4876790"/>
                <a:gd name="connsiteX134" fmla="*/ 2723464 w 4479683"/>
                <a:gd name="connsiteY134" fmla="*/ 2866606 h 4876790"/>
                <a:gd name="connsiteX135" fmla="*/ 2723464 w 4479683"/>
                <a:gd name="connsiteY135" fmla="*/ 4537434 h 4876790"/>
                <a:gd name="connsiteX136" fmla="*/ 2825287 w 4479683"/>
                <a:gd name="connsiteY136" fmla="*/ 1980248 h 4876790"/>
                <a:gd name="connsiteX137" fmla="*/ 2723474 w 4479683"/>
                <a:gd name="connsiteY137" fmla="*/ 2082060 h 4876790"/>
                <a:gd name="connsiteX138" fmla="*/ 2723474 w 4479683"/>
                <a:gd name="connsiteY138" fmla="*/ 2082089 h 4876790"/>
                <a:gd name="connsiteX139" fmla="*/ 2723474 w 4479683"/>
                <a:gd name="connsiteY139" fmla="*/ 2638158 h 4876790"/>
                <a:gd name="connsiteX140" fmla="*/ 2239661 w 4479683"/>
                <a:gd name="connsiteY140" fmla="*/ 2884227 h 4876790"/>
                <a:gd name="connsiteX141" fmla="*/ 1756258 w 4479683"/>
                <a:gd name="connsiteY141" fmla="*/ 2639463 h 4876790"/>
                <a:gd name="connsiteX142" fmla="*/ 1756258 w 4479683"/>
                <a:gd name="connsiteY142" fmla="*/ 2082089 h 4876790"/>
                <a:gd name="connsiteX143" fmla="*/ 1756258 w 4479683"/>
                <a:gd name="connsiteY143" fmla="*/ 2082060 h 4876790"/>
                <a:gd name="connsiteX144" fmla="*/ 1654445 w 4479683"/>
                <a:gd name="connsiteY144" fmla="*/ 1980248 h 4876790"/>
                <a:gd name="connsiteX145" fmla="*/ 1552632 w 4479683"/>
                <a:gd name="connsiteY145" fmla="*/ 2082060 h 4876790"/>
                <a:gd name="connsiteX146" fmla="*/ 1552632 w 4479683"/>
                <a:gd name="connsiteY146" fmla="*/ 2082089 h 4876790"/>
                <a:gd name="connsiteX147" fmla="*/ 1552632 w 4479683"/>
                <a:gd name="connsiteY147" fmla="*/ 2901953 h 4876790"/>
                <a:gd name="connsiteX148" fmla="*/ 1546441 w 4479683"/>
                <a:gd name="connsiteY148" fmla="*/ 2901639 h 4876790"/>
                <a:gd name="connsiteX149" fmla="*/ 1374458 w 4479683"/>
                <a:gd name="connsiteY149" fmla="*/ 2731103 h 4876790"/>
                <a:gd name="connsiteX150" fmla="*/ 1374458 w 4479683"/>
                <a:gd name="connsiteY150" fmla="*/ 1738436 h 4876790"/>
                <a:gd name="connsiteX151" fmla="*/ 1769478 w 4479683"/>
                <a:gd name="connsiteY151" fmla="*/ 1278455 h 4876790"/>
                <a:gd name="connsiteX152" fmla="*/ 2152926 w 4479683"/>
                <a:gd name="connsiteY152" fmla="*/ 1907658 h 4876790"/>
                <a:gd name="connsiteX153" fmla="*/ 2239861 w 4479683"/>
                <a:gd name="connsiteY153" fmla="*/ 1956483 h 4876790"/>
                <a:gd name="connsiteX154" fmla="*/ 2326796 w 4479683"/>
                <a:gd name="connsiteY154" fmla="*/ 1907658 h 4876790"/>
                <a:gd name="connsiteX155" fmla="*/ 2710244 w 4479683"/>
                <a:gd name="connsiteY155" fmla="*/ 1278455 h 4876790"/>
                <a:gd name="connsiteX156" fmla="*/ 3105264 w 4479683"/>
                <a:gd name="connsiteY156" fmla="*/ 1738436 h 4876790"/>
                <a:gd name="connsiteX157" fmla="*/ 3105264 w 4479683"/>
                <a:gd name="connsiteY157" fmla="*/ 2731103 h 4876790"/>
                <a:gd name="connsiteX158" fmla="*/ 2933281 w 4479683"/>
                <a:gd name="connsiteY158" fmla="*/ 2901639 h 4876790"/>
                <a:gd name="connsiteX159" fmla="*/ 2927090 w 4479683"/>
                <a:gd name="connsiteY159" fmla="*/ 2901953 h 4876790"/>
                <a:gd name="connsiteX160" fmla="*/ 2927090 w 4479683"/>
                <a:gd name="connsiteY160" fmla="*/ 2082089 h 4876790"/>
                <a:gd name="connsiteX161" fmla="*/ 2927090 w 4479683"/>
                <a:gd name="connsiteY161" fmla="*/ 2082060 h 4876790"/>
                <a:gd name="connsiteX162" fmla="*/ 2825287 w 4479683"/>
                <a:gd name="connsiteY162" fmla="*/ 1980248 h 4876790"/>
                <a:gd name="connsiteX163" fmla="*/ 3894316 w 4479683"/>
                <a:gd name="connsiteY163" fmla="*/ 4537434 h 4876790"/>
                <a:gd name="connsiteX164" fmla="*/ 3758565 w 4479683"/>
                <a:gd name="connsiteY164" fmla="*/ 4673184 h 4876790"/>
                <a:gd name="connsiteX165" fmla="*/ 3648266 w 4479683"/>
                <a:gd name="connsiteY165" fmla="*/ 4673184 h 4876790"/>
                <a:gd name="connsiteX166" fmla="*/ 3512515 w 4479683"/>
                <a:gd name="connsiteY166" fmla="*/ 4537434 h 4876790"/>
                <a:gd name="connsiteX167" fmla="*/ 3512515 w 4479683"/>
                <a:gd name="connsiteY167" fmla="*/ 3418342 h 4876790"/>
                <a:gd name="connsiteX168" fmla="*/ 3410703 w 4479683"/>
                <a:gd name="connsiteY168" fmla="*/ 3316529 h 4876790"/>
                <a:gd name="connsiteX169" fmla="*/ 3308890 w 4479683"/>
                <a:gd name="connsiteY169" fmla="*/ 3418342 h 4876790"/>
                <a:gd name="connsiteX170" fmla="*/ 3308890 w 4479683"/>
                <a:gd name="connsiteY170" fmla="*/ 4537434 h 4876790"/>
                <a:gd name="connsiteX171" fmla="*/ 3173140 w 4479683"/>
                <a:gd name="connsiteY171" fmla="*/ 4673184 h 4876790"/>
                <a:gd name="connsiteX172" fmla="*/ 3062840 w 4479683"/>
                <a:gd name="connsiteY172" fmla="*/ 4673184 h 4876790"/>
                <a:gd name="connsiteX173" fmla="*/ 2927090 w 4479683"/>
                <a:gd name="connsiteY173" fmla="*/ 4537434 h 4876790"/>
                <a:gd name="connsiteX174" fmla="*/ 2927090 w 4479683"/>
                <a:gd name="connsiteY174" fmla="*/ 3104950 h 4876790"/>
                <a:gd name="connsiteX175" fmla="*/ 2933281 w 4479683"/>
                <a:gd name="connsiteY175" fmla="*/ 3105264 h 4876790"/>
                <a:gd name="connsiteX176" fmla="*/ 3192085 w 4479683"/>
                <a:gd name="connsiteY176" fmla="*/ 3001871 h 4876790"/>
                <a:gd name="connsiteX177" fmla="*/ 3364592 w 4479683"/>
                <a:gd name="connsiteY177" fmla="*/ 3089224 h 4876790"/>
                <a:gd name="connsiteX178" fmla="*/ 3410588 w 4479683"/>
                <a:gd name="connsiteY178" fmla="*/ 3100207 h 4876790"/>
                <a:gd name="connsiteX179" fmla="*/ 3456737 w 4479683"/>
                <a:gd name="connsiteY179" fmla="*/ 3089148 h 4876790"/>
                <a:gd name="connsiteX180" fmla="*/ 3894296 w 4479683"/>
                <a:gd name="connsiteY180" fmla="*/ 2866596 h 4876790"/>
                <a:gd name="connsiteX181" fmla="*/ 3894296 w 4479683"/>
                <a:gd name="connsiteY181" fmla="*/ 4537434 h 4876790"/>
                <a:gd name="connsiteX182" fmla="*/ 4104132 w 4479683"/>
                <a:gd name="connsiteY182" fmla="*/ 2901649 h 4876790"/>
                <a:gd name="connsiteX183" fmla="*/ 4097941 w 4479683"/>
                <a:gd name="connsiteY183" fmla="*/ 2901963 h 4876790"/>
                <a:gd name="connsiteX184" fmla="*/ 4097941 w 4479683"/>
                <a:gd name="connsiteY184" fmla="*/ 2082098 h 4876790"/>
                <a:gd name="connsiteX185" fmla="*/ 4097941 w 4479683"/>
                <a:gd name="connsiteY185" fmla="*/ 2082060 h 4876790"/>
                <a:gd name="connsiteX186" fmla="*/ 3996128 w 4479683"/>
                <a:gd name="connsiteY186" fmla="*/ 1980248 h 4876790"/>
                <a:gd name="connsiteX187" fmla="*/ 3894316 w 4479683"/>
                <a:gd name="connsiteY187" fmla="*/ 2082060 h 4876790"/>
                <a:gd name="connsiteX188" fmla="*/ 3894316 w 4479683"/>
                <a:gd name="connsiteY188" fmla="*/ 2082089 h 4876790"/>
                <a:gd name="connsiteX189" fmla="*/ 3894316 w 4479683"/>
                <a:gd name="connsiteY189" fmla="*/ 2638158 h 4876790"/>
                <a:gd name="connsiteX190" fmla="*/ 3410503 w 4479683"/>
                <a:gd name="connsiteY190" fmla="*/ 2884227 h 4876790"/>
                <a:gd name="connsiteX191" fmla="*/ 3296469 w 4479683"/>
                <a:gd name="connsiteY191" fmla="*/ 2826487 h 4876790"/>
                <a:gd name="connsiteX192" fmla="*/ 3308880 w 4479683"/>
                <a:gd name="connsiteY192" fmla="*/ 2731103 h 4876790"/>
                <a:gd name="connsiteX193" fmla="*/ 3308880 w 4479683"/>
                <a:gd name="connsiteY193" fmla="*/ 1738436 h 4876790"/>
                <a:gd name="connsiteX194" fmla="*/ 3118800 w 4479683"/>
                <a:gd name="connsiteY194" fmla="*/ 1272645 h 4876790"/>
                <a:gd name="connsiteX195" fmla="*/ 3807305 w 4479683"/>
                <a:gd name="connsiteY195" fmla="*/ 1272645 h 4876790"/>
                <a:gd name="connsiteX196" fmla="*/ 4276097 w 4479683"/>
                <a:gd name="connsiteY196" fmla="*/ 1738436 h 4876790"/>
                <a:gd name="connsiteX197" fmla="*/ 4276097 w 4479683"/>
                <a:gd name="connsiteY197" fmla="*/ 2731113 h 4876790"/>
                <a:gd name="connsiteX198" fmla="*/ 4276106 w 4479683"/>
                <a:gd name="connsiteY198" fmla="*/ 2731113 h 4876790"/>
                <a:gd name="connsiteX199" fmla="*/ 4104132 w 4479683"/>
                <a:gd name="connsiteY199" fmla="*/ 2901649 h 48767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Lst>
              <a:rect l="l" t="t" r="r" b="b"/>
              <a:pathLst>
                <a:path w="4479683" h="4876790">
                  <a:moveTo>
                    <a:pt x="3835918" y="1069753"/>
                  </a:moveTo>
                  <a:cubicBezTo>
                    <a:pt x="3891829" y="991152"/>
                    <a:pt x="3924862" y="895188"/>
                    <a:pt x="3924862" y="791594"/>
                  </a:cubicBezTo>
                  <a:lnTo>
                    <a:pt x="3924862" y="481060"/>
                  </a:lnTo>
                  <a:cubicBezTo>
                    <a:pt x="3924862" y="215798"/>
                    <a:pt x="3709064" y="0"/>
                    <a:pt x="3443802" y="0"/>
                  </a:cubicBezTo>
                  <a:lnTo>
                    <a:pt x="3377622" y="0"/>
                  </a:lnTo>
                  <a:cubicBezTo>
                    <a:pt x="3112361" y="0"/>
                    <a:pt x="2896562" y="215798"/>
                    <a:pt x="2896562" y="481060"/>
                  </a:cubicBezTo>
                  <a:lnTo>
                    <a:pt x="2896562" y="791585"/>
                  </a:lnTo>
                  <a:cubicBezTo>
                    <a:pt x="2896562" y="894864"/>
                    <a:pt x="2929385" y="990552"/>
                    <a:pt x="2984992" y="1069019"/>
                  </a:cubicBezTo>
                  <a:lnTo>
                    <a:pt x="2665581" y="1069019"/>
                  </a:lnTo>
                  <a:cubicBezTo>
                    <a:pt x="2721188" y="990552"/>
                    <a:pt x="2754021" y="894864"/>
                    <a:pt x="2754021" y="791585"/>
                  </a:cubicBezTo>
                  <a:lnTo>
                    <a:pt x="2754021" y="481060"/>
                  </a:lnTo>
                  <a:cubicBezTo>
                    <a:pt x="2754021" y="215798"/>
                    <a:pt x="2538222" y="0"/>
                    <a:pt x="2272960" y="0"/>
                  </a:cubicBezTo>
                  <a:lnTo>
                    <a:pt x="2206781" y="0"/>
                  </a:lnTo>
                  <a:cubicBezTo>
                    <a:pt x="1941519" y="0"/>
                    <a:pt x="1725721" y="215798"/>
                    <a:pt x="1725721" y="481060"/>
                  </a:cubicBezTo>
                  <a:lnTo>
                    <a:pt x="1725721" y="791585"/>
                  </a:lnTo>
                  <a:cubicBezTo>
                    <a:pt x="1725721" y="894864"/>
                    <a:pt x="1758553" y="990552"/>
                    <a:pt x="1814179" y="1069019"/>
                  </a:cubicBezTo>
                  <a:lnTo>
                    <a:pt x="1494768" y="1069019"/>
                  </a:lnTo>
                  <a:cubicBezTo>
                    <a:pt x="1550365" y="990552"/>
                    <a:pt x="1583188" y="894864"/>
                    <a:pt x="1583188" y="791585"/>
                  </a:cubicBezTo>
                  <a:lnTo>
                    <a:pt x="1583188" y="481060"/>
                  </a:lnTo>
                  <a:cubicBezTo>
                    <a:pt x="1583179" y="215798"/>
                    <a:pt x="1367380" y="0"/>
                    <a:pt x="1102119" y="0"/>
                  </a:cubicBezTo>
                  <a:lnTo>
                    <a:pt x="1035939" y="0"/>
                  </a:lnTo>
                  <a:cubicBezTo>
                    <a:pt x="770677" y="0"/>
                    <a:pt x="554879" y="215798"/>
                    <a:pt x="554879" y="481060"/>
                  </a:cubicBezTo>
                  <a:lnTo>
                    <a:pt x="554879" y="791585"/>
                  </a:lnTo>
                  <a:cubicBezTo>
                    <a:pt x="554879" y="895179"/>
                    <a:pt x="587902" y="991143"/>
                    <a:pt x="643823" y="1069743"/>
                  </a:cubicBezTo>
                  <a:cubicBezTo>
                    <a:pt x="286283" y="1084717"/>
                    <a:pt x="0" y="1378868"/>
                    <a:pt x="0" y="1738436"/>
                  </a:cubicBezTo>
                  <a:lnTo>
                    <a:pt x="0" y="2731103"/>
                  </a:lnTo>
                  <a:cubicBezTo>
                    <a:pt x="0" y="2937415"/>
                    <a:pt x="168488" y="3105264"/>
                    <a:pt x="375609" y="3105264"/>
                  </a:cubicBezTo>
                  <a:cubicBezTo>
                    <a:pt x="377695" y="3105264"/>
                    <a:pt x="379743" y="3105084"/>
                    <a:pt x="381800" y="3104950"/>
                  </a:cubicBezTo>
                  <a:lnTo>
                    <a:pt x="381800" y="4537424"/>
                  </a:lnTo>
                  <a:cubicBezTo>
                    <a:pt x="381800" y="4724553"/>
                    <a:pt x="534038" y="4876791"/>
                    <a:pt x="721166" y="4876791"/>
                  </a:cubicBezTo>
                  <a:lnTo>
                    <a:pt x="831456" y="4876791"/>
                  </a:lnTo>
                  <a:cubicBezTo>
                    <a:pt x="923858" y="4876791"/>
                    <a:pt x="1007755" y="4839672"/>
                    <a:pt x="1069010" y="4779559"/>
                  </a:cubicBezTo>
                  <a:cubicBezTo>
                    <a:pt x="1130275" y="4839672"/>
                    <a:pt x="1214171" y="4876791"/>
                    <a:pt x="1306563" y="4876791"/>
                  </a:cubicBezTo>
                  <a:lnTo>
                    <a:pt x="1416853" y="4876791"/>
                  </a:lnTo>
                  <a:cubicBezTo>
                    <a:pt x="1509274" y="4876791"/>
                    <a:pt x="1593047" y="4839510"/>
                    <a:pt x="1654312" y="4779369"/>
                  </a:cubicBezTo>
                  <a:cubicBezTo>
                    <a:pt x="1715586" y="4839567"/>
                    <a:pt x="1799501" y="4876791"/>
                    <a:pt x="1891979" y="4876791"/>
                  </a:cubicBezTo>
                  <a:lnTo>
                    <a:pt x="2002269" y="4876791"/>
                  </a:lnTo>
                  <a:cubicBezTo>
                    <a:pt x="2094671" y="4876791"/>
                    <a:pt x="2178568" y="4839672"/>
                    <a:pt x="2239823" y="4779559"/>
                  </a:cubicBezTo>
                  <a:cubicBezTo>
                    <a:pt x="2301088" y="4839672"/>
                    <a:pt x="2384984" y="4876791"/>
                    <a:pt x="2477386" y="4876791"/>
                  </a:cubicBezTo>
                  <a:lnTo>
                    <a:pt x="2587685" y="4876791"/>
                  </a:lnTo>
                  <a:cubicBezTo>
                    <a:pt x="2680164" y="4876791"/>
                    <a:pt x="2764088" y="4839567"/>
                    <a:pt x="2825353" y="4779369"/>
                  </a:cubicBezTo>
                  <a:cubicBezTo>
                    <a:pt x="2886599" y="4839510"/>
                    <a:pt x="2970371" y="4876791"/>
                    <a:pt x="3062802" y="4876791"/>
                  </a:cubicBezTo>
                  <a:lnTo>
                    <a:pt x="3173101" y="4876791"/>
                  </a:lnTo>
                  <a:cubicBezTo>
                    <a:pt x="3265494" y="4876791"/>
                    <a:pt x="3349400" y="4839672"/>
                    <a:pt x="3410655" y="4779559"/>
                  </a:cubicBezTo>
                  <a:cubicBezTo>
                    <a:pt x="3471920" y="4839672"/>
                    <a:pt x="3555816" y="4876791"/>
                    <a:pt x="3648218" y="4876791"/>
                  </a:cubicBezTo>
                  <a:lnTo>
                    <a:pt x="3758517" y="4876791"/>
                  </a:lnTo>
                  <a:cubicBezTo>
                    <a:pt x="3945646" y="4876791"/>
                    <a:pt x="4097884" y="4724553"/>
                    <a:pt x="4097884" y="4537424"/>
                  </a:cubicBezTo>
                  <a:lnTo>
                    <a:pt x="4097884" y="3104950"/>
                  </a:lnTo>
                  <a:cubicBezTo>
                    <a:pt x="4099941" y="3105074"/>
                    <a:pt x="4101989" y="3105264"/>
                    <a:pt x="4104075" y="3105264"/>
                  </a:cubicBezTo>
                  <a:cubicBezTo>
                    <a:pt x="4311177" y="3105264"/>
                    <a:pt x="4479684" y="2937415"/>
                    <a:pt x="4479684" y="2731103"/>
                  </a:cubicBezTo>
                  <a:lnTo>
                    <a:pt x="4479684" y="1738446"/>
                  </a:lnTo>
                  <a:cubicBezTo>
                    <a:pt x="4479741" y="1378868"/>
                    <a:pt x="4193457" y="1084726"/>
                    <a:pt x="3835918" y="1069753"/>
                  </a:cubicBezTo>
                  <a:close/>
                  <a:moveTo>
                    <a:pt x="3100188" y="481060"/>
                  </a:moveTo>
                  <a:cubicBezTo>
                    <a:pt x="3100188" y="328079"/>
                    <a:pt x="3224651" y="203625"/>
                    <a:pt x="3377622" y="203625"/>
                  </a:cubicBezTo>
                  <a:lnTo>
                    <a:pt x="3443802" y="203625"/>
                  </a:lnTo>
                  <a:cubicBezTo>
                    <a:pt x="3596774" y="203625"/>
                    <a:pt x="3721237" y="328079"/>
                    <a:pt x="3721237" y="481060"/>
                  </a:cubicBezTo>
                  <a:lnTo>
                    <a:pt x="3721237" y="791585"/>
                  </a:lnTo>
                  <a:cubicBezTo>
                    <a:pt x="3721237" y="944566"/>
                    <a:pt x="3596774" y="1069019"/>
                    <a:pt x="3443802" y="1069019"/>
                  </a:cubicBezTo>
                  <a:lnTo>
                    <a:pt x="3377622" y="1069019"/>
                  </a:lnTo>
                  <a:cubicBezTo>
                    <a:pt x="3224651" y="1069019"/>
                    <a:pt x="3100188" y="944566"/>
                    <a:pt x="3100188" y="791585"/>
                  </a:cubicBezTo>
                  <a:lnTo>
                    <a:pt x="3100188" y="481060"/>
                  </a:lnTo>
                  <a:close/>
                  <a:moveTo>
                    <a:pt x="1929346" y="481060"/>
                  </a:moveTo>
                  <a:cubicBezTo>
                    <a:pt x="1929346" y="328079"/>
                    <a:pt x="2053800" y="203625"/>
                    <a:pt x="2206781" y="203625"/>
                  </a:cubicBezTo>
                  <a:lnTo>
                    <a:pt x="2272960" y="203625"/>
                  </a:lnTo>
                  <a:cubicBezTo>
                    <a:pt x="2425932" y="203625"/>
                    <a:pt x="2550395" y="328079"/>
                    <a:pt x="2550395" y="481060"/>
                  </a:cubicBezTo>
                  <a:lnTo>
                    <a:pt x="2550395" y="791585"/>
                  </a:lnTo>
                  <a:cubicBezTo>
                    <a:pt x="2550395" y="944566"/>
                    <a:pt x="2425932" y="1069019"/>
                    <a:pt x="2272960" y="1069019"/>
                  </a:cubicBezTo>
                  <a:lnTo>
                    <a:pt x="2206781" y="1069019"/>
                  </a:lnTo>
                  <a:cubicBezTo>
                    <a:pt x="2053800" y="1069019"/>
                    <a:pt x="1929346" y="944566"/>
                    <a:pt x="1929346" y="791585"/>
                  </a:cubicBezTo>
                  <a:lnTo>
                    <a:pt x="1929346" y="481060"/>
                  </a:lnTo>
                  <a:close/>
                  <a:moveTo>
                    <a:pt x="2475338" y="1272654"/>
                  </a:moveTo>
                  <a:lnTo>
                    <a:pt x="2239871" y="1659036"/>
                  </a:lnTo>
                  <a:lnTo>
                    <a:pt x="2004403" y="1272654"/>
                  </a:lnTo>
                  <a:lnTo>
                    <a:pt x="2475338" y="1272654"/>
                  </a:lnTo>
                  <a:close/>
                  <a:moveTo>
                    <a:pt x="758504" y="481060"/>
                  </a:moveTo>
                  <a:cubicBezTo>
                    <a:pt x="758504" y="328079"/>
                    <a:pt x="882958" y="203625"/>
                    <a:pt x="1035939" y="203625"/>
                  </a:cubicBezTo>
                  <a:lnTo>
                    <a:pt x="1102119" y="203625"/>
                  </a:lnTo>
                  <a:cubicBezTo>
                    <a:pt x="1255100" y="203625"/>
                    <a:pt x="1379553" y="328079"/>
                    <a:pt x="1379553" y="481060"/>
                  </a:cubicBezTo>
                  <a:lnTo>
                    <a:pt x="1379553" y="791585"/>
                  </a:lnTo>
                  <a:cubicBezTo>
                    <a:pt x="1379553" y="944566"/>
                    <a:pt x="1255100" y="1069019"/>
                    <a:pt x="1102119" y="1069019"/>
                  </a:cubicBezTo>
                  <a:lnTo>
                    <a:pt x="1035939" y="1069019"/>
                  </a:lnTo>
                  <a:cubicBezTo>
                    <a:pt x="882958" y="1069019"/>
                    <a:pt x="758504" y="944566"/>
                    <a:pt x="758504" y="791585"/>
                  </a:cubicBezTo>
                  <a:lnTo>
                    <a:pt x="758504" y="481060"/>
                  </a:lnTo>
                  <a:close/>
                  <a:moveTo>
                    <a:pt x="483613" y="1980248"/>
                  </a:moveTo>
                  <a:cubicBezTo>
                    <a:pt x="427377" y="1980248"/>
                    <a:pt x="381800" y="2025825"/>
                    <a:pt x="381800" y="2082060"/>
                  </a:cubicBezTo>
                  <a:lnTo>
                    <a:pt x="381800" y="2082089"/>
                  </a:lnTo>
                  <a:lnTo>
                    <a:pt x="381800" y="2901953"/>
                  </a:lnTo>
                  <a:cubicBezTo>
                    <a:pt x="379743" y="2901829"/>
                    <a:pt x="377695" y="2901639"/>
                    <a:pt x="375609" y="2901639"/>
                  </a:cubicBezTo>
                  <a:cubicBezTo>
                    <a:pt x="280778" y="2901639"/>
                    <a:pt x="203625" y="2825134"/>
                    <a:pt x="203625" y="2731103"/>
                  </a:cubicBezTo>
                  <a:lnTo>
                    <a:pt x="203625" y="1738436"/>
                  </a:lnTo>
                  <a:cubicBezTo>
                    <a:pt x="203625" y="1481595"/>
                    <a:pt x="413928" y="1272645"/>
                    <a:pt x="672417" y="1272645"/>
                  </a:cubicBezTo>
                  <a:lnTo>
                    <a:pt x="1360923" y="1272645"/>
                  </a:lnTo>
                  <a:cubicBezTo>
                    <a:pt x="1243375" y="1393222"/>
                    <a:pt x="1170851" y="1557528"/>
                    <a:pt x="1170851" y="1738436"/>
                  </a:cubicBezTo>
                  <a:lnTo>
                    <a:pt x="1170851" y="2731103"/>
                  </a:lnTo>
                  <a:cubicBezTo>
                    <a:pt x="1170851" y="2764060"/>
                    <a:pt x="1175195" y="2796016"/>
                    <a:pt x="1183262" y="2826487"/>
                  </a:cubicBezTo>
                  <a:lnTo>
                    <a:pt x="1069239" y="2884227"/>
                  </a:lnTo>
                  <a:lnTo>
                    <a:pt x="585416" y="2638168"/>
                  </a:lnTo>
                  <a:lnTo>
                    <a:pt x="585416" y="2082098"/>
                  </a:lnTo>
                  <a:lnTo>
                    <a:pt x="585416" y="2082060"/>
                  </a:lnTo>
                  <a:cubicBezTo>
                    <a:pt x="585426" y="2025825"/>
                    <a:pt x="539839" y="1980248"/>
                    <a:pt x="483613" y="1980248"/>
                  </a:cubicBezTo>
                  <a:close/>
                  <a:moveTo>
                    <a:pt x="1552642" y="4537424"/>
                  </a:moveTo>
                  <a:cubicBezTo>
                    <a:pt x="1552642" y="4612291"/>
                    <a:pt x="1491748" y="4673184"/>
                    <a:pt x="1416891" y="4673184"/>
                  </a:cubicBezTo>
                  <a:lnTo>
                    <a:pt x="1306602" y="4673184"/>
                  </a:lnTo>
                  <a:cubicBezTo>
                    <a:pt x="1231754" y="4673184"/>
                    <a:pt x="1170851" y="4612291"/>
                    <a:pt x="1170851" y="4537434"/>
                  </a:cubicBezTo>
                  <a:lnTo>
                    <a:pt x="1170851" y="3418342"/>
                  </a:lnTo>
                  <a:cubicBezTo>
                    <a:pt x="1170851" y="3362106"/>
                    <a:pt x="1125274" y="3316529"/>
                    <a:pt x="1069038" y="3316529"/>
                  </a:cubicBezTo>
                  <a:cubicBezTo>
                    <a:pt x="1012812" y="3316529"/>
                    <a:pt x="967226" y="3362106"/>
                    <a:pt x="967226" y="3418342"/>
                  </a:cubicBezTo>
                  <a:lnTo>
                    <a:pt x="967226" y="4537434"/>
                  </a:lnTo>
                  <a:cubicBezTo>
                    <a:pt x="967226" y="4612291"/>
                    <a:pt x="906332" y="4673184"/>
                    <a:pt x="831475" y="4673184"/>
                  </a:cubicBezTo>
                  <a:lnTo>
                    <a:pt x="721166" y="4673184"/>
                  </a:lnTo>
                  <a:cubicBezTo>
                    <a:pt x="646319" y="4673184"/>
                    <a:pt x="585416" y="4612291"/>
                    <a:pt x="585416" y="4537434"/>
                  </a:cubicBezTo>
                  <a:lnTo>
                    <a:pt x="585416" y="2866616"/>
                  </a:lnTo>
                  <a:lnTo>
                    <a:pt x="1022975" y="3089158"/>
                  </a:lnTo>
                  <a:cubicBezTo>
                    <a:pt x="1037473" y="3096530"/>
                    <a:pt x="1053303" y="3100216"/>
                    <a:pt x="1069124" y="3100216"/>
                  </a:cubicBezTo>
                  <a:cubicBezTo>
                    <a:pt x="1084888" y="3100216"/>
                    <a:pt x="1100652" y="3096558"/>
                    <a:pt x="1115120" y="3089234"/>
                  </a:cubicBezTo>
                  <a:lnTo>
                    <a:pt x="1287628" y="3001880"/>
                  </a:lnTo>
                  <a:cubicBezTo>
                    <a:pt x="1355055" y="3065860"/>
                    <a:pt x="1446181" y="3105274"/>
                    <a:pt x="1546431" y="3105274"/>
                  </a:cubicBezTo>
                  <a:cubicBezTo>
                    <a:pt x="1548517" y="3105274"/>
                    <a:pt x="1550565" y="3105093"/>
                    <a:pt x="1552623" y="3104960"/>
                  </a:cubicBezTo>
                  <a:lnTo>
                    <a:pt x="1552623" y="4537424"/>
                  </a:lnTo>
                  <a:close/>
                  <a:moveTo>
                    <a:pt x="2723474" y="4537434"/>
                  </a:moveTo>
                  <a:cubicBezTo>
                    <a:pt x="2723474" y="4612291"/>
                    <a:pt x="2662581" y="4673184"/>
                    <a:pt x="2587724" y="4673184"/>
                  </a:cubicBezTo>
                  <a:lnTo>
                    <a:pt x="2477424" y="4673184"/>
                  </a:lnTo>
                  <a:cubicBezTo>
                    <a:pt x="2402567" y="4673184"/>
                    <a:pt x="2341674" y="4612291"/>
                    <a:pt x="2341674" y="4537434"/>
                  </a:cubicBezTo>
                  <a:lnTo>
                    <a:pt x="2341674" y="3418342"/>
                  </a:lnTo>
                  <a:cubicBezTo>
                    <a:pt x="2341674" y="3362106"/>
                    <a:pt x="2296087" y="3316529"/>
                    <a:pt x="2239861" y="3316529"/>
                  </a:cubicBezTo>
                  <a:cubicBezTo>
                    <a:pt x="2183625" y="3316529"/>
                    <a:pt x="2138048" y="3362106"/>
                    <a:pt x="2138048" y="3418342"/>
                  </a:cubicBezTo>
                  <a:lnTo>
                    <a:pt x="2138048" y="4537434"/>
                  </a:lnTo>
                  <a:cubicBezTo>
                    <a:pt x="2138048" y="4612291"/>
                    <a:pt x="2077155" y="4673184"/>
                    <a:pt x="2002298" y="4673184"/>
                  </a:cubicBezTo>
                  <a:lnTo>
                    <a:pt x="1892008" y="4673184"/>
                  </a:lnTo>
                  <a:cubicBezTo>
                    <a:pt x="1817151" y="4673184"/>
                    <a:pt x="1756258" y="4612291"/>
                    <a:pt x="1756258" y="4537434"/>
                  </a:cubicBezTo>
                  <a:lnTo>
                    <a:pt x="1756258" y="2867702"/>
                  </a:lnTo>
                  <a:lnTo>
                    <a:pt x="2193779" y="3089234"/>
                  </a:lnTo>
                  <a:cubicBezTo>
                    <a:pt x="2208248" y="3096549"/>
                    <a:pt x="2224011" y="3100216"/>
                    <a:pt x="2239775" y="3100216"/>
                  </a:cubicBezTo>
                  <a:cubicBezTo>
                    <a:pt x="2255606" y="3100216"/>
                    <a:pt x="2271427" y="3096530"/>
                    <a:pt x="2285924" y="3089158"/>
                  </a:cubicBezTo>
                  <a:lnTo>
                    <a:pt x="2723464" y="2866606"/>
                  </a:lnTo>
                  <a:lnTo>
                    <a:pt x="2723464" y="4537434"/>
                  </a:lnTo>
                  <a:close/>
                  <a:moveTo>
                    <a:pt x="2825287" y="1980248"/>
                  </a:moveTo>
                  <a:cubicBezTo>
                    <a:pt x="2769070" y="1980248"/>
                    <a:pt x="2723474" y="2025825"/>
                    <a:pt x="2723474" y="2082060"/>
                  </a:cubicBezTo>
                  <a:lnTo>
                    <a:pt x="2723474" y="2082089"/>
                  </a:lnTo>
                  <a:lnTo>
                    <a:pt x="2723474" y="2638158"/>
                  </a:lnTo>
                  <a:lnTo>
                    <a:pt x="2239661" y="2884227"/>
                  </a:lnTo>
                  <a:lnTo>
                    <a:pt x="1756258" y="2639463"/>
                  </a:lnTo>
                  <a:lnTo>
                    <a:pt x="1756258" y="2082089"/>
                  </a:lnTo>
                  <a:lnTo>
                    <a:pt x="1756258" y="2082060"/>
                  </a:lnTo>
                  <a:cubicBezTo>
                    <a:pt x="1756258" y="2025825"/>
                    <a:pt x="1710680" y="1980248"/>
                    <a:pt x="1654445" y="1980248"/>
                  </a:cubicBezTo>
                  <a:cubicBezTo>
                    <a:pt x="1598209" y="1980248"/>
                    <a:pt x="1552632" y="2025825"/>
                    <a:pt x="1552632" y="2082060"/>
                  </a:cubicBezTo>
                  <a:lnTo>
                    <a:pt x="1552632" y="2082089"/>
                  </a:lnTo>
                  <a:lnTo>
                    <a:pt x="1552632" y="2901953"/>
                  </a:lnTo>
                  <a:cubicBezTo>
                    <a:pt x="1550575" y="2901829"/>
                    <a:pt x="1548527" y="2901639"/>
                    <a:pt x="1546441" y="2901639"/>
                  </a:cubicBezTo>
                  <a:cubicBezTo>
                    <a:pt x="1451610" y="2901639"/>
                    <a:pt x="1374458" y="2825134"/>
                    <a:pt x="1374458" y="2731103"/>
                  </a:cubicBezTo>
                  <a:lnTo>
                    <a:pt x="1374458" y="1738436"/>
                  </a:lnTo>
                  <a:cubicBezTo>
                    <a:pt x="1374458" y="1506541"/>
                    <a:pt x="1545917" y="1313736"/>
                    <a:pt x="1769478" y="1278455"/>
                  </a:cubicBezTo>
                  <a:lnTo>
                    <a:pt x="2152926" y="1907658"/>
                  </a:lnTo>
                  <a:cubicBezTo>
                    <a:pt x="2171405" y="1937985"/>
                    <a:pt x="2204352" y="1956483"/>
                    <a:pt x="2239861" y="1956483"/>
                  </a:cubicBezTo>
                  <a:cubicBezTo>
                    <a:pt x="2275370" y="1956483"/>
                    <a:pt x="2308317" y="1937985"/>
                    <a:pt x="2326796" y="1907658"/>
                  </a:cubicBezTo>
                  <a:lnTo>
                    <a:pt x="2710244" y="1278455"/>
                  </a:lnTo>
                  <a:cubicBezTo>
                    <a:pt x="2933805" y="1313726"/>
                    <a:pt x="3105264" y="1506531"/>
                    <a:pt x="3105264" y="1738436"/>
                  </a:cubicBezTo>
                  <a:lnTo>
                    <a:pt x="3105264" y="2731103"/>
                  </a:lnTo>
                  <a:cubicBezTo>
                    <a:pt x="3105264" y="2825134"/>
                    <a:pt x="3028121" y="2901639"/>
                    <a:pt x="2933281" y="2901639"/>
                  </a:cubicBezTo>
                  <a:cubicBezTo>
                    <a:pt x="2931195" y="2901639"/>
                    <a:pt x="2929147" y="2901820"/>
                    <a:pt x="2927090" y="2901953"/>
                  </a:cubicBezTo>
                  <a:lnTo>
                    <a:pt x="2927090" y="2082089"/>
                  </a:lnTo>
                  <a:lnTo>
                    <a:pt x="2927090" y="2082060"/>
                  </a:lnTo>
                  <a:cubicBezTo>
                    <a:pt x="2927099" y="2025825"/>
                    <a:pt x="2881513" y="1980248"/>
                    <a:pt x="2825287" y="1980248"/>
                  </a:cubicBezTo>
                  <a:close/>
                  <a:moveTo>
                    <a:pt x="3894316" y="4537434"/>
                  </a:moveTo>
                  <a:cubicBezTo>
                    <a:pt x="3894316" y="4612291"/>
                    <a:pt x="3833422" y="4673184"/>
                    <a:pt x="3758565" y="4673184"/>
                  </a:cubicBezTo>
                  <a:lnTo>
                    <a:pt x="3648266" y="4673184"/>
                  </a:lnTo>
                  <a:cubicBezTo>
                    <a:pt x="3573409" y="4673184"/>
                    <a:pt x="3512515" y="4612291"/>
                    <a:pt x="3512515" y="4537434"/>
                  </a:cubicBezTo>
                  <a:lnTo>
                    <a:pt x="3512515" y="3418342"/>
                  </a:lnTo>
                  <a:cubicBezTo>
                    <a:pt x="3512515" y="3362106"/>
                    <a:pt x="3466929" y="3316529"/>
                    <a:pt x="3410703" y="3316529"/>
                  </a:cubicBezTo>
                  <a:cubicBezTo>
                    <a:pt x="3354486" y="3316529"/>
                    <a:pt x="3308890" y="3362106"/>
                    <a:pt x="3308890" y="3418342"/>
                  </a:cubicBezTo>
                  <a:lnTo>
                    <a:pt x="3308890" y="4537434"/>
                  </a:lnTo>
                  <a:cubicBezTo>
                    <a:pt x="3308890" y="4612291"/>
                    <a:pt x="3247997" y="4673184"/>
                    <a:pt x="3173140" y="4673184"/>
                  </a:cubicBezTo>
                  <a:lnTo>
                    <a:pt x="3062840" y="4673184"/>
                  </a:lnTo>
                  <a:cubicBezTo>
                    <a:pt x="2987983" y="4673184"/>
                    <a:pt x="2927090" y="4612291"/>
                    <a:pt x="2927090" y="4537434"/>
                  </a:cubicBezTo>
                  <a:lnTo>
                    <a:pt x="2927090" y="3104950"/>
                  </a:lnTo>
                  <a:cubicBezTo>
                    <a:pt x="2929147" y="3105074"/>
                    <a:pt x="2931195" y="3105264"/>
                    <a:pt x="2933281" y="3105264"/>
                  </a:cubicBezTo>
                  <a:cubicBezTo>
                    <a:pt x="3033532" y="3105264"/>
                    <a:pt x="3124657" y="3065860"/>
                    <a:pt x="3192085" y="3001871"/>
                  </a:cubicBezTo>
                  <a:lnTo>
                    <a:pt x="3364592" y="3089224"/>
                  </a:lnTo>
                  <a:cubicBezTo>
                    <a:pt x="3379061" y="3096540"/>
                    <a:pt x="3394825" y="3100207"/>
                    <a:pt x="3410588" y="3100207"/>
                  </a:cubicBezTo>
                  <a:cubicBezTo>
                    <a:pt x="3426419" y="3100207"/>
                    <a:pt x="3442240" y="3096520"/>
                    <a:pt x="3456737" y="3089148"/>
                  </a:cubicBezTo>
                  <a:lnTo>
                    <a:pt x="3894296" y="2866596"/>
                  </a:lnTo>
                  <a:lnTo>
                    <a:pt x="3894296" y="4537434"/>
                  </a:lnTo>
                  <a:close/>
                  <a:moveTo>
                    <a:pt x="4104132" y="2901649"/>
                  </a:moveTo>
                  <a:cubicBezTo>
                    <a:pt x="4102046" y="2901649"/>
                    <a:pt x="4099998" y="2901829"/>
                    <a:pt x="4097941" y="2901963"/>
                  </a:cubicBezTo>
                  <a:lnTo>
                    <a:pt x="4097941" y="2082098"/>
                  </a:lnTo>
                  <a:lnTo>
                    <a:pt x="4097941" y="2082060"/>
                  </a:lnTo>
                  <a:cubicBezTo>
                    <a:pt x="4097941" y="2025825"/>
                    <a:pt x="4052354" y="1980248"/>
                    <a:pt x="3996128" y="1980248"/>
                  </a:cubicBezTo>
                  <a:cubicBezTo>
                    <a:pt x="3939912" y="1980248"/>
                    <a:pt x="3894316" y="2025825"/>
                    <a:pt x="3894316" y="2082060"/>
                  </a:cubicBezTo>
                  <a:lnTo>
                    <a:pt x="3894316" y="2082089"/>
                  </a:lnTo>
                  <a:lnTo>
                    <a:pt x="3894316" y="2638158"/>
                  </a:lnTo>
                  <a:lnTo>
                    <a:pt x="3410503" y="2884227"/>
                  </a:lnTo>
                  <a:lnTo>
                    <a:pt x="3296469" y="2826487"/>
                  </a:lnTo>
                  <a:cubicBezTo>
                    <a:pt x="3304547" y="2796026"/>
                    <a:pt x="3308880" y="2764060"/>
                    <a:pt x="3308880" y="2731103"/>
                  </a:cubicBezTo>
                  <a:lnTo>
                    <a:pt x="3308880" y="1738436"/>
                  </a:lnTo>
                  <a:cubicBezTo>
                    <a:pt x="3308880" y="1557528"/>
                    <a:pt x="3236348" y="1393222"/>
                    <a:pt x="3118800" y="1272645"/>
                  </a:cubicBezTo>
                  <a:lnTo>
                    <a:pt x="3807305" y="1272645"/>
                  </a:lnTo>
                  <a:cubicBezTo>
                    <a:pt x="4065804" y="1272645"/>
                    <a:pt x="4276097" y="1481595"/>
                    <a:pt x="4276097" y="1738436"/>
                  </a:cubicBezTo>
                  <a:lnTo>
                    <a:pt x="4276097" y="2731113"/>
                  </a:lnTo>
                  <a:lnTo>
                    <a:pt x="4276106" y="2731113"/>
                  </a:lnTo>
                  <a:cubicBezTo>
                    <a:pt x="4276116" y="2825144"/>
                    <a:pt x="4198973" y="2901649"/>
                    <a:pt x="4104132" y="2901649"/>
                  </a:cubicBezTo>
                  <a:close/>
                </a:path>
              </a:pathLst>
            </a:custGeom>
            <a:grpFill/>
            <a:ln w="9525" cap="flat">
              <a:noFill/>
              <a:prstDash val="solid"/>
              <a:miter/>
            </a:ln>
          </p:spPr>
          <p:txBody>
            <a:bodyPr rtlCol="0" anchor="ctr"/>
            <a:lstStyle/>
            <a:p>
              <a:endParaRPr lang="en-US"/>
            </a:p>
          </p:txBody>
        </p:sp>
      </p:grpSp>
      <p:sp>
        <p:nvSpPr>
          <p:cNvPr id="30" name="Freeform 34">
            <a:extLst>
              <a:ext uri="{FF2B5EF4-FFF2-40B4-BE49-F238E27FC236}">
                <a16:creationId xmlns:a16="http://schemas.microsoft.com/office/drawing/2014/main" id="{A0186FD2-DCB2-B819-2692-22962ADA087B}"/>
              </a:ext>
            </a:extLst>
          </p:cNvPr>
          <p:cNvSpPr>
            <a:spLocks noEditPoints="1"/>
          </p:cNvSpPr>
          <p:nvPr/>
        </p:nvSpPr>
        <p:spPr bwMode="auto">
          <a:xfrm>
            <a:off x="2184121" y="4365934"/>
            <a:ext cx="494192" cy="325762"/>
          </a:xfrm>
          <a:custGeom>
            <a:avLst/>
            <a:gdLst>
              <a:gd name="T0" fmla="*/ 2618 w 3070"/>
              <a:gd name="T1" fmla="*/ 0 h 2023"/>
              <a:gd name="T2" fmla="*/ 2080 w 3070"/>
              <a:gd name="T3" fmla="*/ 187 h 2023"/>
              <a:gd name="T4" fmla="*/ 1530 w 3070"/>
              <a:gd name="T5" fmla="*/ 118 h 2023"/>
              <a:gd name="T6" fmla="*/ 989 w 3070"/>
              <a:gd name="T7" fmla="*/ 133 h 2023"/>
              <a:gd name="T8" fmla="*/ 526 w 3070"/>
              <a:gd name="T9" fmla="*/ 48 h 2023"/>
              <a:gd name="T10" fmla="*/ 0 w 3070"/>
              <a:gd name="T11" fmla="*/ 576 h 2023"/>
              <a:gd name="T12" fmla="*/ 155 w 3070"/>
              <a:gd name="T13" fmla="*/ 1212 h 2023"/>
              <a:gd name="T14" fmla="*/ 301 w 3070"/>
              <a:gd name="T15" fmla="*/ 1511 h 2023"/>
              <a:gd name="T16" fmla="*/ 518 w 3070"/>
              <a:gd name="T17" fmla="*/ 1725 h 2023"/>
              <a:gd name="T18" fmla="*/ 803 w 3070"/>
              <a:gd name="T19" fmla="*/ 1880 h 2023"/>
              <a:gd name="T20" fmla="*/ 1117 w 3070"/>
              <a:gd name="T21" fmla="*/ 2006 h 2023"/>
              <a:gd name="T22" fmla="*/ 1651 w 3070"/>
              <a:gd name="T23" fmla="*/ 2022 h 2023"/>
              <a:gd name="T24" fmla="*/ 1918 w 3070"/>
              <a:gd name="T25" fmla="*/ 1913 h 2023"/>
              <a:gd name="T26" fmla="*/ 2261 w 3070"/>
              <a:gd name="T27" fmla="*/ 1772 h 2023"/>
              <a:gd name="T28" fmla="*/ 2524 w 3070"/>
              <a:gd name="T29" fmla="*/ 1562 h 2023"/>
              <a:gd name="T30" fmla="*/ 2709 w 3070"/>
              <a:gd name="T31" fmla="*/ 1306 h 2023"/>
              <a:gd name="T32" fmla="*/ 3070 w 3070"/>
              <a:gd name="T33" fmla="*/ 522 h 2023"/>
              <a:gd name="T34" fmla="*/ 260 w 3070"/>
              <a:gd name="T35" fmla="*/ 1212 h 2023"/>
              <a:gd name="T36" fmla="*/ 668 w 3070"/>
              <a:gd name="T37" fmla="*/ 877 h 2023"/>
              <a:gd name="T38" fmla="*/ 423 w 3070"/>
              <a:gd name="T39" fmla="*/ 1307 h 2023"/>
              <a:gd name="T40" fmla="*/ 458 w 3070"/>
              <a:gd name="T41" fmla="*/ 1598 h 2023"/>
              <a:gd name="T42" fmla="*/ 429 w 3070"/>
              <a:gd name="T43" fmla="*/ 1451 h 2023"/>
              <a:gd name="T44" fmla="*/ 926 w 3070"/>
              <a:gd name="T45" fmla="*/ 1109 h 2023"/>
              <a:gd name="T46" fmla="*/ 866 w 3070"/>
              <a:gd name="T47" fmla="*/ 1749 h 2023"/>
              <a:gd name="T48" fmla="*/ 691 w 3070"/>
              <a:gd name="T49" fmla="*/ 1665 h 2023"/>
              <a:gd name="T50" fmla="*/ 1070 w 3070"/>
              <a:gd name="T51" fmla="*/ 1359 h 2023"/>
              <a:gd name="T52" fmla="*/ 866 w 3070"/>
              <a:gd name="T53" fmla="*/ 1749 h 2023"/>
              <a:gd name="T54" fmla="*/ 1057 w 3070"/>
              <a:gd name="T55" fmla="*/ 1879 h 2023"/>
              <a:gd name="T56" fmla="*/ 1175 w 3070"/>
              <a:gd name="T57" fmla="*/ 1578 h 2023"/>
              <a:gd name="T58" fmla="*/ 1351 w 3070"/>
              <a:gd name="T59" fmla="*/ 1663 h 2023"/>
              <a:gd name="T60" fmla="*/ 2558 w 3070"/>
              <a:gd name="T61" fmla="*/ 1391 h 2023"/>
              <a:gd name="T62" fmla="*/ 1953 w 3070"/>
              <a:gd name="T63" fmla="*/ 1091 h 2023"/>
              <a:gd name="T64" fmla="*/ 2373 w 3070"/>
              <a:gd name="T65" fmla="*/ 1647 h 2023"/>
              <a:gd name="T66" fmla="*/ 1768 w 3070"/>
              <a:gd name="T67" fmla="*/ 1348 h 2023"/>
              <a:gd name="T68" fmla="*/ 2112 w 3070"/>
              <a:gd name="T69" fmla="*/ 1832 h 2023"/>
              <a:gd name="T70" fmla="*/ 1625 w 3070"/>
              <a:gd name="T71" fmla="*/ 1501 h 2023"/>
              <a:gd name="T72" fmla="*/ 1556 w 3070"/>
              <a:gd name="T73" fmla="*/ 1578 h 2023"/>
              <a:gd name="T74" fmla="*/ 1715 w 3070"/>
              <a:gd name="T75" fmla="*/ 1891 h 2023"/>
              <a:gd name="T76" fmla="*/ 1455 w 3070"/>
              <a:gd name="T77" fmla="*/ 1663 h 2023"/>
              <a:gd name="T78" fmla="*/ 1227 w 3070"/>
              <a:gd name="T79" fmla="*/ 1449 h 2023"/>
              <a:gd name="T80" fmla="*/ 1046 w 3070"/>
              <a:gd name="T81" fmla="*/ 1235 h 2023"/>
              <a:gd name="T82" fmla="*/ 840 w 3070"/>
              <a:gd name="T83" fmla="*/ 957 h 2023"/>
              <a:gd name="T84" fmla="*/ 740 w 3070"/>
              <a:gd name="T85" fmla="*/ 802 h 2023"/>
              <a:gd name="T86" fmla="*/ 134 w 3070"/>
              <a:gd name="T87" fmla="*/ 640 h 2023"/>
              <a:gd name="T88" fmla="*/ 463 w 3070"/>
              <a:gd name="T89" fmla="*/ 165 h 2023"/>
              <a:gd name="T90" fmla="*/ 882 w 3070"/>
              <a:gd name="T91" fmla="*/ 256 h 2023"/>
              <a:gd name="T92" fmla="*/ 1391 w 3070"/>
              <a:gd name="T93" fmla="*/ 165 h 2023"/>
              <a:gd name="T94" fmla="*/ 1229 w 3070"/>
              <a:gd name="T95" fmla="*/ 564 h 2023"/>
              <a:gd name="T96" fmla="*/ 1521 w 3070"/>
              <a:gd name="T97" fmla="*/ 645 h 2023"/>
              <a:gd name="T98" fmla="*/ 2059 w 3070"/>
              <a:gd name="T99" fmla="*/ 786 h 2023"/>
              <a:gd name="T100" fmla="*/ 2938 w 3070"/>
              <a:gd name="T101" fmla="*/ 598 h 2023"/>
              <a:gd name="T102" fmla="*/ 1853 w 3070"/>
              <a:gd name="T103" fmla="*/ 510 h 2023"/>
              <a:gd name="T104" fmla="*/ 1417 w 3070"/>
              <a:gd name="T105" fmla="*/ 570 h 2023"/>
              <a:gd name="T106" fmla="*/ 1296 w 3070"/>
              <a:gd name="T107" fmla="*/ 452 h 2023"/>
              <a:gd name="T108" fmla="*/ 1803 w 3070"/>
              <a:gd name="T109" fmla="*/ 168 h 2023"/>
              <a:gd name="T110" fmla="*/ 2565 w 3070"/>
              <a:gd name="T111" fmla="*/ 118 h 2023"/>
              <a:gd name="T112" fmla="*/ 2965 w 3070"/>
              <a:gd name="T113" fmla="*/ 522 h 20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070" h="2023">
                <a:moveTo>
                  <a:pt x="3070" y="522"/>
                </a:moveTo>
                <a:cubicBezTo>
                  <a:pt x="3069" y="475"/>
                  <a:pt x="3056" y="428"/>
                  <a:pt x="3025" y="389"/>
                </a:cubicBezTo>
                <a:cubicBezTo>
                  <a:pt x="2782" y="78"/>
                  <a:pt x="2782" y="78"/>
                  <a:pt x="2782" y="78"/>
                </a:cubicBezTo>
                <a:cubicBezTo>
                  <a:pt x="2742" y="26"/>
                  <a:pt x="2680" y="0"/>
                  <a:pt x="2618" y="0"/>
                </a:cubicBezTo>
                <a:cubicBezTo>
                  <a:pt x="2581" y="0"/>
                  <a:pt x="2543" y="9"/>
                  <a:pt x="2510" y="30"/>
                </a:cubicBezTo>
                <a:cubicBezTo>
                  <a:pt x="2273" y="177"/>
                  <a:pt x="2273" y="177"/>
                  <a:pt x="2273" y="177"/>
                </a:cubicBezTo>
                <a:cubicBezTo>
                  <a:pt x="2248" y="193"/>
                  <a:pt x="2205" y="204"/>
                  <a:pt x="2164" y="204"/>
                </a:cubicBezTo>
                <a:cubicBezTo>
                  <a:pt x="2132" y="204"/>
                  <a:pt x="2101" y="198"/>
                  <a:pt x="2080" y="187"/>
                </a:cubicBezTo>
                <a:cubicBezTo>
                  <a:pt x="1848" y="75"/>
                  <a:pt x="1848" y="75"/>
                  <a:pt x="1848" y="75"/>
                </a:cubicBezTo>
                <a:cubicBezTo>
                  <a:pt x="1811" y="57"/>
                  <a:pt x="1769" y="50"/>
                  <a:pt x="1727" y="49"/>
                </a:cubicBezTo>
                <a:cubicBezTo>
                  <a:pt x="1667" y="50"/>
                  <a:pt x="1606" y="65"/>
                  <a:pt x="1557" y="99"/>
                </a:cubicBezTo>
                <a:cubicBezTo>
                  <a:pt x="1530" y="118"/>
                  <a:pt x="1530" y="118"/>
                  <a:pt x="1530" y="118"/>
                </a:cubicBezTo>
                <a:cubicBezTo>
                  <a:pt x="1508" y="107"/>
                  <a:pt x="1475" y="90"/>
                  <a:pt x="1437" y="72"/>
                </a:cubicBezTo>
                <a:cubicBezTo>
                  <a:pt x="1392" y="50"/>
                  <a:pt x="1339" y="41"/>
                  <a:pt x="1286" y="41"/>
                </a:cubicBezTo>
                <a:cubicBezTo>
                  <a:pt x="1238" y="41"/>
                  <a:pt x="1190" y="48"/>
                  <a:pt x="1147" y="66"/>
                </a:cubicBezTo>
                <a:cubicBezTo>
                  <a:pt x="989" y="133"/>
                  <a:pt x="989" y="133"/>
                  <a:pt x="989" y="133"/>
                </a:cubicBezTo>
                <a:cubicBezTo>
                  <a:pt x="963" y="145"/>
                  <a:pt x="922" y="152"/>
                  <a:pt x="882" y="152"/>
                </a:cubicBezTo>
                <a:cubicBezTo>
                  <a:pt x="841" y="152"/>
                  <a:pt x="800" y="145"/>
                  <a:pt x="775" y="133"/>
                </a:cubicBezTo>
                <a:cubicBezTo>
                  <a:pt x="616" y="66"/>
                  <a:pt x="616" y="66"/>
                  <a:pt x="616" y="66"/>
                </a:cubicBezTo>
                <a:cubicBezTo>
                  <a:pt x="587" y="54"/>
                  <a:pt x="556" y="48"/>
                  <a:pt x="526" y="48"/>
                </a:cubicBezTo>
                <a:cubicBezTo>
                  <a:pt x="491" y="48"/>
                  <a:pt x="456" y="55"/>
                  <a:pt x="423" y="68"/>
                </a:cubicBezTo>
                <a:cubicBezTo>
                  <a:pt x="391" y="82"/>
                  <a:pt x="360" y="101"/>
                  <a:pt x="336" y="128"/>
                </a:cubicBezTo>
                <a:cubicBezTo>
                  <a:pt x="48" y="451"/>
                  <a:pt x="48" y="451"/>
                  <a:pt x="48" y="451"/>
                </a:cubicBezTo>
                <a:cubicBezTo>
                  <a:pt x="16" y="487"/>
                  <a:pt x="0" y="531"/>
                  <a:pt x="0" y="576"/>
                </a:cubicBezTo>
                <a:cubicBezTo>
                  <a:pt x="0" y="628"/>
                  <a:pt x="23" y="681"/>
                  <a:pt x="67" y="718"/>
                </a:cubicBezTo>
                <a:cubicBezTo>
                  <a:pt x="335" y="948"/>
                  <a:pt x="335" y="948"/>
                  <a:pt x="335" y="948"/>
                </a:cubicBezTo>
                <a:cubicBezTo>
                  <a:pt x="208" y="1081"/>
                  <a:pt x="208" y="1081"/>
                  <a:pt x="208" y="1081"/>
                </a:cubicBezTo>
                <a:cubicBezTo>
                  <a:pt x="173" y="1118"/>
                  <a:pt x="155" y="1165"/>
                  <a:pt x="155" y="1212"/>
                </a:cubicBezTo>
                <a:cubicBezTo>
                  <a:pt x="155" y="1262"/>
                  <a:pt x="175" y="1313"/>
                  <a:pt x="214" y="1350"/>
                </a:cubicBezTo>
                <a:cubicBezTo>
                  <a:pt x="240" y="1374"/>
                  <a:pt x="240" y="1374"/>
                  <a:pt x="240" y="1374"/>
                </a:cubicBezTo>
                <a:cubicBezTo>
                  <a:pt x="265" y="1398"/>
                  <a:pt x="294" y="1412"/>
                  <a:pt x="325" y="1420"/>
                </a:cubicBezTo>
                <a:cubicBezTo>
                  <a:pt x="309" y="1448"/>
                  <a:pt x="301" y="1479"/>
                  <a:pt x="301" y="1511"/>
                </a:cubicBezTo>
                <a:cubicBezTo>
                  <a:pt x="301" y="1561"/>
                  <a:pt x="321" y="1611"/>
                  <a:pt x="360" y="1648"/>
                </a:cubicBezTo>
                <a:cubicBezTo>
                  <a:pt x="360" y="1648"/>
                  <a:pt x="360" y="1648"/>
                  <a:pt x="360" y="1648"/>
                </a:cubicBezTo>
                <a:cubicBezTo>
                  <a:pt x="386" y="1673"/>
                  <a:pt x="386" y="1673"/>
                  <a:pt x="386" y="1673"/>
                </a:cubicBezTo>
                <a:cubicBezTo>
                  <a:pt x="423" y="1708"/>
                  <a:pt x="471" y="1725"/>
                  <a:pt x="518" y="1725"/>
                </a:cubicBezTo>
                <a:cubicBezTo>
                  <a:pt x="543" y="1725"/>
                  <a:pt x="569" y="1720"/>
                  <a:pt x="592" y="1710"/>
                </a:cubicBezTo>
                <a:cubicBezTo>
                  <a:pt x="601" y="1744"/>
                  <a:pt x="618" y="1777"/>
                  <a:pt x="645" y="1802"/>
                </a:cubicBezTo>
                <a:cubicBezTo>
                  <a:pt x="671" y="1827"/>
                  <a:pt x="671" y="1827"/>
                  <a:pt x="671" y="1827"/>
                </a:cubicBezTo>
                <a:cubicBezTo>
                  <a:pt x="708" y="1862"/>
                  <a:pt x="756" y="1880"/>
                  <a:pt x="803" y="1880"/>
                </a:cubicBezTo>
                <a:cubicBezTo>
                  <a:pt x="840" y="1880"/>
                  <a:pt x="877" y="1869"/>
                  <a:pt x="909" y="1848"/>
                </a:cubicBezTo>
                <a:cubicBezTo>
                  <a:pt x="919" y="1878"/>
                  <a:pt x="935" y="1906"/>
                  <a:pt x="959" y="1929"/>
                </a:cubicBezTo>
                <a:cubicBezTo>
                  <a:pt x="985" y="1954"/>
                  <a:pt x="985" y="1954"/>
                  <a:pt x="985" y="1954"/>
                </a:cubicBezTo>
                <a:cubicBezTo>
                  <a:pt x="1022" y="1989"/>
                  <a:pt x="1070" y="2006"/>
                  <a:pt x="1117" y="2006"/>
                </a:cubicBezTo>
                <a:cubicBezTo>
                  <a:pt x="1167" y="2006"/>
                  <a:pt x="1218" y="1987"/>
                  <a:pt x="1255" y="1948"/>
                </a:cubicBezTo>
                <a:cubicBezTo>
                  <a:pt x="1368" y="1830"/>
                  <a:pt x="1368" y="1830"/>
                  <a:pt x="1368" y="1830"/>
                </a:cubicBezTo>
                <a:cubicBezTo>
                  <a:pt x="1521" y="1972"/>
                  <a:pt x="1521" y="1972"/>
                  <a:pt x="1521" y="1972"/>
                </a:cubicBezTo>
                <a:cubicBezTo>
                  <a:pt x="1558" y="2006"/>
                  <a:pt x="1605" y="2022"/>
                  <a:pt x="1651" y="2022"/>
                </a:cubicBezTo>
                <a:cubicBezTo>
                  <a:pt x="1702" y="2023"/>
                  <a:pt x="1754" y="2002"/>
                  <a:pt x="1791" y="1962"/>
                </a:cubicBezTo>
                <a:cubicBezTo>
                  <a:pt x="1816" y="1936"/>
                  <a:pt x="1816" y="1936"/>
                  <a:pt x="1816" y="1936"/>
                </a:cubicBezTo>
                <a:cubicBezTo>
                  <a:pt x="1837" y="1913"/>
                  <a:pt x="1851" y="1886"/>
                  <a:pt x="1859" y="1858"/>
                </a:cubicBezTo>
                <a:cubicBezTo>
                  <a:pt x="1918" y="1913"/>
                  <a:pt x="1918" y="1913"/>
                  <a:pt x="1918" y="1913"/>
                </a:cubicBezTo>
                <a:cubicBezTo>
                  <a:pt x="1955" y="1947"/>
                  <a:pt x="2002" y="1964"/>
                  <a:pt x="2048" y="1964"/>
                </a:cubicBezTo>
                <a:cubicBezTo>
                  <a:pt x="2099" y="1964"/>
                  <a:pt x="2151" y="1943"/>
                  <a:pt x="2188" y="1903"/>
                </a:cubicBezTo>
                <a:cubicBezTo>
                  <a:pt x="2213" y="1877"/>
                  <a:pt x="2213" y="1877"/>
                  <a:pt x="2213" y="1877"/>
                </a:cubicBezTo>
                <a:cubicBezTo>
                  <a:pt x="2241" y="1847"/>
                  <a:pt x="2256" y="1810"/>
                  <a:pt x="2261" y="1772"/>
                </a:cubicBezTo>
                <a:cubicBezTo>
                  <a:pt x="2277" y="1776"/>
                  <a:pt x="2293" y="1778"/>
                  <a:pt x="2309" y="1778"/>
                </a:cubicBezTo>
                <a:cubicBezTo>
                  <a:pt x="2360" y="1778"/>
                  <a:pt x="2411" y="1758"/>
                  <a:pt x="2449" y="1718"/>
                </a:cubicBezTo>
                <a:cubicBezTo>
                  <a:pt x="2473" y="1692"/>
                  <a:pt x="2473" y="1692"/>
                  <a:pt x="2473" y="1692"/>
                </a:cubicBezTo>
                <a:cubicBezTo>
                  <a:pt x="2508" y="1655"/>
                  <a:pt x="2524" y="1608"/>
                  <a:pt x="2524" y="1562"/>
                </a:cubicBezTo>
                <a:cubicBezTo>
                  <a:pt x="2524" y="1548"/>
                  <a:pt x="2522" y="1534"/>
                  <a:pt x="2519" y="1519"/>
                </a:cubicBezTo>
                <a:cubicBezTo>
                  <a:pt x="2562" y="1514"/>
                  <a:pt x="2603" y="1495"/>
                  <a:pt x="2634" y="1461"/>
                </a:cubicBezTo>
                <a:cubicBezTo>
                  <a:pt x="2658" y="1435"/>
                  <a:pt x="2658" y="1435"/>
                  <a:pt x="2658" y="1435"/>
                </a:cubicBezTo>
                <a:cubicBezTo>
                  <a:pt x="2692" y="1399"/>
                  <a:pt x="2709" y="1352"/>
                  <a:pt x="2709" y="1306"/>
                </a:cubicBezTo>
                <a:cubicBezTo>
                  <a:pt x="2709" y="1255"/>
                  <a:pt x="2689" y="1204"/>
                  <a:pt x="2648" y="1166"/>
                </a:cubicBezTo>
                <a:cubicBezTo>
                  <a:pt x="2603" y="1124"/>
                  <a:pt x="2603" y="1124"/>
                  <a:pt x="2603" y="1124"/>
                </a:cubicBezTo>
                <a:cubicBezTo>
                  <a:pt x="3015" y="668"/>
                  <a:pt x="3015" y="668"/>
                  <a:pt x="3015" y="668"/>
                </a:cubicBezTo>
                <a:cubicBezTo>
                  <a:pt x="3052" y="627"/>
                  <a:pt x="3069" y="574"/>
                  <a:pt x="3070" y="522"/>
                </a:cubicBezTo>
                <a:close/>
                <a:moveTo>
                  <a:pt x="372" y="1323"/>
                </a:moveTo>
                <a:cubicBezTo>
                  <a:pt x="350" y="1323"/>
                  <a:pt x="329" y="1315"/>
                  <a:pt x="312" y="1299"/>
                </a:cubicBezTo>
                <a:cubicBezTo>
                  <a:pt x="286" y="1275"/>
                  <a:pt x="286" y="1275"/>
                  <a:pt x="286" y="1275"/>
                </a:cubicBezTo>
                <a:cubicBezTo>
                  <a:pt x="268" y="1258"/>
                  <a:pt x="260" y="1235"/>
                  <a:pt x="260" y="1212"/>
                </a:cubicBezTo>
                <a:cubicBezTo>
                  <a:pt x="260" y="1190"/>
                  <a:pt x="267" y="1169"/>
                  <a:pt x="283" y="1152"/>
                </a:cubicBezTo>
                <a:cubicBezTo>
                  <a:pt x="545" y="880"/>
                  <a:pt x="545" y="880"/>
                  <a:pt x="545" y="880"/>
                </a:cubicBezTo>
                <a:cubicBezTo>
                  <a:pt x="562" y="862"/>
                  <a:pt x="584" y="853"/>
                  <a:pt x="608" y="853"/>
                </a:cubicBezTo>
                <a:cubicBezTo>
                  <a:pt x="629" y="853"/>
                  <a:pt x="651" y="861"/>
                  <a:pt x="668" y="877"/>
                </a:cubicBezTo>
                <a:cubicBezTo>
                  <a:pt x="693" y="902"/>
                  <a:pt x="693" y="902"/>
                  <a:pt x="693" y="902"/>
                </a:cubicBezTo>
                <a:cubicBezTo>
                  <a:pt x="693" y="902"/>
                  <a:pt x="720" y="941"/>
                  <a:pt x="720" y="964"/>
                </a:cubicBezTo>
                <a:cubicBezTo>
                  <a:pt x="720" y="982"/>
                  <a:pt x="715" y="999"/>
                  <a:pt x="705" y="1013"/>
                </a:cubicBezTo>
                <a:cubicBezTo>
                  <a:pt x="704" y="1014"/>
                  <a:pt x="423" y="1307"/>
                  <a:pt x="423" y="1307"/>
                </a:cubicBezTo>
                <a:cubicBezTo>
                  <a:pt x="408" y="1318"/>
                  <a:pt x="390" y="1323"/>
                  <a:pt x="372" y="1323"/>
                </a:cubicBezTo>
                <a:close/>
                <a:moveTo>
                  <a:pt x="581" y="1595"/>
                </a:moveTo>
                <a:cubicBezTo>
                  <a:pt x="564" y="1613"/>
                  <a:pt x="541" y="1621"/>
                  <a:pt x="518" y="1622"/>
                </a:cubicBezTo>
                <a:cubicBezTo>
                  <a:pt x="496" y="1622"/>
                  <a:pt x="475" y="1614"/>
                  <a:pt x="458" y="1598"/>
                </a:cubicBezTo>
                <a:cubicBezTo>
                  <a:pt x="432" y="1573"/>
                  <a:pt x="432" y="1573"/>
                  <a:pt x="432" y="1573"/>
                </a:cubicBezTo>
                <a:cubicBezTo>
                  <a:pt x="432" y="1573"/>
                  <a:pt x="432" y="1573"/>
                  <a:pt x="432" y="1573"/>
                </a:cubicBezTo>
                <a:cubicBezTo>
                  <a:pt x="414" y="1556"/>
                  <a:pt x="405" y="1534"/>
                  <a:pt x="405" y="1510"/>
                </a:cubicBezTo>
                <a:cubicBezTo>
                  <a:pt x="405" y="1489"/>
                  <a:pt x="413" y="1468"/>
                  <a:pt x="429" y="1451"/>
                </a:cubicBezTo>
                <a:cubicBezTo>
                  <a:pt x="429" y="1451"/>
                  <a:pt x="777" y="1088"/>
                  <a:pt x="780" y="1085"/>
                </a:cubicBezTo>
                <a:cubicBezTo>
                  <a:pt x="797" y="1069"/>
                  <a:pt x="818" y="1061"/>
                  <a:pt x="840" y="1061"/>
                </a:cubicBezTo>
                <a:cubicBezTo>
                  <a:pt x="862" y="1061"/>
                  <a:pt x="883" y="1068"/>
                  <a:pt x="900" y="1084"/>
                </a:cubicBezTo>
                <a:cubicBezTo>
                  <a:pt x="926" y="1109"/>
                  <a:pt x="926" y="1109"/>
                  <a:pt x="926" y="1109"/>
                </a:cubicBezTo>
                <a:cubicBezTo>
                  <a:pt x="944" y="1126"/>
                  <a:pt x="953" y="1148"/>
                  <a:pt x="953" y="1172"/>
                </a:cubicBezTo>
                <a:cubicBezTo>
                  <a:pt x="953" y="1193"/>
                  <a:pt x="945" y="1215"/>
                  <a:pt x="929" y="1231"/>
                </a:cubicBezTo>
                <a:lnTo>
                  <a:pt x="581" y="1595"/>
                </a:lnTo>
                <a:close/>
                <a:moveTo>
                  <a:pt x="866" y="1749"/>
                </a:moveTo>
                <a:cubicBezTo>
                  <a:pt x="849" y="1767"/>
                  <a:pt x="827" y="1776"/>
                  <a:pt x="803" y="1776"/>
                </a:cubicBezTo>
                <a:cubicBezTo>
                  <a:pt x="781" y="1776"/>
                  <a:pt x="760" y="1768"/>
                  <a:pt x="743" y="1752"/>
                </a:cubicBezTo>
                <a:cubicBezTo>
                  <a:pt x="717" y="1727"/>
                  <a:pt x="717" y="1727"/>
                  <a:pt x="717" y="1727"/>
                </a:cubicBezTo>
                <a:cubicBezTo>
                  <a:pt x="699" y="1710"/>
                  <a:pt x="691" y="1688"/>
                  <a:pt x="691" y="1665"/>
                </a:cubicBezTo>
                <a:cubicBezTo>
                  <a:pt x="691" y="1645"/>
                  <a:pt x="697" y="1626"/>
                  <a:pt x="710" y="1611"/>
                </a:cubicBezTo>
                <a:cubicBezTo>
                  <a:pt x="952" y="1358"/>
                  <a:pt x="952" y="1358"/>
                  <a:pt x="952" y="1358"/>
                </a:cubicBezTo>
                <a:cubicBezTo>
                  <a:pt x="969" y="1343"/>
                  <a:pt x="989" y="1335"/>
                  <a:pt x="1010" y="1335"/>
                </a:cubicBezTo>
                <a:cubicBezTo>
                  <a:pt x="1032" y="1335"/>
                  <a:pt x="1053" y="1343"/>
                  <a:pt x="1070" y="1359"/>
                </a:cubicBezTo>
                <a:cubicBezTo>
                  <a:pt x="1096" y="1384"/>
                  <a:pt x="1096" y="1384"/>
                  <a:pt x="1096" y="1384"/>
                </a:cubicBezTo>
                <a:cubicBezTo>
                  <a:pt x="1114" y="1400"/>
                  <a:pt x="1123" y="1423"/>
                  <a:pt x="1123" y="1446"/>
                </a:cubicBezTo>
                <a:cubicBezTo>
                  <a:pt x="1123" y="1468"/>
                  <a:pt x="1115" y="1489"/>
                  <a:pt x="1099" y="1506"/>
                </a:cubicBezTo>
                <a:lnTo>
                  <a:pt x="866" y="1749"/>
                </a:lnTo>
                <a:close/>
                <a:moveTo>
                  <a:pt x="1327" y="1722"/>
                </a:moveTo>
                <a:cubicBezTo>
                  <a:pt x="1180" y="1876"/>
                  <a:pt x="1180" y="1876"/>
                  <a:pt x="1180" y="1876"/>
                </a:cubicBezTo>
                <a:cubicBezTo>
                  <a:pt x="1163" y="1894"/>
                  <a:pt x="1140" y="1902"/>
                  <a:pt x="1117" y="1903"/>
                </a:cubicBezTo>
                <a:cubicBezTo>
                  <a:pt x="1095" y="1903"/>
                  <a:pt x="1074" y="1895"/>
                  <a:pt x="1057" y="1879"/>
                </a:cubicBezTo>
                <a:cubicBezTo>
                  <a:pt x="1031" y="1854"/>
                  <a:pt x="1031" y="1854"/>
                  <a:pt x="1031" y="1854"/>
                </a:cubicBezTo>
                <a:cubicBezTo>
                  <a:pt x="1013" y="1837"/>
                  <a:pt x="1004" y="1815"/>
                  <a:pt x="1004" y="1791"/>
                </a:cubicBezTo>
                <a:cubicBezTo>
                  <a:pt x="1004" y="1770"/>
                  <a:pt x="1012" y="1748"/>
                  <a:pt x="1028" y="1732"/>
                </a:cubicBezTo>
                <a:cubicBezTo>
                  <a:pt x="1175" y="1578"/>
                  <a:pt x="1175" y="1578"/>
                  <a:pt x="1175" y="1578"/>
                </a:cubicBezTo>
                <a:cubicBezTo>
                  <a:pt x="1192" y="1561"/>
                  <a:pt x="1215" y="1552"/>
                  <a:pt x="1238" y="1552"/>
                </a:cubicBezTo>
                <a:cubicBezTo>
                  <a:pt x="1260" y="1552"/>
                  <a:pt x="1281" y="1559"/>
                  <a:pt x="1298" y="1575"/>
                </a:cubicBezTo>
                <a:cubicBezTo>
                  <a:pt x="1324" y="1600"/>
                  <a:pt x="1324" y="1600"/>
                  <a:pt x="1324" y="1600"/>
                </a:cubicBezTo>
                <a:cubicBezTo>
                  <a:pt x="1342" y="1617"/>
                  <a:pt x="1351" y="1640"/>
                  <a:pt x="1351" y="1663"/>
                </a:cubicBezTo>
                <a:cubicBezTo>
                  <a:pt x="1351" y="1684"/>
                  <a:pt x="1343" y="1706"/>
                  <a:pt x="1327" y="1722"/>
                </a:cubicBezTo>
                <a:close/>
                <a:moveTo>
                  <a:pt x="2605" y="1306"/>
                </a:moveTo>
                <a:cubicBezTo>
                  <a:pt x="2605" y="1327"/>
                  <a:pt x="2597" y="1348"/>
                  <a:pt x="2582" y="1365"/>
                </a:cubicBezTo>
                <a:cubicBezTo>
                  <a:pt x="2558" y="1391"/>
                  <a:pt x="2558" y="1391"/>
                  <a:pt x="2558" y="1391"/>
                </a:cubicBezTo>
                <a:cubicBezTo>
                  <a:pt x="2541" y="1409"/>
                  <a:pt x="2517" y="1418"/>
                  <a:pt x="2494" y="1418"/>
                </a:cubicBezTo>
                <a:cubicBezTo>
                  <a:pt x="2472" y="1418"/>
                  <a:pt x="2451" y="1411"/>
                  <a:pt x="2435" y="1395"/>
                </a:cubicBezTo>
                <a:cubicBezTo>
                  <a:pt x="2024" y="1015"/>
                  <a:pt x="2024" y="1015"/>
                  <a:pt x="2024" y="1015"/>
                </a:cubicBezTo>
                <a:cubicBezTo>
                  <a:pt x="1953" y="1091"/>
                  <a:pt x="1953" y="1091"/>
                  <a:pt x="1953" y="1091"/>
                </a:cubicBezTo>
                <a:cubicBezTo>
                  <a:pt x="2393" y="1499"/>
                  <a:pt x="2393" y="1499"/>
                  <a:pt x="2393" y="1499"/>
                </a:cubicBezTo>
                <a:cubicBezTo>
                  <a:pt x="2411" y="1516"/>
                  <a:pt x="2420" y="1539"/>
                  <a:pt x="2420" y="1562"/>
                </a:cubicBezTo>
                <a:cubicBezTo>
                  <a:pt x="2420" y="1584"/>
                  <a:pt x="2413" y="1604"/>
                  <a:pt x="2397" y="1621"/>
                </a:cubicBezTo>
                <a:cubicBezTo>
                  <a:pt x="2373" y="1647"/>
                  <a:pt x="2373" y="1647"/>
                  <a:pt x="2373" y="1647"/>
                </a:cubicBezTo>
                <a:cubicBezTo>
                  <a:pt x="2356" y="1665"/>
                  <a:pt x="2333" y="1675"/>
                  <a:pt x="2309" y="1675"/>
                </a:cubicBezTo>
                <a:cubicBezTo>
                  <a:pt x="2288" y="1675"/>
                  <a:pt x="2267" y="1667"/>
                  <a:pt x="2250" y="1652"/>
                </a:cubicBezTo>
                <a:cubicBezTo>
                  <a:pt x="1839" y="1272"/>
                  <a:pt x="1839" y="1272"/>
                  <a:pt x="1839" y="1272"/>
                </a:cubicBezTo>
                <a:cubicBezTo>
                  <a:pt x="1768" y="1348"/>
                  <a:pt x="1768" y="1348"/>
                  <a:pt x="1768" y="1348"/>
                </a:cubicBezTo>
                <a:cubicBezTo>
                  <a:pt x="2133" y="1685"/>
                  <a:pt x="2133" y="1685"/>
                  <a:pt x="2133" y="1685"/>
                </a:cubicBezTo>
                <a:cubicBezTo>
                  <a:pt x="2150" y="1702"/>
                  <a:pt x="2159" y="1724"/>
                  <a:pt x="2159" y="1747"/>
                </a:cubicBezTo>
                <a:cubicBezTo>
                  <a:pt x="2159" y="1769"/>
                  <a:pt x="2152" y="1790"/>
                  <a:pt x="2136" y="1806"/>
                </a:cubicBezTo>
                <a:cubicBezTo>
                  <a:pt x="2112" y="1832"/>
                  <a:pt x="2112" y="1832"/>
                  <a:pt x="2112" y="1832"/>
                </a:cubicBezTo>
                <a:cubicBezTo>
                  <a:pt x="2095" y="1851"/>
                  <a:pt x="2072" y="1860"/>
                  <a:pt x="2048" y="1860"/>
                </a:cubicBezTo>
                <a:cubicBezTo>
                  <a:pt x="2027" y="1860"/>
                  <a:pt x="2006" y="1852"/>
                  <a:pt x="1989" y="1837"/>
                </a:cubicBezTo>
                <a:cubicBezTo>
                  <a:pt x="1625" y="1501"/>
                  <a:pt x="1625" y="1501"/>
                  <a:pt x="1625" y="1501"/>
                </a:cubicBezTo>
                <a:cubicBezTo>
                  <a:pt x="1625" y="1501"/>
                  <a:pt x="1625" y="1501"/>
                  <a:pt x="1625" y="1501"/>
                </a:cubicBezTo>
                <a:cubicBezTo>
                  <a:pt x="1625" y="1501"/>
                  <a:pt x="1625" y="1501"/>
                  <a:pt x="1625" y="1501"/>
                </a:cubicBezTo>
                <a:cubicBezTo>
                  <a:pt x="1554" y="1577"/>
                  <a:pt x="1554" y="1577"/>
                  <a:pt x="1554" y="1577"/>
                </a:cubicBezTo>
                <a:cubicBezTo>
                  <a:pt x="1554" y="1577"/>
                  <a:pt x="1554" y="1577"/>
                  <a:pt x="1554" y="1577"/>
                </a:cubicBezTo>
                <a:cubicBezTo>
                  <a:pt x="1556" y="1578"/>
                  <a:pt x="1556" y="1578"/>
                  <a:pt x="1556" y="1578"/>
                </a:cubicBezTo>
                <a:cubicBezTo>
                  <a:pt x="1738" y="1747"/>
                  <a:pt x="1738" y="1747"/>
                  <a:pt x="1738" y="1747"/>
                </a:cubicBezTo>
                <a:cubicBezTo>
                  <a:pt x="1754" y="1763"/>
                  <a:pt x="1762" y="1784"/>
                  <a:pt x="1762" y="1806"/>
                </a:cubicBezTo>
                <a:cubicBezTo>
                  <a:pt x="1762" y="1828"/>
                  <a:pt x="1755" y="1849"/>
                  <a:pt x="1739" y="1865"/>
                </a:cubicBezTo>
                <a:cubicBezTo>
                  <a:pt x="1715" y="1891"/>
                  <a:pt x="1715" y="1891"/>
                  <a:pt x="1715" y="1891"/>
                </a:cubicBezTo>
                <a:cubicBezTo>
                  <a:pt x="1698" y="1909"/>
                  <a:pt x="1675" y="1919"/>
                  <a:pt x="1651" y="1919"/>
                </a:cubicBezTo>
                <a:cubicBezTo>
                  <a:pt x="1630" y="1919"/>
                  <a:pt x="1609" y="1911"/>
                  <a:pt x="1592" y="1896"/>
                </a:cubicBezTo>
                <a:cubicBezTo>
                  <a:pt x="1434" y="1749"/>
                  <a:pt x="1434" y="1749"/>
                  <a:pt x="1434" y="1749"/>
                </a:cubicBezTo>
                <a:cubicBezTo>
                  <a:pt x="1447" y="1722"/>
                  <a:pt x="1455" y="1692"/>
                  <a:pt x="1455" y="1663"/>
                </a:cubicBezTo>
                <a:cubicBezTo>
                  <a:pt x="1455" y="1613"/>
                  <a:pt x="1435" y="1562"/>
                  <a:pt x="1396" y="1525"/>
                </a:cubicBezTo>
                <a:cubicBezTo>
                  <a:pt x="1370" y="1500"/>
                  <a:pt x="1370" y="1500"/>
                  <a:pt x="1370" y="1500"/>
                </a:cubicBezTo>
                <a:cubicBezTo>
                  <a:pt x="1333" y="1465"/>
                  <a:pt x="1285" y="1448"/>
                  <a:pt x="1238" y="1448"/>
                </a:cubicBezTo>
                <a:cubicBezTo>
                  <a:pt x="1235" y="1448"/>
                  <a:pt x="1231" y="1449"/>
                  <a:pt x="1227" y="1449"/>
                </a:cubicBezTo>
                <a:cubicBezTo>
                  <a:pt x="1227" y="1448"/>
                  <a:pt x="1227" y="1447"/>
                  <a:pt x="1227" y="1446"/>
                </a:cubicBezTo>
                <a:cubicBezTo>
                  <a:pt x="1228" y="1396"/>
                  <a:pt x="1168" y="1308"/>
                  <a:pt x="1168" y="1308"/>
                </a:cubicBezTo>
                <a:cubicBezTo>
                  <a:pt x="1142" y="1284"/>
                  <a:pt x="1142" y="1284"/>
                  <a:pt x="1142" y="1284"/>
                </a:cubicBezTo>
                <a:cubicBezTo>
                  <a:pt x="1115" y="1258"/>
                  <a:pt x="1081" y="1241"/>
                  <a:pt x="1046" y="1235"/>
                </a:cubicBezTo>
                <a:cubicBezTo>
                  <a:pt x="1053" y="1214"/>
                  <a:pt x="1057" y="1193"/>
                  <a:pt x="1057" y="1172"/>
                </a:cubicBezTo>
                <a:cubicBezTo>
                  <a:pt x="1057" y="1122"/>
                  <a:pt x="1038" y="1071"/>
                  <a:pt x="998" y="1034"/>
                </a:cubicBezTo>
                <a:cubicBezTo>
                  <a:pt x="972" y="1009"/>
                  <a:pt x="972" y="1009"/>
                  <a:pt x="972" y="1009"/>
                </a:cubicBezTo>
                <a:cubicBezTo>
                  <a:pt x="935" y="974"/>
                  <a:pt x="888" y="957"/>
                  <a:pt x="840" y="957"/>
                </a:cubicBezTo>
                <a:cubicBezTo>
                  <a:pt x="835" y="957"/>
                  <a:pt x="830" y="958"/>
                  <a:pt x="824" y="958"/>
                </a:cubicBezTo>
                <a:cubicBezTo>
                  <a:pt x="823" y="910"/>
                  <a:pt x="803" y="862"/>
                  <a:pt x="766" y="827"/>
                </a:cubicBezTo>
                <a:cubicBezTo>
                  <a:pt x="766" y="827"/>
                  <a:pt x="766" y="827"/>
                  <a:pt x="766" y="827"/>
                </a:cubicBezTo>
                <a:cubicBezTo>
                  <a:pt x="740" y="802"/>
                  <a:pt x="740" y="802"/>
                  <a:pt x="740" y="802"/>
                </a:cubicBezTo>
                <a:cubicBezTo>
                  <a:pt x="703" y="767"/>
                  <a:pt x="655" y="749"/>
                  <a:pt x="608" y="750"/>
                </a:cubicBezTo>
                <a:cubicBezTo>
                  <a:pt x="557" y="749"/>
                  <a:pt x="507" y="769"/>
                  <a:pt x="469" y="808"/>
                </a:cubicBezTo>
                <a:cubicBezTo>
                  <a:pt x="408" y="873"/>
                  <a:pt x="408" y="873"/>
                  <a:pt x="408" y="873"/>
                </a:cubicBezTo>
                <a:cubicBezTo>
                  <a:pt x="134" y="640"/>
                  <a:pt x="134" y="640"/>
                  <a:pt x="134" y="640"/>
                </a:cubicBezTo>
                <a:cubicBezTo>
                  <a:pt x="115" y="623"/>
                  <a:pt x="105" y="600"/>
                  <a:pt x="105" y="576"/>
                </a:cubicBezTo>
                <a:cubicBezTo>
                  <a:pt x="105" y="556"/>
                  <a:pt x="112" y="536"/>
                  <a:pt x="126" y="520"/>
                </a:cubicBezTo>
                <a:cubicBezTo>
                  <a:pt x="415" y="197"/>
                  <a:pt x="415" y="197"/>
                  <a:pt x="415" y="197"/>
                </a:cubicBezTo>
                <a:cubicBezTo>
                  <a:pt x="426" y="184"/>
                  <a:pt x="443" y="173"/>
                  <a:pt x="463" y="165"/>
                </a:cubicBezTo>
                <a:cubicBezTo>
                  <a:pt x="483" y="157"/>
                  <a:pt x="505" y="152"/>
                  <a:pt x="526" y="152"/>
                </a:cubicBezTo>
                <a:cubicBezTo>
                  <a:pt x="544" y="152"/>
                  <a:pt x="562" y="156"/>
                  <a:pt x="575" y="162"/>
                </a:cubicBezTo>
                <a:cubicBezTo>
                  <a:pt x="733" y="229"/>
                  <a:pt x="733" y="229"/>
                  <a:pt x="733" y="229"/>
                </a:cubicBezTo>
                <a:cubicBezTo>
                  <a:pt x="778" y="248"/>
                  <a:pt x="830" y="256"/>
                  <a:pt x="882" y="256"/>
                </a:cubicBezTo>
                <a:cubicBezTo>
                  <a:pt x="934" y="256"/>
                  <a:pt x="986" y="248"/>
                  <a:pt x="1030" y="229"/>
                </a:cubicBezTo>
                <a:cubicBezTo>
                  <a:pt x="1188" y="162"/>
                  <a:pt x="1188" y="162"/>
                  <a:pt x="1188" y="162"/>
                </a:cubicBezTo>
                <a:cubicBezTo>
                  <a:pt x="1213" y="151"/>
                  <a:pt x="1250" y="144"/>
                  <a:pt x="1286" y="145"/>
                </a:cubicBezTo>
                <a:cubicBezTo>
                  <a:pt x="1327" y="144"/>
                  <a:pt x="1367" y="153"/>
                  <a:pt x="1391" y="165"/>
                </a:cubicBezTo>
                <a:cubicBezTo>
                  <a:pt x="1406" y="172"/>
                  <a:pt x="1420" y="179"/>
                  <a:pt x="1433" y="186"/>
                </a:cubicBezTo>
                <a:cubicBezTo>
                  <a:pt x="1272" y="299"/>
                  <a:pt x="1272" y="299"/>
                  <a:pt x="1272" y="299"/>
                </a:cubicBezTo>
                <a:cubicBezTo>
                  <a:pt x="1220" y="336"/>
                  <a:pt x="1192" y="393"/>
                  <a:pt x="1192" y="452"/>
                </a:cubicBezTo>
                <a:cubicBezTo>
                  <a:pt x="1192" y="491"/>
                  <a:pt x="1204" y="530"/>
                  <a:pt x="1229" y="564"/>
                </a:cubicBezTo>
                <a:cubicBezTo>
                  <a:pt x="1229" y="563"/>
                  <a:pt x="1229" y="563"/>
                  <a:pt x="1229" y="563"/>
                </a:cubicBezTo>
                <a:cubicBezTo>
                  <a:pt x="1250" y="592"/>
                  <a:pt x="1250" y="592"/>
                  <a:pt x="1250" y="592"/>
                </a:cubicBezTo>
                <a:cubicBezTo>
                  <a:pt x="1291" y="646"/>
                  <a:pt x="1354" y="674"/>
                  <a:pt x="1417" y="674"/>
                </a:cubicBezTo>
                <a:cubicBezTo>
                  <a:pt x="1453" y="674"/>
                  <a:pt x="1489" y="665"/>
                  <a:pt x="1521" y="645"/>
                </a:cubicBezTo>
                <a:cubicBezTo>
                  <a:pt x="1618" y="587"/>
                  <a:pt x="1618" y="587"/>
                  <a:pt x="1618" y="587"/>
                </a:cubicBezTo>
                <a:cubicBezTo>
                  <a:pt x="1637" y="575"/>
                  <a:pt x="1667" y="568"/>
                  <a:pt x="1698" y="568"/>
                </a:cubicBezTo>
                <a:cubicBezTo>
                  <a:pt x="1734" y="568"/>
                  <a:pt x="1770" y="578"/>
                  <a:pt x="1792" y="594"/>
                </a:cubicBezTo>
                <a:cubicBezTo>
                  <a:pt x="2059" y="786"/>
                  <a:pt x="2059" y="786"/>
                  <a:pt x="2059" y="786"/>
                </a:cubicBezTo>
                <a:cubicBezTo>
                  <a:pt x="2118" y="828"/>
                  <a:pt x="2215" y="907"/>
                  <a:pt x="2269" y="957"/>
                </a:cubicBezTo>
                <a:cubicBezTo>
                  <a:pt x="2578" y="1242"/>
                  <a:pt x="2578" y="1242"/>
                  <a:pt x="2578" y="1242"/>
                </a:cubicBezTo>
                <a:cubicBezTo>
                  <a:pt x="2596" y="1259"/>
                  <a:pt x="2605" y="1282"/>
                  <a:pt x="2605" y="1306"/>
                </a:cubicBezTo>
                <a:close/>
                <a:moveTo>
                  <a:pt x="2938" y="598"/>
                </a:moveTo>
                <a:cubicBezTo>
                  <a:pt x="2526" y="1053"/>
                  <a:pt x="2526" y="1053"/>
                  <a:pt x="2526" y="1053"/>
                </a:cubicBezTo>
                <a:cubicBezTo>
                  <a:pt x="2340" y="881"/>
                  <a:pt x="2340" y="881"/>
                  <a:pt x="2340" y="881"/>
                </a:cubicBezTo>
                <a:cubicBezTo>
                  <a:pt x="2281" y="827"/>
                  <a:pt x="2185" y="748"/>
                  <a:pt x="2120" y="701"/>
                </a:cubicBezTo>
                <a:cubicBezTo>
                  <a:pt x="1853" y="510"/>
                  <a:pt x="1853" y="510"/>
                  <a:pt x="1853" y="510"/>
                </a:cubicBezTo>
                <a:cubicBezTo>
                  <a:pt x="1808" y="478"/>
                  <a:pt x="1752" y="464"/>
                  <a:pt x="1698" y="464"/>
                </a:cubicBezTo>
                <a:cubicBezTo>
                  <a:pt x="1651" y="464"/>
                  <a:pt x="1604" y="474"/>
                  <a:pt x="1564" y="498"/>
                </a:cubicBezTo>
                <a:cubicBezTo>
                  <a:pt x="1467" y="556"/>
                  <a:pt x="1467" y="556"/>
                  <a:pt x="1467" y="556"/>
                </a:cubicBezTo>
                <a:cubicBezTo>
                  <a:pt x="1452" y="565"/>
                  <a:pt x="1435" y="570"/>
                  <a:pt x="1417" y="570"/>
                </a:cubicBezTo>
                <a:cubicBezTo>
                  <a:pt x="1385" y="570"/>
                  <a:pt x="1352" y="555"/>
                  <a:pt x="1334" y="530"/>
                </a:cubicBezTo>
                <a:cubicBezTo>
                  <a:pt x="1313" y="502"/>
                  <a:pt x="1313" y="502"/>
                  <a:pt x="1313" y="502"/>
                </a:cubicBezTo>
                <a:cubicBezTo>
                  <a:pt x="1313" y="501"/>
                  <a:pt x="1313" y="501"/>
                  <a:pt x="1313" y="501"/>
                </a:cubicBezTo>
                <a:cubicBezTo>
                  <a:pt x="1301" y="486"/>
                  <a:pt x="1296" y="469"/>
                  <a:pt x="1296" y="452"/>
                </a:cubicBezTo>
                <a:cubicBezTo>
                  <a:pt x="1296" y="426"/>
                  <a:pt x="1308" y="400"/>
                  <a:pt x="1332" y="384"/>
                </a:cubicBezTo>
                <a:cubicBezTo>
                  <a:pt x="1617" y="183"/>
                  <a:pt x="1617" y="183"/>
                  <a:pt x="1617" y="183"/>
                </a:cubicBezTo>
                <a:cubicBezTo>
                  <a:pt x="1642" y="166"/>
                  <a:pt x="1685" y="153"/>
                  <a:pt x="1727" y="153"/>
                </a:cubicBezTo>
                <a:cubicBezTo>
                  <a:pt x="1756" y="153"/>
                  <a:pt x="1784" y="159"/>
                  <a:pt x="1803" y="168"/>
                </a:cubicBezTo>
                <a:cubicBezTo>
                  <a:pt x="2035" y="281"/>
                  <a:pt x="2035" y="281"/>
                  <a:pt x="2035" y="281"/>
                </a:cubicBezTo>
                <a:cubicBezTo>
                  <a:pt x="2074" y="300"/>
                  <a:pt x="2119" y="308"/>
                  <a:pt x="2164" y="308"/>
                </a:cubicBezTo>
                <a:cubicBezTo>
                  <a:pt x="2222" y="307"/>
                  <a:pt x="2280" y="295"/>
                  <a:pt x="2328" y="265"/>
                </a:cubicBezTo>
                <a:cubicBezTo>
                  <a:pt x="2565" y="118"/>
                  <a:pt x="2565" y="118"/>
                  <a:pt x="2565" y="118"/>
                </a:cubicBezTo>
                <a:cubicBezTo>
                  <a:pt x="2581" y="108"/>
                  <a:pt x="2599" y="103"/>
                  <a:pt x="2618" y="103"/>
                </a:cubicBezTo>
                <a:cubicBezTo>
                  <a:pt x="2650" y="103"/>
                  <a:pt x="2682" y="118"/>
                  <a:pt x="2700" y="142"/>
                </a:cubicBezTo>
                <a:cubicBezTo>
                  <a:pt x="2943" y="453"/>
                  <a:pt x="2943" y="453"/>
                  <a:pt x="2943" y="453"/>
                </a:cubicBezTo>
                <a:cubicBezTo>
                  <a:pt x="2957" y="471"/>
                  <a:pt x="2965" y="496"/>
                  <a:pt x="2965" y="522"/>
                </a:cubicBezTo>
                <a:cubicBezTo>
                  <a:pt x="2965" y="551"/>
                  <a:pt x="2955" y="580"/>
                  <a:pt x="2938" y="598"/>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grpSp>
        <p:nvGrpSpPr>
          <p:cNvPr id="31" name="Group 30">
            <a:extLst>
              <a:ext uri="{FF2B5EF4-FFF2-40B4-BE49-F238E27FC236}">
                <a16:creationId xmlns:a16="http://schemas.microsoft.com/office/drawing/2014/main" id="{9CE5D60D-884B-087D-056B-C3544954E265}"/>
              </a:ext>
            </a:extLst>
          </p:cNvPr>
          <p:cNvGrpSpPr/>
          <p:nvPr/>
        </p:nvGrpSpPr>
        <p:grpSpPr>
          <a:xfrm>
            <a:off x="9549381" y="3020376"/>
            <a:ext cx="480302" cy="491963"/>
            <a:chOff x="5241709" y="3841839"/>
            <a:chExt cx="325231" cy="333127"/>
          </a:xfrm>
        </p:grpSpPr>
        <p:sp>
          <p:nvSpPr>
            <p:cNvPr id="32" name="Freeform 5">
              <a:extLst>
                <a:ext uri="{FF2B5EF4-FFF2-40B4-BE49-F238E27FC236}">
                  <a16:creationId xmlns:a16="http://schemas.microsoft.com/office/drawing/2014/main" id="{2D6B958C-21FE-3C86-7D24-ABEA789439AE}"/>
                </a:ext>
              </a:extLst>
            </p:cNvPr>
            <p:cNvSpPr>
              <a:spLocks noEditPoints="1"/>
            </p:cNvSpPr>
            <p:nvPr/>
          </p:nvSpPr>
          <p:spPr bwMode="auto">
            <a:xfrm>
              <a:off x="5241709" y="3841839"/>
              <a:ext cx="325231" cy="333127"/>
            </a:xfrm>
            <a:custGeom>
              <a:avLst/>
              <a:gdLst>
                <a:gd name="T0" fmla="*/ 5905 w 6088"/>
                <a:gd name="T1" fmla="*/ 5428 h 6231"/>
                <a:gd name="T2" fmla="*/ 4383 w 6088"/>
                <a:gd name="T3" fmla="*/ 3905 h 6231"/>
                <a:gd name="T4" fmla="*/ 4083 w 6088"/>
                <a:gd name="T5" fmla="*/ 923 h 6231"/>
                <a:gd name="T6" fmla="*/ 736 w 6088"/>
                <a:gd name="T7" fmla="*/ 923 h 6231"/>
                <a:gd name="T8" fmla="*/ 54 w 6088"/>
                <a:gd name="T9" fmla="*/ 2357 h 6231"/>
                <a:gd name="T10" fmla="*/ 417 w 6088"/>
                <a:gd name="T11" fmla="*/ 3876 h 6231"/>
                <a:gd name="T12" fmla="*/ 579 w 6088"/>
                <a:gd name="T13" fmla="*/ 3911 h 6231"/>
                <a:gd name="T14" fmla="*/ 614 w 6088"/>
                <a:gd name="T15" fmla="*/ 3749 h 6231"/>
                <a:gd name="T16" fmla="*/ 901 w 6088"/>
                <a:gd name="T17" fmla="*/ 1089 h 6231"/>
                <a:gd name="T18" fmla="*/ 3918 w 6088"/>
                <a:gd name="T19" fmla="*/ 1089 h 6231"/>
                <a:gd name="T20" fmla="*/ 3918 w 6088"/>
                <a:gd name="T21" fmla="*/ 4105 h 6231"/>
                <a:gd name="T22" fmla="*/ 1284 w 6088"/>
                <a:gd name="T23" fmla="*/ 4409 h 6231"/>
                <a:gd name="T24" fmla="*/ 1122 w 6088"/>
                <a:gd name="T25" fmla="*/ 4447 h 6231"/>
                <a:gd name="T26" fmla="*/ 1160 w 6088"/>
                <a:gd name="T27" fmla="*/ 4608 h 6231"/>
                <a:gd name="T28" fmla="*/ 2412 w 6088"/>
                <a:gd name="T29" fmla="*/ 4964 h 6231"/>
                <a:gd name="T30" fmla="*/ 2666 w 6088"/>
                <a:gd name="T31" fmla="*/ 4950 h 6231"/>
                <a:gd name="T32" fmla="*/ 3715 w 6088"/>
                <a:gd name="T33" fmla="*/ 4571 h 6231"/>
                <a:gd name="T34" fmla="*/ 5239 w 6088"/>
                <a:gd name="T35" fmla="*/ 6095 h 6231"/>
                <a:gd name="T36" fmla="*/ 5569 w 6088"/>
                <a:gd name="T37" fmla="*/ 6231 h 6231"/>
                <a:gd name="T38" fmla="*/ 5903 w 6088"/>
                <a:gd name="T39" fmla="*/ 6092 h 6231"/>
                <a:gd name="T40" fmla="*/ 5905 w 6088"/>
                <a:gd name="T41" fmla="*/ 5428 h 6231"/>
                <a:gd name="T42" fmla="*/ 3906 w 6088"/>
                <a:gd name="T43" fmla="*/ 4431 h 6231"/>
                <a:gd name="T44" fmla="*/ 4083 w 6088"/>
                <a:gd name="T45" fmla="*/ 4271 h 6231"/>
                <a:gd name="T46" fmla="*/ 4242 w 6088"/>
                <a:gd name="T47" fmla="*/ 4096 h 6231"/>
                <a:gd name="T48" fmla="*/ 4539 w 6088"/>
                <a:gd name="T49" fmla="*/ 4393 h 6231"/>
                <a:gd name="T50" fmla="*/ 4203 w 6088"/>
                <a:gd name="T51" fmla="*/ 4728 h 6231"/>
                <a:gd name="T52" fmla="*/ 3906 w 6088"/>
                <a:gd name="T53" fmla="*/ 4431 h 6231"/>
                <a:gd name="T54" fmla="*/ 5737 w 6088"/>
                <a:gd name="T55" fmla="*/ 5927 h 6231"/>
                <a:gd name="T56" fmla="*/ 5404 w 6088"/>
                <a:gd name="T57" fmla="*/ 5929 h 6231"/>
                <a:gd name="T58" fmla="*/ 4369 w 6088"/>
                <a:gd name="T59" fmla="*/ 4894 h 6231"/>
                <a:gd name="T60" fmla="*/ 4704 w 6088"/>
                <a:gd name="T61" fmla="*/ 4558 h 6231"/>
                <a:gd name="T62" fmla="*/ 5740 w 6088"/>
                <a:gd name="T63" fmla="*/ 5594 h 6231"/>
                <a:gd name="T64" fmla="*/ 5737 w 6088"/>
                <a:gd name="T65" fmla="*/ 5927 h 62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088" h="6231">
                  <a:moveTo>
                    <a:pt x="5905" y="5428"/>
                  </a:moveTo>
                  <a:cubicBezTo>
                    <a:pt x="4383" y="3905"/>
                    <a:pt x="4383" y="3905"/>
                    <a:pt x="4383" y="3905"/>
                  </a:cubicBezTo>
                  <a:cubicBezTo>
                    <a:pt x="4992" y="2986"/>
                    <a:pt x="4893" y="1732"/>
                    <a:pt x="4083" y="923"/>
                  </a:cubicBezTo>
                  <a:cubicBezTo>
                    <a:pt x="3160" y="0"/>
                    <a:pt x="1659" y="0"/>
                    <a:pt x="736" y="923"/>
                  </a:cubicBezTo>
                  <a:cubicBezTo>
                    <a:pt x="351" y="1308"/>
                    <a:pt x="109" y="1817"/>
                    <a:pt x="54" y="2357"/>
                  </a:cubicBezTo>
                  <a:cubicBezTo>
                    <a:pt x="0" y="2889"/>
                    <a:pt x="129" y="3428"/>
                    <a:pt x="417" y="3876"/>
                  </a:cubicBezTo>
                  <a:cubicBezTo>
                    <a:pt x="452" y="3930"/>
                    <a:pt x="524" y="3946"/>
                    <a:pt x="579" y="3911"/>
                  </a:cubicBezTo>
                  <a:cubicBezTo>
                    <a:pt x="633" y="3876"/>
                    <a:pt x="649" y="3804"/>
                    <a:pt x="614" y="3749"/>
                  </a:cubicBezTo>
                  <a:cubicBezTo>
                    <a:pt x="76" y="2912"/>
                    <a:pt x="197" y="1794"/>
                    <a:pt x="901" y="1089"/>
                  </a:cubicBezTo>
                  <a:cubicBezTo>
                    <a:pt x="1733" y="257"/>
                    <a:pt x="3086" y="257"/>
                    <a:pt x="3918" y="1089"/>
                  </a:cubicBezTo>
                  <a:cubicBezTo>
                    <a:pt x="4749" y="1921"/>
                    <a:pt x="4749" y="3274"/>
                    <a:pt x="3918" y="4105"/>
                  </a:cubicBezTo>
                  <a:cubicBezTo>
                    <a:pt x="3212" y="4811"/>
                    <a:pt x="2129" y="4936"/>
                    <a:pt x="1284" y="4409"/>
                  </a:cubicBezTo>
                  <a:cubicBezTo>
                    <a:pt x="1229" y="4375"/>
                    <a:pt x="1156" y="4392"/>
                    <a:pt x="1122" y="4447"/>
                  </a:cubicBezTo>
                  <a:cubicBezTo>
                    <a:pt x="1088" y="4502"/>
                    <a:pt x="1105" y="4574"/>
                    <a:pt x="1160" y="4608"/>
                  </a:cubicBezTo>
                  <a:cubicBezTo>
                    <a:pt x="1534" y="4841"/>
                    <a:pt x="1971" y="4964"/>
                    <a:pt x="2412" y="4964"/>
                  </a:cubicBezTo>
                  <a:cubicBezTo>
                    <a:pt x="2497" y="4964"/>
                    <a:pt x="2582" y="4960"/>
                    <a:pt x="2666" y="4950"/>
                  </a:cubicBezTo>
                  <a:cubicBezTo>
                    <a:pt x="3042" y="4910"/>
                    <a:pt x="3402" y="4778"/>
                    <a:pt x="3715" y="4571"/>
                  </a:cubicBezTo>
                  <a:cubicBezTo>
                    <a:pt x="5239" y="6095"/>
                    <a:pt x="5239" y="6095"/>
                    <a:pt x="5239" y="6095"/>
                  </a:cubicBezTo>
                  <a:cubicBezTo>
                    <a:pt x="5329" y="6186"/>
                    <a:pt x="5449" y="6231"/>
                    <a:pt x="5569" y="6231"/>
                  </a:cubicBezTo>
                  <a:cubicBezTo>
                    <a:pt x="5689" y="6231"/>
                    <a:pt x="5811" y="6185"/>
                    <a:pt x="5903" y="6092"/>
                  </a:cubicBezTo>
                  <a:cubicBezTo>
                    <a:pt x="6087" y="5909"/>
                    <a:pt x="6088" y="5610"/>
                    <a:pt x="5905" y="5428"/>
                  </a:cubicBezTo>
                  <a:close/>
                  <a:moveTo>
                    <a:pt x="3906" y="4431"/>
                  </a:moveTo>
                  <a:cubicBezTo>
                    <a:pt x="3968" y="4381"/>
                    <a:pt x="4027" y="4327"/>
                    <a:pt x="4083" y="4271"/>
                  </a:cubicBezTo>
                  <a:cubicBezTo>
                    <a:pt x="4140" y="4215"/>
                    <a:pt x="4192" y="4156"/>
                    <a:pt x="4242" y="4096"/>
                  </a:cubicBezTo>
                  <a:cubicBezTo>
                    <a:pt x="4539" y="4393"/>
                    <a:pt x="4539" y="4393"/>
                    <a:pt x="4539" y="4393"/>
                  </a:cubicBezTo>
                  <a:cubicBezTo>
                    <a:pt x="4203" y="4728"/>
                    <a:pt x="4203" y="4728"/>
                    <a:pt x="4203" y="4728"/>
                  </a:cubicBezTo>
                  <a:lnTo>
                    <a:pt x="3906" y="4431"/>
                  </a:lnTo>
                  <a:close/>
                  <a:moveTo>
                    <a:pt x="5737" y="5927"/>
                  </a:moveTo>
                  <a:cubicBezTo>
                    <a:pt x="5645" y="6019"/>
                    <a:pt x="5495" y="6020"/>
                    <a:pt x="5404" y="5929"/>
                  </a:cubicBezTo>
                  <a:cubicBezTo>
                    <a:pt x="4369" y="4894"/>
                    <a:pt x="4369" y="4894"/>
                    <a:pt x="4369" y="4894"/>
                  </a:cubicBezTo>
                  <a:cubicBezTo>
                    <a:pt x="4704" y="4558"/>
                    <a:pt x="4704" y="4558"/>
                    <a:pt x="4704" y="4558"/>
                  </a:cubicBezTo>
                  <a:cubicBezTo>
                    <a:pt x="5740" y="5594"/>
                    <a:pt x="5740" y="5594"/>
                    <a:pt x="5740" y="5594"/>
                  </a:cubicBezTo>
                  <a:cubicBezTo>
                    <a:pt x="5831" y="5685"/>
                    <a:pt x="5830" y="5834"/>
                    <a:pt x="5737" y="5927"/>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6">
              <a:extLst>
                <a:ext uri="{FF2B5EF4-FFF2-40B4-BE49-F238E27FC236}">
                  <a16:creationId xmlns:a16="http://schemas.microsoft.com/office/drawing/2014/main" id="{2A5B8DBA-F0F1-39CC-1BB7-55DFBE3B3510}"/>
                </a:ext>
              </a:extLst>
            </p:cNvPr>
            <p:cNvSpPr>
              <a:spLocks/>
            </p:cNvSpPr>
            <p:nvPr/>
          </p:nvSpPr>
          <p:spPr bwMode="auto">
            <a:xfrm>
              <a:off x="5278230" y="4058988"/>
              <a:ext cx="13819" cy="12832"/>
            </a:xfrm>
            <a:custGeom>
              <a:avLst/>
              <a:gdLst>
                <a:gd name="T0" fmla="*/ 214 w 260"/>
                <a:gd name="T1" fmla="*/ 48 h 248"/>
                <a:gd name="T2" fmla="*/ 211 w 260"/>
                <a:gd name="T3" fmla="*/ 45 h 248"/>
                <a:gd name="T4" fmla="*/ 46 w 260"/>
                <a:gd name="T5" fmla="*/ 46 h 248"/>
                <a:gd name="T6" fmla="*/ 46 w 260"/>
                <a:gd name="T7" fmla="*/ 211 h 248"/>
                <a:gd name="T8" fmla="*/ 49 w 260"/>
                <a:gd name="T9" fmla="*/ 214 h 248"/>
                <a:gd name="T10" fmla="*/ 132 w 260"/>
                <a:gd name="T11" fmla="*/ 248 h 248"/>
                <a:gd name="T12" fmla="*/ 215 w 260"/>
                <a:gd name="T13" fmla="*/ 214 h 248"/>
                <a:gd name="T14" fmla="*/ 214 w 260"/>
                <a:gd name="T15" fmla="*/ 48 h 2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0" h="248">
                  <a:moveTo>
                    <a:pt x="214" y="48"/>
                  </a:moveTo>
                  <a:cubicBezTo>
                    <a:pt x="211" y="45"/>
                    <a:pt x="211" y="45"/>
                    <a:pt x="211" y="45"/>
                  </a:cubicBezTo>
                  <a:cubicBezTo>
                    <a:pt x="165" y="0"/>
                    <a:pt x="91" y="0"/>
                    <a:pt x="46" y="46"/>
                  </a:cubicBezTo>
                  <a:cubicBezTo>
                    <a:pt x="0" y="92"/>
                    <a:pt x="0" y="166"/>
                    <a:pt x="46" y="211"/>
                  </a:cubicBezTo>
                  <a:cubicBezTo>
                    <a:pt x="49" y="214"/>
                    <a:pt x="49" y="214"/>
                    <a:pt x="49" y="214"/>
                  </a:cubicBezTo>
                  <a:cubicBezTo>
                    <a:pt x="72" y="237"/>
                    <a:pt x="102" y="248"/>
                    <a:pt x="132" y="248"/>
                  </a:cubicBezTo>
                  <a:cubicBezTo>
                    <a:pt x="162" y="248"/>
                    <a:pt x="192" y="237"/>
                    <a:pt x="215" y="214"/>
                  </a:cubicBezTo>
                  <a:cubicBezTo>
                    <a:pt x="260" y="168"/>
                    <a:pt x="260" y="94"/>
                    <a:pt x="214" y="48"/>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7">
              <a:extLst>
                <a:ext uri="{FF2B5EF4-FFF2-40B4-BE49-F238E27FC236}">
                  <a16:creationId xmlns:a16="http://schemas.microsoft.com/office/drawing/2014/main" id="{BA09A1CE-41CE-5C1E-7C00-A999AE6EB8A9}"/>
                </a:ext>
              </a:extLst>
            </p:cNvPr>
            <p:cNvSpPr>
              <a:spLocks noEditPoints="1"/>
            </p:cNvSpPr>
            <p:nvPr/>
          </p:nvSpPr>
          <p:spPr bwMode="auto">
            <a:xfrm>
              <a:off x="5273788" y="3884282"/>
              <a:ext cx="192967" cy="192967"/>
            </a:xfrm>
            <a:custGeom>
              <a:avLst/>
              <a:gdLst>
                <a:gd name="T0" fmla="*/ 1805 w 3609"/>
                <a:gd name="T1" fmla="*/ 0 h 3610"/>
                <a:gd name="T2" fmla="*/ 0 w 3609"/>
                <a:gd name="T3" fmla="*/ 1805 h 3610"/>
                <a:gd name="T4" fmla="*/ 1805 w 3609"/>
                <a:gd name="T5" fmla="*/ 3610 h 3610"/>
                <a:gd name="T6" fmla="*/ 3609 w 3609"/>
                <a:gd name="T7" fmla="*/ 1805 h 3610"/>
                <a:gd name="T8" fmla="*/ 1805 w 3609"/>
                <a:gd name="T9" fmla="*/ 0 h 3610"/>
                <a:gd name="T10" fmla="*/ 1805 w 3609"/>
                <a:gd name="T11" fmla="*/ 3375 h 3610"/>
                <a:gd name="T12" fmla="*/ 464 w 3609"/>
                <a:gd name="T13" fmla="*/ 2622 h 3610"/>
                <a:gd name="T14" fmla="*/ 1157 w 3609"/>
                <a:gd name="T15" fmla="*/ 1929 h 3610"/>
                <a:gd name="T16" fmla="*/ 1713 w 3609"/>
                <a:gd name="T17" fmla="*/ 2485 h 3610"/>
                <a:gd name="T18" fmla="*/ 1796 w 3609"/>
                <a:gd name="T19" fmla="*/ 2519 h 3610"/>
                <a:gd name="T20" fmla="*/ 1879 w 3609"/>
                <a:gd name="T21" fmla="*/ 2485 h 3610"/>
                <a:gd name="T22" fmla="*/ 2752 w 3609"/>
                <a:gd name="T23" fmla="*/ 1611 h 3610"/>
                <a:gd name="T24" fmla="*/ 2752 w 3609"/>
                <a:gd name="T25" fmla="*/ 1647 h 3610"/>
                <a:gd name="T26" fmla="*/ 2870 w 3609"/>
                <a:gd name="T27" fmla="*/ 1764 h 3610"/>
                <a:gd name="T28" fmla="*/ 2987 w 3609"/>
                <a:gd name="T29" fmla="*/ 1647 h 3610"/>
                <a:gd name="T30" fmla="*/ 2987 w 3609"/>
                <a:gd name="T31" fmla="*/ 1329 h 3610"/>
                <a:gd name="T32" fmla="*/ 2870 w 3609"/>
                <a:gd name="T33" fmla="*/ 1211 h 3610"/>
                <a:gd name="T34" fmla="*/ 2551 w 3609"/>
                <a:gd name="T35" fmla="*/ 1211 h 3610"/>
                <a:gd name="T36" fmla="*/ 2434 w 3609"/>
                <a:gd name="T37" fmla="*/ 1329 h 3610"/>
                <a:gd name="T38" fmla="*/ 2551 w 3609"/>
                <a:gd name="T39" fmla="*/ 1446 h 3610"/>
                <a:gd name="T40" fmla="*/ 2587 w 3609"/>
                <a:gd name="T41" fmla="*/ 1446 h 3610"/>
                <a:gd name="T42" fmla="*/ 1796 w 3609"/>
                <a:gd name="T43" fmla="*/ 2236 h 3610"/>
                <a:gd name="T44" fmla="*/ 1240 w 3609"/>
                <a:gd name="T45" fmla="*/ 1680 h 3610"/>
                <a:gd name="T46" fmla="*/ 1157 w 3609"/>
                <a:gd name="T47" fmla="*/ 1646 h 3610"/>
                <a:gd name="T48" fmla="*/ 1074 w 3609"/>
                <a:gd name="T49" fmla="*/ 1680 h 3610"/>
                <a:gd name="T50" fmla="*/ 352 w 3609"/>
                <a:gd name="T51" fmla="*/ 2402 h 3610"/>
                <a:gd name="T52" fmla="*/ 234 w 3609"/>
                <a:gd name="T53" fmla="*/ 1805 h 3610"/>
                <a:gd name="T54" fmla="*/ 1805 w 3609"/>
                <a:gd name="T55" fmla="*/ 235 h 3610"/>
                <a:gd name="T56" fmla="*/ 3375 w 3609"/>
                <a:gd name="T57" fmla="*/ 1805 h 3610"/>
                <a:gd name="T58" fmla="*/ 1805 w 3609"/>
                <a:gd name="T59" fmla="*/ 3375 h 3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609" h="3610">
                  <a:moveTo>
                    <a:pt x="1805" y="0"/>
                  </a:moveTo>
                  <a:cubicBezTo>
                    <a:pt x="809" y="0"/>
                    <a:pt x="0" y="810"/>
                    <a:pt x="0" y="1805"/>
                  </a:cubicBezTo>
                  <a:cubicBezTo>
                    <a:pt x="0" y="2800"/>
                    <a:pt x="809" y="3610"/>
                    <a:pt x="1805" y="3610"/>
                  </a:cubicBezTo>
                  <a:cubicBezTo>
                    <a:pt x="2800" y="3610"/>
                    <a:pt x="3609" y="2800"/>
                    <a:pt x="3609" y="1805"/>
                  </a:cubicBezTo>
                  <a:cubicBezTo>
                    <a:pt x="3609" y="810"/>
                    <a:pt x="2800" y="0"/>
                    <a:pt x="1805" y="0"/>
                  </a:cubicBezTo>
                  <a:close/>
                  <a:moveTo>
                    <a:pt x="1805" y="3375"/>
                  </a:moveTo>
                  <a:cubicBezTo>
                    <a:pt x="1238" y="3375"/>
                    <a:pt x="740" y="3073"/>
                    <a:pt x="464" y="2622"/>
                  </a:cubicBezTo>
                  <a:cubicBezTo>
                    <a:pt x="1157" y="1929"/>
                    <a:pt x="1157" y="1929"/>
                    <a:pt x="1157" y="1929"/>
                  </a:cubicBezTo>
                  <a:cubicBezTo>
                    <a:pt x="1713" y="2485"/>
                    <a:pt x="1713" y="2485"/>
                    <a:pt x="1713" y="2485"/>
                  </a:cubicBezTo>
                  <a:cubicBezTo>
                    <a:pt x="1735" y="2507"/>
                    <a:pt x="1765" y="2519"/>
                    <a:pt x="1796" y="2519"/>
                  </a:cubicBezTo>
                  <a:cubicBezTo>
                    <a:pt x="1827" y="2519"/>
                    <a:pt x="1857" y="2507"/>
                    <a:pt x="1879" y="2485"/>
                  </a:cubicBezTo>
                  <a:cubicBezTo>
                    <a:pt x="2752" y="1611"/>
                    <a:pt x="2752" y="1611"/>
                    <a:pt x="2752" y="1611"/>
                  </a:cubicBezTo>
                  <a:cubicBezTo>
                    <a:pt x="2752" y="1647"/>
                    <a:pt x="2752" y="1647"/>
                    <a:pt x="2752" y="1647"/>
                  </a:cubicBezTo>
                  <a:cubicBezTo>
                    <a:pt x="2752" y="1712"/>
                    <a:pt x="2805" y="1764"/>
                    <a:pt x="2870" y="1764"/>
                  </a:cubicBezTo>
                  <a:cubicBezTo>
                    <a:pt x="2934" y="1764"/>
                    <a:pt x="2987" y="1712"/>
                    <a:pt x="2987" y="1647"/>
                  </a:cubicBezTo>
                  <a:cubicBezTo>
                    <a:pt x="2987" y="1329"/>
                    <a:pt x="2987" y="1329"/>
                    <a:pt x="2987" y="1329"/>
                  </a:cubicBezTo>
                  <a:cubicBezTo>
                    <a:pt x="2987" y="1264"/>
                    <a:pt x="2934" y="1211"/>
                    <a:pt x="2870" y="1211"/>
                  </a:cubicBezTo>
                  <a:cubicBezTo>
                    <a:pt x="2551" y="1211"/>
                    <a:pt x="2551" y="1211"/>
                    <a:pt x="2551" y="1211"/>
                  </a:cubicBezTo>
                  <a:cubicBezTo>
                    <a:pt x="2486" y="1211"/>
                    <a:pt x="2434" y="1264"/>
                    <a:pt x="2434" y="1329"/>
                  </a:cubicBezTo>
                  <a:cubicBezTo>
                    <a:pt x="2434" y="1393"/>
                    <a:pt x="2486" y="1446"/>
                    <a:pt x="2551" y="1446"/>
                  </a:cubicBezTo>
                  <a:cubicBezTo>
                    <a:pt x="2587" y="1446"/>
                    <a:pt x="2587" y="1446"/>
                    <a:pt x="2587" y="1446"/>
                  </a:cubicBezTo>
                  <a:cubicBezTo>
                    <a:pt x="1796" y="2236"/>
                    <a:pt x="1796" y="2236"/>
                    <a:pt x="1796" y="2236"/>
                  </a:cubicBezTo>
                  <a:cubicBezTo>
                    <a:pt x="1240" y="1680"/>
                    <a:pt x="1240" y="1680"/>
                    <a:pt x="1240" y="1680"/>
                  </a:cubicBezTo>
                  <a:cubicBezTo>
                    <a:pt x="1218" y="1658"/>
                    <a:pt x="1188" y="1646"/>
                    <a:pt x="1157" y="1646"/>
                  </a:cubicBezTo>
                  <a:cubicBezTo>
                    <a:pt x="1126" y="1646"/>
                    <a:pt x="1096" y="1658"/>
                    <a:pt x="1074" y="1680"/>
                  </a:cubicBezTo>
                  <a:cubicBezTo>
                    <a:pt x="352" y="2402"/>
                    <a:pt x="352" y="2402"/>
                    <a:pt x="352" y="2402"/>
                  </a:cubicBezTo>
                  <a:cubicBezTo>
                    <a:pt x="276" y="2218"/>
                    <a:pt x="234" y="2016"/>
                    <a:pt x="234" y="1805"/>
                  </a:cubicBezTo>
                  <a:cubicBezTo>
                    <a:pt x="234" y="939"/>
                    <a:pt x="939" y="235"/>
                    <a:pt x="1805" y="235"/>
                  </a:cubicBezTo>
                  <a:cubicBezTo>
                    <a:pt x="2670" y="235"/>
                    <a:pt x="3375" y="939"/>
                    <a:pt x="3375" y="1805"/>
                  </a:cubicBezTo>
                  <a:cubicBezTo>
                    <a:pt x="3375" y="2671"/>
                    <a:pt x="2670" y="3375"/>
                    <a:pt x="1805" y="3375"/>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35" name="Group 34">
            <a:extLst>
              <a:ext uri="{FF2B5EF4-FFF2-40B4-BE49-F238E27FC236}">
                <a16:creationId xmlns:a16="http://schemas.microsoft.com/office/drawing/2014/main" id="{C3519F06-73B4-0CA4-E710-4A6AEAC37DB1}"/>
              </a:ext>
            </a:extLst>
          </p:cNvPr>
          <p:cNvGrpSpPr/>
          <p:nvPr/>
        </p:nvGrpSpPr>
        <p:grpSpPr>
          <a:xfrm>
            <a:off x="7168499" y="4230842"/>
            <a:ext cx="448038" cy="513029"/>
            <a:chOff x="-1266825" y="3595688"/>
            <a:chExt cx="722312" cy="827087"/>
          </a:xfrm>
          <a:solidFill>
            <a:schemeClr val="bg1"/>
          </a:solidFill>
        </p:grpSpPr>
        <p:sp>
          <p:nvSpPr>
            <p:cNvPr id="36" name="Freeform 34">
              <a:extLst>
                <a:ext uri="{FF2B5EF4-FFF2-40B4-BE49-F238E27FC236}">
                  <a16:creationId xmlns:a16="http://schemas.microsoft.com/office/drawing/2014/main" id="{915553A1-9C5B-0DA1-687E-ECA413F4BF44}"/>
                </a:ext>
              </a:extLst>
            </p:cNvPr>
            <p:cNvSpPr>
              <a:spLocks noEditPoints="1"/>
            </p:cNvSpPr>
            <p:nvPr/>
          </p:nvSpPr>
          <p:spPr bwMode="auto">
            <a:xfrm>
              <a:off x="-1106488" y="3662363"/>
              <a:ext cx="241300" cy="479425"/>
            </a:xfrm>
            <a:custGeom>
              <a:avLst/>
              <a:gdLst>
                <a:gd name="T0" fmla="*/ 736 w 1062"/>
                <a:gd name="T1" fmla="*/ 160 h 2117"/>
                <a:gd name="T2" fmla="*/ 757 w 1062"/>
                <a:gd name="T3" fmla="*/ 288 h 2117"/>
                <a:gd name="T4" fmla="*/ 636 w 1062"/>
                <a:gd name="T5" fmla="*/ 302 h 2117"/>
                <a:gd name="T6" fmla="*/ 531 w 1062"/>
                <a:gd name="T7" fmla="*/ 235 h 2117"/>
                <a:gd name="T8" fmla="*/ 425 w 1062"/>
                <a:gd name="T9" fmla="*/ 302 h 2117"/>
                <a:gd name="T10" fmla="*/ 439 w 1062"/>
                <a:gd name="T11" fmla="*/ 427 h 2117"/>
                <a:gd name="T12" fmla="*/ 531 w 1062"/>
                <a:gd name="T13" fmla="*/ 588 h 2117"/>
                <a:gd name="T14" fmla="*/ 380 w 1062"/>
                <a:gd name="T15" fmla="*/ 533 h 2117"/>
                <a:gd name="T16" fmla="*/ 259 w 1062"/>
                <a:gd name="T17" fmla="*/ 618 h 2117"/>
                <a:gd name="T18" fmla="*/ 247 w 1062"/>
                <a:gd name="T19" fmla="*/ 768 h 2117"/>
                <a:gd name="T20" fmla="*/ 351 w 1062"/>
                <a:gd name="T21" fmla="*/ 872 h 2117"/>
                <a:gd name="T22" fmla="*/ 502 w 1062"/>
                <a:gd name="T23" fmla="*/ 859 h 2117"/>
                <a:gd name="T24" fmla="*/ 586 w 1062"/>
                <a:gd name="T25" fmla="*/ 738 h 2117"/>
                <a:gd name="T26" fmla="*/ 681 w 1062"/>
                <a:gd name="T27" fmla="*/ 830 h 2117"/>
                <a:gd name="T28" fmla="*/ 537 w 1062"/>
                <a:gd name="T29" fmla="*/ 973 h 2117"/>
                <a:gd name="T30" fmla="*/ 336 w 1062"/>
                <a:gd name="T31" fmla="*/ 990 h 2117"/>
                <a:gd name="T32" fmla="*/ 208 w 1062"/>
                <a:gd name="T33" fmla="*/ 945 h 2117"/>
                <a:gd name="T34" fmla="*/ 121 w 1062"/>
                <a:gd name="T35" fmla="*/ 1032 h 2117"/>
                <a:gd name="T36" fmla="*/ 162 w 1062"/>
                <a:gd name="T37" fmla="*/ 1150 h 2117"/>
                <a:gd name="T38" fmla="*/ 267 w 1062"/>
                <a:gd name="T39" fmla="*/ 1157 h 2117"/>
                <a:gd name="T40" fmla="*/ 456 w 1062"/>
                <a:gd name="T41" fmla="*/ 1121 h 2117"/>
                <a:gd name="T42" fmla="*/ 635 w 1062"/>
                <a:gd name="T43" fmla="*/ 1219 h 2117"/>
                <a:gd name="T44" fmla="*/ 707 w 1062"/>
                <a:gd name="T45" fmla="*/ 1412 h 2117"/>
                <a:gd name="T46" fmla="*/ 548 w 1062"/>
                <a:gd name="T47" fmla="*/ 1299 h 2117"/>
                <a:gd name="T48" fmla="*/ 412 w 1062"/>
                <a:gd name="T49" fmla="*/ 1236 h 2117"/>
                <a:gd name="T50" fmla="*/ 277 w 1062"/>
                <a:gd name="T51" fmla="*/ 1299 h 2117"/>
                <a:gd name="T52" fmla="*/ 238 w 1062"/>
                <a:gd name="T53" fmla="*/ 1443 h 2117"/>
                <a:gd name="T54" fmla="*/ 323 w 1062"/>
                <a:gd name="T55" fmla="*/ 1564 h 2117"/>
                <a:gd name="T56" fmla="*/ 464 w 1062"/>
                <a:gd name="T57" fmla="*/ 1539 h 2117"/>
                <a:gd name="T58" fmla="*/ 479 w 1062"/>
                <a:gd name="T59" fmla="*/ 1659 h 2117"/>
                <a:gd name="T60" fmla="*/ 412 w 1062"/>
                <a:gd name="T61" fmla="*/ 1765 h 2117"/>
                <a:gd name="T62" fmla="*/ 479 w 1062"/>
                <a:gd name="T63" fmla="*/ 1871 h 2117"/>
                <a:gd name="T64" fmla="*/ 604 w 1062"/>
                <a:gd name="T65" fmla="*/ 1857 h 2117"/>
                <a:gd name="T66" fmla="*/ 767 w 1062"/>
                <a:gd name="T67" fmla="*/ 1765 h 2117"/>
                <a:gd name="T68" fmla="*/ 713 w 1062"/>
                <a:gd name="T69" fmla="*/ 1913 h 2117"/>
                <a:gd name="T70" fmla="*/ 799 w 1062"/>
                <a:gd name="T71" fmla="*/ 1997 h 2117"/>
                <a:gd name="T72" fmla="*/ 918 w 1062"/>
                <a:gd name="T73" fmla="*/ 1956 h 2117"/>
                <a:gd name="T74" fmla="*/ 940 w 1062"/>
                <a:gd name="T75" fmla="*/ 209 h 2117"/>
                <a:gd name="T76" fmla="*/ 852 w 1062"/>
                <a:gd name="T77" fmla="*/ 120 h 2117"/>
                <a:gd name="T78" fmla="*/ 934 w 1062"/>
                <a:gd name="T79" fmla="*/ 26 h 2117"/>
                <a:gd name="T80" fmla="*/ 1050 w 1062"/>
                <a:gd name="T81" fmla="*/ 161 h 2117"/>
                <a:gd name="T82" fmla="*/ 1050 w 1062"/>
                <a:gd name="T83" fmla="*/ 1957 h 2117"/>
                <a:gd name="T84" fmla="*/ 934 w 1062"/>
                <a:gd name="T85" fmla="*/ 2091 h 2117"/>
                <a:gd name="T86" fmla="*/ 749 w 1062"/>
                <a:gd name="T87" fmla="*/ 2105 h 2117"/>
                <a:gd name="T88" fmla="*/ 614 w 1062"/>
                <a:gd name="T89" fmla="*/ 1985 h 2117"/>
                <a:gd name="T90" fmla="*/ 456 w 1062"/>
                <a:gd name="T91" fmla="*/ 1988 h 2117"/>
                <a:gd name="T92" fmla="*/ 322 w 1062"/>
                <a:gd name="T93" fmla="*/ 1873 h 2117"/>
                <a:gd name="T94" fmla="*/ 302 w 1062"/>
                <a:gd name="T95" fmla="*/ 1712 h 2117"/>
                <a:gd name="T96" fmla="*/ 183 w 1062"/>
                <a:gd name="T97" fmla="*/ 1596 h 2117"/>
                <a:gd name="T98" fmla="*/ 118 w 1062"/>
                <a:gd name="T99" fmla="*/ 1412 h 2117"/>
                <a:gd name="T100" fmla="*/ 120 w 1062"/>
                <a:gd name="T101" fmla="*/ 1263 h 2117"/>
                <a:gd name="T102" fmla="*/ 11 w 1062"/>
                <a:gd name="T103" fmla="*/ 1131 h 2117"/>
                <a:gd name="T104" fmla="*/ 25 w 1062"/>
                <a:gd name="T105" fmla="*/ 955 h 2117"/>
                <a:gd name="T106" fmla="*/ 152 w 1062"/>
                <a:gd name="T107" fmla="*/ 840 h 2117"/>
                <a:gd name="T108" fmla="*/ 121 w 1062"/>
                <a:gd name="T109" fmla="*/ 665 h 2117"/>
                <a:gd name="T110" fmla="*/ 210 w 1062"/>
                <a:gd name="T111" fmla="*/ 494 h 2117"/>
                <a:gd name="T112" fmla="*/ 296 w 1062"/>
                <a:gd name="T113" fmla="*/ 380 h 2117"/>
                <a:gd name="T114" fmla="*/ 340 w 1062"/>
                <a:gd name="T115" fmla="*/ 214 h 2117"/>
                <a:gd name="T116" fmla="*/ 492 w 1062"/>
                <a:gd name="T117" fmla="*/ 120 h 2117"/>
                <a:gd name="T118" fmla="*/ 633 w 1062"/>
                <a:gd name="T119" fmla="*/ 102 h 2117"/>
                <a:gd name="T120" fmla="*/ 786 w 1062"/>
                <a:gd name="T121" fmla="*/ 3 h 2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062" h="2117">
                  <a:moveTo>
                    <a:pt x="826" y="118"/>
                  </a:moveTo>
                  <a:lnTo>
                    <a:pt x="799" y="120"/>
                  </a:lnTo>
                  <a:lnTo>
                    <a:pt x="775" y="129"/>
                  </a:lnTo>
                  <a:lnTo>
                    <a:pt x="754" y="143"/>
                  </a:lnTo>
                  <a:lnTo>
                    <a:pt x="736" y="160"/>
                  </a:lnTo>
                  <a:lnTo>
                    <a:pt x="722" y="181"/>
                  </a:lnTo>
                  <a:lnTo>
                    <a:pt x="713" y="204"/>
                  </a:lnTo>
                  <a:lnTo>
                    <a:pt x="730" y="230"/>
                  </a:lnTo>
                  <a:lnTo>
                    <a:pt x="746" y="259"/>
                  </a:lnTo>
                  <a:lnTo>
                    <a:pt x="757" y="288"/>
                  </a:lnTo>
                  <a:lnTo>
                    <a:pt x="764" y="319"/>
                  </a:lnTo>
                  <a:lnTo>
                    <a:pt x="767" y="354"/>
                  </a:lnTo>
                  <a:lnTo>
                    <a:pt x="648" y="354"/>
                  </a:lnTo>
                  <a:lnTo>
                    <a:pt x="645" y="326"/>
                  </a:lnTo>
                  <a:lnTo>
                    <a:pt x="636" y="302"/>
                  </a:lnTo>
                  <a:lnTo>
                    <a:pt x="623" y="280"/>
                  </a:lnTo>
                  <a:lnTo>
                    <a:pt x="604" y="261"/>
                  </a:lnTo>
                  <a:lnTo>
                    <a:pt x="582" y="248"/>
                  </a:lnTo>
                  <a:lnTo>
                    <a:pt x="558" y="239"/>
                  </a:lnTo>
                  <a:lnTo>
                    <a:pt x="531" y="235"/>
                  </a:lnTo>
                  <a:lnTo>
                    <a:pt x="503" y="239"/>
                  </a:lnTo>
                  <a:lnTo>
                    <a:pt x="479" y="248"/>
                  </a:lnTo>
                  <a:lnTo>
                    <a:pt x="457" y="261"/>
                  </a:lnTo>
                  <a:lnTo>
                    <a:pt x="439" y="280"/>
                  </a:lnTo>
                  <a:lnTo>
                    <a:pt x="425" y="302"/>
                  </a:lnTo>
                  <a:lnTo>
                    <a:pt x="416" y="326"/>
                  </a:lnTo>
                  <a:lnTo>
                    <a:pt x="412" y="354"/>
                  </a:lnTo>
                  <a:lnTo>
                    <a:pt x="416" y="380"/>
                  </a:lnTo>
                  <a:lnTo>
                    <a:pt x="425" y="404"/>
                  </a:lnTo>
                  <a:lnTo>
                    <a:pt x="439" y="427"/>
                  </a:lnTo>
                  <a:lnTo>
                    <a:pt x="457" y="445"/>
                  </a:lnTo>
                  <a:lnTo>
                    <a:pt x="479" y="459"/>
                  </a:lnTo>
                  <a:lnTo>
                    <a:pt x="503" y="467"/>
                  </a:lnTo>
                  <a:lnTo>
                    <a:pt x="531" y="471"/>
                  </a:lnTo>
                  <a:lnTo>
                    <a:pt x="531" y="588"/>
                  </a:lnTo>
                  <a:lnTo>
                    <a:pt x="497" y="586"/>
                  </a:lnTo>
                  <a:lnTo>
                    <a:pt x="464" y="579"/>
                  </a:lnTo>
                  <a:lnTo>
                    <a:pt x="435" y="567"/>
                  </a:lnTo>
                  <a:lnTo>
                    <a:pt x="406" y="551"/>
                  </a:lnTo>
                  <a:lnTo>
                    <a:pt x="380" y="533"/>
                  </a:lnTo>
                  <a:lnTo>
                    <a:pt x="350" y="541"/>
                  </a:lnTo>
                  <a:lnTo>
                    <a:pt x="323" y="555"/>
                  </a:lnTo>
                  <a:lnTo>
                    <a:pt x="298" y="571"/>
                  </a:lnTo>
                  <a:lnTo>
                    <a:pt x="277" y="592"/>
                  </a:lnTo>
                  <a:lnTo>
                    <a:pt x="259" y="618"/>
                  </a:lnTo>
                  <a:lnTo>
                    <a:pt x="247" y="644"/>
                  </a:lnTo>
                  <a:lnTo>
                    <a:pt x="238" y="674"/>
                  </a:lnTo>
                  <a:lnTo>
                    <a:pt x="236" y="706"/>
                  </a:lnTo>
                  <a:lnTo>
                    <a:pt x="238" y="738"/>
                  </a:lnTo>
                  <a:lnTo>
                    <a:pt x="247" y="768"/>
                  </a:lnTo>
                  <a:lnTo>
                    <a:pt x="259" y="795"/>
                  </a:lnTo>
                  <a:lnTo>
                    <a:pt x="277" y="820"/>
                  </a:lnTo>
                  <a:lnTo>
                    <a:pt x="298" y="841"/>
                  </a:lnTo>
                  <a:lnTo>
                    <a:pt x="324" y="859"/>
                  </a:lnTo>
                  <a:lnTo>
                    <a:pt x="351" y="872"/>
                  </a:lnTo>
                  <a:lnTo>
                    <a:pt x="381" y="880"/>
                  </a:lnTo>
                  <a:lnTo>
                    <a:pt x="412" y="883"/>
                  </a:lnTo>
                  <a:lnTo>
                    <a:pt x="445" y="880"/>
                  </a:lnTo>
                  <a:lnTo>
                    <a:pt x="474" y="872"/>
                  </a:lnTo>
                  <a:lnTo>
                    <a:pt x="502" y="859"/>
                  </a:lnTo>
                  <a:lnTo>
                    <a:pt x="527" y="841"/>
                  </a:lnTo>
                  <a:lnTo>
                    <a:pt x="548" y="820"/>
                  </a:lnTo>
                  <a:lnTo>
                    <a:pt x="565" y="795"/>
                  </a:lnTo>
                  <a:lnTo>
                    <a:pt x="579" y="768"/>
                  </a:lnTo>
                  <a:lnTo>
                    <a:pt x="586" y="738"/>
                  </a:lnTo>
                  <a:lnTo>
                    <a:pt x="590" y="706"/>
                  </a:lnTo>
                  <a:lnTo>
                    <a:pt x="707" y="706"/>
                  </a:lnTo>
                  <a:lnTo>
                    <a:pt x="704" y="749"/>
                  </a:lnTo>
                  <a:lnTo>
                    <a:pt x="695" y="791"/>
                  </a:lnTo>
                  <a:lnTo>
                    <a:pt x="681" y="830"/>
                  </a:lnTo>
                  <a:lnTo>
                    <a:pt x="660" y="866"/>
                  </a:lnTo>
                  <a:lnTo>
                    <a:pt x="635" y="898"/>
                  </a:lnTo>
                  <a:lnTo>
                    <a:pt x="606" y="928"/>
                  </a:lnTo>
                  <a:lnTo>
                    <a:pt x="573" y="953"/>
                  </a:lnTo>
                  <a:lnTo>
                    <a:pt x="537" y="973"/>
                  </a:lnTo>
                  <a:lnTo>
                    <a:pt x="498" y="988"/>
                  </a:lnTo>
                  <a:lnTo>
                    <a:pt x="456" y="997"/>
                  </a:lnTo>
                  <a:lnTo>
                    <a:pt x="412" y="1000"/>
                  </a:lnTo>
                  <a:lnTo>
                    <a:pt x="374" y="998"/>
                  </a:lnTo>
                  <a:lnTo>
                    <a:pt x="336" y="990"/>
                  </a:lnTo>
                  <a:lnTo>
                    <a:pt x="300" y="977"/>
                  </a:lnTo>
                  <a:lnTo>
                    <a:pt x="267" y="960"/>
                  </a:lnTo>
                  <a:lnTo>
                    <a:pt x="236" y="939"/>
                  </a:lnTo>
                  <a:lnTo>
                    <a:pt x="236" y="942"/>
                  </a:lnTo>
                  <a:lnTo>
                    <a:pt x="208" y="945"/>
                  </a:lnTo>
                  <a:lnTo>
                    <a:pt x="184" y="954"/>
                  </a:lnTo>
                  <a:lnTo>
                    <a:pt x="162" y="967"/>
                  </a:lnTo>
                  <a:lnTo>
                    <a:pt x="144" y="986"/>
                  </a:lnTo>
                  <a:lnTo>
                    <a:pt x="130" y="1007"/>
                  </a:lnTo>
                  <a:lnTo>
                    <a:pt x="121" y="1032"/>
                  </a:lnTo>
                  <a:lnTo>
                    <a:pt x="118" y="1059"/>
                  </a:lnTo>
                  <a:lnTo>
                    <a:pt x="121" y="1086"/>
                  </a:lnTo>
                  <a:lnTo>
                    <a:pt x="130" y="1111"/>
                  </a:lnTo>
                  <a:lnTo>
                    <a:pt x="144" y="1133"/>
                  </a:lnTo>
                  <a:lnTo>
                    <a:pt x="162" y="1150"/>
                  </a:lnTo>
                  <a:lnTo>
                    <a:pt x="184" y="1165"/>
                  </a:lnTo>
                  <a:lnTo>
                    <a:pt x="208" y="1174"/>
                  </a:lnTo>
                  <a:lnTo>
                    <a:pt x="236" y="1177"/>
                  </a:lnTo>
                  <a:lnTo>
                    <a:pt x="236" y="1178"/>
                  </a:lnTo>
                  <a:lnTo>
                    <a:pt x="267" y="1157"/>
                  </a:lnTo>
                  <a:lnTo>
                    <a:pt x="300" y="1140"/>
                  </a:lnTo>
                  <a:lnTo>
                    <a:pt x="336" y="1128"/>
                  </a:lnTo>
                  <a:lnTo>
                    <a:pt x="374" y="1121"/>
                  </a:lnTo>
                  <a:lnTo>
                    <a:pt x="412" y="1117"/>
                  </a:lnTo>
                  <a:lnTo>
                    <a:pt x="456" y="1121"/>
                  </a:lnTo>
                  <a:lnTo>
                    <a:pt x="498" y="1131"/>
                  </a:lnTo>
                  <a:lnTo>
                    <a:pt x="537" y="1145"/>
                  </a:lnTo>
                  <a:lnTo>
                    <a:pt x="573" y="1165"/>
                  </a:lnTo>
                  <a:lnTo>
                    <a:pt x="606" y="1190"/>
                  </a:lnTo>
                  <a:lnTo>
                    <a:pt x="635" y="1219"/>
                  </a:lnTo>
                  <a:lnTo>
                    <a:pt x="660" y="1252"/>
                  </a:lnTo>
                  <a:lnTo>
                    <a:pt x="681" y="1287"/>
                  </a:lnTo>
                  <a:lnTo>
                    <a:pt x="695" y="1327"/>
                  </a:lnTo>
                  <a:lnTo>
                    <a:pt x="704" y="1368"/>
                  </a:lnTo>
                  <a:lnTo>
                    <a:pt x="707" y="1412"/>
                  </a:lnTo>
                  <a:lnTo>
                    <a:pt x="590" y="1412"/>
                  </a:lnTo>
                  <a:lnTo>
                    <a:pt x="586" y="1380"/>
                  </a:lnTo>
                  <a:lnTo>
                    <a:pt x="579" y="1350"/>
                  </a:lnTo>
                  <a:lnTo>
                    <a:pt x="565" y="1323"/>
                  </a:lnTo>
                  <a:lnTo>
                    <a:pt x="548" y="1299"/>
                  </a:lnTo>
                  <a:lnTo>
                    <a:pt x="527" y="1278"/>
                  </a:lnTo>
                  <a:lnTo>
                    <a:pt x="502" y="1260"/>
                  </a:lnTo>
                  <a:lnTo>
                    <a:pt x="474" y="1247"/>
                  </a:lnTo>
                  <a:lnTo>
                    <a:pt x="445" y="1238"/>
                  </a:lnTo>
                  <a:lnTo>
                    <a:pt x="412" y="1236"/>
                  </a:lnTo>
                  <a:lnTo>
                    <a:pt x="381" y="1238"/>
                  </a:lnTo>
                  <a:lnTo>
                    <a:pt x="351" y="1247"/>
                  </a:lnTo>
                  <a:lnTo>
                    <a:pt x="324" y="1260"/>
                  </a:lnTo>
                  <a:lnTo>
                    <a:pt x="298" y="1278"/>
                  </a:lnTo>
                  <a:lnTo>
                    <a:pt x="277" y="1299"/>
                  </a:lnTo>
                  <a:lnTo>
                    <a:pt x="259" y="1323"/>
                  </a:lnTo>
                  <a:lnTo>
                    <a:pt x="247" y="1350"/>
                  </a:lnTo>
                  <a:lnTo>
                    <a:pt x="238" y="1380"/>
                  </a:lnTo>
                  <a:lnTo>
                    <a:pt x="236" y="1412"/>
                  </a:lnTo>
                  <a:lnTo>
                    <a:pt x="238" y="1443"/>
                  </a:lnTo>
                  <a:lnTo>
                    <a:pt x="247" y="1473"/>
                  </a:lnTo>
                  <a:lnTo>
                    <a:pt x="259" y="1501"/>
                  </a:lnTo>
                  <a:lnTo>
                    <a:pt x="277" y="1525"/>
                  </a:lnTo>
                  <a:lnTo>
                    <a:pt x="298" y="1546"/>
                  </a:lnTo>
                  <a:lnTo>
                    <a:pt x="323" y="1564"/>
                  </a:lnTo>
                  <a:lnTo>
                    <a:pt x="350" y="1577"/>
                  </a:lnTo>
                  <a:lnTo>
                    <a:pt x="380" y="1585"/>
                  </a:lnTo>
                  <a:lnTo>
                    <a:pt x="406" y="1566"/>
                  </a:lnTo>
                  <a:lnTo>
                    <a:pt x="435" y="1550"/>
                  </a:lnTo>
                  <a:lnTo>
                    <a:pt x="464" y="1539"/>
                  </a:lnTo>
                  <a:lnTo>
                    <a:pt x="497" y="1532"/>
                  </a:lnTo>
                  <a:lnTo>
                    <a:pt x="531" y="1530"/>
                  </a:lnTo>
                  <a:lnTo>
                    <a:pt x="531" y="1647"/>
                  </a:lnTo>
                  <a:lnTo>
                    <a:pt x="503" y="1650"/>
                  </a:lnTo>
                  <a:lnTo>
                    <a:pt x="479" y="1659"/>
                  </a:lnTo>
                  <a:lnTo>
                    <a:pt x="457" y="1673"/>
                  </a:lnTo>
                  <a:lnTo>
                    <a:pt x="439" y="1691"/>
                  </a:lnTo>
                  <a:lnTo>
                    <a:pt x="425" y="1713"/>
                  </a:lnTo>
                  <a:lnTo>
                    <a:pt x="416" y="1738"/>
                  </a:lnTo>
                  <a:lnTo>
                    <a:pt x="412" y="1765"/>
                  </a:lnTo>
                  <a:lnTo>
                    <a:pt x="416" y="1791"/>
                  </a:lnTo>
                  <a:lnTo>
                    <a:pt x="425" y="1817"/>
                  </a:lnTo>
                  <a:lnTo>
                    <a:pt x="439" y="1838"/>
                  </a:lnTo>
                  <a:lnTo>
                    <a:pt x="457" y="1857"/>
                  </a:lnTo>
                  <a:lnTo>
                    <a:pt x="479" y="1871"/>
                  </a:lnTo>
                  <a:lnTo>
                    <a:pt x="503" y="1880"/>
                  </a:lnTo>
                  <a:lnTo>
                    <a:pt x="531" y="1882"/>
                  </a:lnTo>
                  <a:lnTo>
                    <a:pt x="558" y="1880"/>
                  </a:lnTo>
                  <a:lnTo>
                    <a:pt x="582" y="1871"/>
                  </a:lnTo>
                  <a:lnTo>
                    <a:pt x="604" y="1857"/>
                  </a:lnTo>
                  <a:lnTo>
                    <a:pt x="623" y="1838"/>
                  </a:lnTo>
                  <a:lnTo>
                    <a:pt x="636" y="1817"/>
                  </a:lnTo>
                  <a:lnTo>
                    <a:pt x="645" y="1791"/>
                  </a:lnTo>
                  <a:lnTo>
                    <a:pt x="648" y="1765"/>
                  </a:lnTo>
                  <a:lnTo>
                    <a:pt x="767" y="1765"/>
                  </a:lnTo>
                  <a:lnTo>
                    <a:pt x="764" y="1798"/>
                  </a:lnTo>
                  <a:lnTo>
                    <a:pt x="757" y="1830"/>
                  </a:lnTo>
                  <a:lnTo>
                    <a:pt x="746" y="1860"/>
                  </a:lnTo>
                  <a:lnTo>
                    <a:pt x="730" y="1888"/>
                  </a:lnTo>
                  <a:lnTo>
                    <a:pt x="713" y="1913"/>
                  </a:lnTo>
                  <a:lnTo>
                    <a:pt x="722" y="1937"/>
                  </a:lnTo>
                  <a:lnTo>
                    <a:pt x="736" y="1958"/>
                  </a:lnTo>
                  <a:lnTo>
                    <a:pt x="754" y="1975"/>
                  </a:lnTo>
                  <a:lnTo>
                    <a:pt x="775" y="1988"/>
                  </a:lnTo>
                  <a:lnTo>
                    <a:pt x="799" y="1997"/>
                  </a:lnTo>
                  <a:lnTo>
                    <a:pt x="826" y="2000"/>
                  </a:lnTo>
                  <a:lnTo>
                    <a:pt x="852" y="1997"/>
                  </a:lnTo>
                  <a:lnTo>
                    <a:pt x="878" y="1988"/>
                  </a:lnTo>
                  <a:lnTo>
                    <a:pt x="899" y="1974"/>
                  </a:lnTo>
                  <a:lnTo>
                    <a:pt x="918" y="1956"/>
                  </a:lnTo>
                  <a:lnTo>
                    <a:pt x="931" y="1934"/>
                  </a:lnTo>
                  <a:lnTo>
                    <a:pt x="940" y="1910"/>
                  </a:lnTo>
                  <a:lnTo>
                    <a:pt x="943" y="1882"/>
                  </a:lnTo>
                  <a:lnTo>
                    <a:pt x="943" y="235"/>
                  </a:lnTo>
                  <a:lnTo>
                    <a:pt x="940" y="209"/>
                  </a:lnTo>
                  <a:lnTo>
                    <a:pt x="931" y="183"/>
                  </a:lnTo>
                  <a:lnTo>
                    <a:pt x="918" y="162"/>
                  </a:lnTo>
                  <a:lnTo>
                    <a:pt x="899" y="144"/>
                  </a:lnTo>
                  <a:lnTo>
                    <a:pt x="878" y="129"/>
                  </a:lnTo>
                  <a:lnTo>
                    <a:pt x="852" y="120"/>
                  </a:lnTo>
                  <a:lnTo>
                    <a:pt x="826" y="118"/>
                  </a:lnTo>
                  <a:close/>
                  <a:moveTo>
                    <a:pt x="826" y="0"/>
                  </a:moveTo>
                  <a:lnTo>
                    <a:pt x="863" y="3"/>
                  </a:lnTo>
                  <a:lnTo>
                    <a:pt x="900" y="12"/>
                  </a:lnTo>
                  <a:lnTo>
                    <a:pt x="934" y="26"/>
                  </a:lnTo>
                  <a:lnTo>
                    <a:pt x="964" y="45"/>
                  </a:lnTo>
                  <a:lnTo>
                    <a:pt x="992" y="70"/>
                  </a:lnTo>
                  <a:lnTo>
                    <a:pt x="1016" y="96"/>
                  </a:lnTo>
                  <a:lnTo>
                    <a:pt x="1035" y="127"/>
                  </a:lnTo>
                  <a:lnTo>
                    <a:pt x="1050" y="161"/>
                  </a:lnTo>
                  <a:lnTo>
                    <a:pt x="1058" y="198"/>
                  </a:lnTo>
                  <a:lnTo>
                    <a:pt x="1062" y="235"/>
                  </a:lnTo>
                  <a:lnTo>
                    <a:pt x="1062" y="1882"/>
                  </a:lnTo>
                  <a:lnTo>
                    <a:pt x="1058" y="1921"/>
                  </a:lnTo>
                  <a:lnTo>
                    <a:pt x="1050" y="1957"/>
                  </a:lnTo>
                  <a:lnTo>
                    <a:pt x="1035" y="1990"/>
                  </a:lnTo>
                  <a:lnTo>
                    <a:pt x="1016" y="2021"/>
                  </a:lnTo>
                  <a:lnTo>
                    <a:pt x="992" y="2049"/>
                  </a:lnTo>
                  <a:lnTo>
                    <a:pt x="964" y="2072"/>
                  </a:lnTo>
                  <a:lnTo>
                    <a:pt x="934" y="2091"/>
                  </a:lnTo>
                  <a:lnTo>
                    <a:pt x="900" y="2105"/>
                  </a:lnTo>
                  <a:lnTo>
                    <a:pt x="863" y="2114"/>
                  </a:lnTo>
                  <a:lnTo>
                    <a:pt x="826" y="2117"/>
                  </a:lnTo>
                  <a:lnTo>
                    <a:pt x="786" y="2114"/>
                  </a:lnTo>
                  <a:lnTo>
                    <a:pt x="749" y="2105"/>
                  </a:lnTo>
                  <a:lnTo>
                    <a:pt x="715" y="2090"/>
                  </a:lnTo>
                  <a:lnTo>
                    <a:pt x="684" y="2070"/>
                  </a:lnTo>
                  <a:lnTo>
                    <a:pt x="656" y="2046"/>
                  </a:lnTo>
                  <a:lnTo>
                    <a:pt x="633" y="2017"/>
                  </a:lnTo>
                  <a:lnTo>
                    <a:pt x="614" y="1985"/>
                  </a:lnTo>
                  <a:lnTo>
                    <a:pt x="587" y="1993"/>
                  </a:lnTo>
                  <a:lnTo>
                    <a:pt x="560" y="1998"/>
                  </a:lnTo>
                  <a:lnTo>
                    <a:pt x="531" y="2000"/>
                  </a:lnTo>
                  <a:lnTo>
                    <a:pt x="492" y="1997"/>
                  </a:lnTo>
                  <a:lnTo>
                    <a:pt x="456" y="1988"/>
                  </a:lnTo>
                  <a:lnTo>
                    <a:pt x="422" y="1974"/>
                  </a:lnTo>
                  <a:lnTo>
                    <a:pt x="391" y="1955"/>
                  </a:lnTo>
                  <a:lnTo>
                    <a:pt x="364" y="1931"/>
                  </a:lnTo>
                  <a:lnTo>
                    <a:pt x="340" y="1904"/>
                  </a:lnTo>
                  <a:lnTo>
                    <a:pt x="322" y="1873"/>
                  </a:lnTo>
                  <a:lnTo>
                    <a:pt x="307" y="1839"/>
                  </a:lnTo>
                  <a:lnTo>
                    <a:pt x="298" y="1802"/>
                  </a:lnTo>
                  <a:lnTo>
                    <a:pt x="295" y="1765"/>
                  </a:lnTo>
                  <a:lnTo>
                    <a:pt x="296" y="1737"/>
                  </a:lnTo>
                  <a:lnTo>
                    <a:pt x="302" y="1712"/>
                  </a:lnTo>
                  <a:lnTo>
                    <a:pt x="309" y="1686"/>
                  </a:lnTo>
                  <a:lnTo>
                    <a:pt x="273" y="1670"/>
                  </a:lnTo>
                  <a:lnTo>
                    <a:pt x="240" y="1649"/>
                  </a:lnTo>
                  <a:lnTo>
                    <a:pt x="210" y="1625"/>
                  </a:lnTo>
                  <a:lnTo>
                    <a:pt x="183" y="1596"/>
                  </a:lnTo>
                  <a:lnTo>
                    <a:pt x="161" y="1564"/>
                  </a:lnTo>
                  <a:lnTo>
                    <a:pt x="143" y="1530"/>
                  </a:lnTo>
                  <a:lnTo>
                    <a:pt x="129" y="1492"/>
                  </a:lnTo>
                  <a:lnTo>
                    <a:pt x="121" y="1453"/>
                  </a:lnTo>
                  <a:lnTo>
                    <a:pt x="118" y="1412"/>
                  </a:lnTo>
                  <a:lnTo>
                    <a:pt x="120" y="1376"/>
                  </a:lnTo>
                  <a:lnTo>
                    <a:pt x="126" y="1342"/>
                  </a:lnTo>
                  <a:lnTo>
                    <a:pt x="138" y="1310"/>
                  </a:lnTo>
                  <a:lnTo>
                    <a:pt x="152" y="1278"/>
                  </a:lnTo>
                  <a:lnTo>
                    <a:pt x="120" y="1263"/>
                  </a:lnTo>
                  <a:lnTo>
                    <a:pt x="91" y="1243"/>
                  </a:lnTo>
                  <a:lnTo>
                    <a:pt x="64" y="1220"/>
                  </a:lnTo>
                  <a:lnTo>
                    <a:pt x="42" y="1194"/>
                  </a:lnTo>
                  <a:lnTo>
                    <a:pt x="25" y="1164"/>
                  </a:lnTo>
                  <a:lnTo>
                    <a:pt x="11" y="1131"/>
                  </a:lnTo>
                  <a:lnTo>
                    <a:pt x="2" y="1095"/>
                  </a:lnTo>
                  <a:lnTo>
                    <a:pt x="0" y="1059"/>
                  </a:lnTo>
                  <a:lnTo>
                    <a:pt x="2" y="1022"/>
                  </a:lnTo>
                  <a:lnTo>
                    <a:pt x="11" y="987"/>
                  </a:lnTo>
                  <a:lnTo>
                    <a:pt x="25" y="955"/>
                  </a:lnTo>
                  <a:lnTo>
                    <a:pt x="42" y="925"/>
                  </a:lnTo>
                  <a:lnTo>
                    <a:pt x="64" y="897"/>
                  </a:lnTo>
                  <a:lnTo>
                    <a:pt x="91" y="874"/>
                  </a:lnTo>
                  <a:lnTo>
                    <a:pt x="120" y="855"/>
                  </a:lnTo>
                  <a:lnTo>
                    <a:pt x="152" y="840"/>
                  </a:lnTo>
                  <a:lnTo>
                    <a:pt x="138" y="809"/>
                  </a:lnTo>
                  <a:lnTo>
                    <a:pt x="126" y="776"/>
                  </a:lnTo>
                  <a:lnTo>
                    <a:pt x="120" y="742"/>
                  </a:lnTo>
                  <a:lnTo>
                    <a:pt x="118" y="706"/>
                  </a:lnTo>
                  <a:lnTo>
                    <a:pt x="121" y="665"/>
                  </a:lnTo>
                  <a:lnTo>
                    <a:pt x="129" y="625"/>
                  </a:lnTo>
                  <a:lnTo>
                    <a:pt x="143" y="588"/>
                  </a:lnTo>
                  <a:lnTo>
                    <a:pt x="161" y="554"/>
                  </a:lnTo>
                  <a:lnTo>
                    <a:pt x="183" y="522"/>
                  </a:lnTo>
                  <a:lnTo>
                    <a:pt x="210" y="494"/>
                  </a:lnTo>
                  <a:lnTo>
                    <a:pt x="240" y="469"/>
                  </a:lnTo>
                  <a:lnTo>
                    <a:pt x="273" y="448"/>
                  </a:lnTo>
                  <a:lnTo>
                    <a:pt x="309" y="432"/>
                  </a:lnTo>
                  <a:lnTo>
                    <a:pt x="302" y="407"/>
                  </a:lnTo>
                  <a:lnTo>
                    <a:pt x="296" y="380"/>
                  </a:lnTo>
                  <a:lnTo>
                    <a:pt x="295" y="354"/>
                  </a:lnTo>
                  <a:lnTo>
                    <a:pt x="298" y="315"/>
                  </a:lnTo>
                  <a:lnTo>
                    <a:pt x="307" y="278"/>
                  </a:lnTo>
                  <a:lnTo>
                    <a:pt x="322" y="245"/>
                  </a:lnTo>
                  <a:lnTo>
                    <a:pt x="340" y="214"/>
                  </a:lnTo>
                  <a:lnTo>
                    <a:pt x="364" y="187"/>
                  </a:lnTo>
                  <a:lnTo>
                    <a:pt x="391" y="164"/>
                  </a:lnTo>
                  <a:lnTo>
                    <a:pt x="422" y="144"/>
                  </a:lnTo>
                  <a:lnTo>
                    <a:pt x="456" y="130"/>
                  </a:lnTo>
                  <a:lnTo>
                    <a:pt x="492" y="120"/>
                  </a:lnTo>
                  <a:lnTo>
                    <a:pt x="531" y="118"/>
                  </a:lnTo>
                  <a:lnTo>
                    <a:pt x="560" y="119"/>
                  </a:lnTo>
                  <a:lnTo>
                    <a:pt x="587" y="125"/>
                  </a:lnTo>
                  <a:lnTo>
                    <a:pt x="614" y="134"/>
                  </a:lnTo>
                  <a:lnTo>
                    <a:pt x="633" y="102"/>
                  </a:lnTo>
                  <a:lnTo>
                    <a:pt x="656" y="73"/>
                  </a:lnTo>
                  <a:lnTo>
                    <a:pt x="684" y="49"/>
                  </a:lnTo>
                  <a:lnTo>
                    <a:pt x="715" y="28"/>
                  </a:lnTo>
                  <a:lnTo>
                    <a:pt x="749" y="13"/>
                  </a:lnTo>
                  <a:lnTo>
                    <a:pt x="786" y="3"/>
                  </a:lnTo>
                  <a:lnTo>
                    <a:pt x="82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7" name="Freeform 35">
              <a:extLst>
                <a:ext uri="{FF2B5EF4-FFF2-40B4-BE49-F238E27FC236}">
                  <a16:creationId xmlns:a16="http://schemas.microsoft.com/office/drawing/2014/main" id="{79D5678D-D562-E631-BFAD-129B021F8999}"/>
                </a:ext>
              </a:extLst>
            </p:cNvPr>
            <p:cNvSpPr>
              <a:spLocks noEditPoints="1"/>
            </p:cNvSpPr>
            <p:nvPr/>
          </p:nvSpPr>
          <p:spPr bwMode="auto">
            <a:xfrm>
              <a:off x="-838200" y="3662363"/>
              <a:ext cx="239712" cy="479425"/>
            </a:xfrm>
            <a:custGeom>
              <a:avLst/>
              <a:gdLst>
                <a:gd name="T0" fmla="*/ 144 w 1062"/>
                <a:gd name="T1" fmla="*/ 162 h 2117"/>
                <a:gd name="T2" fmla="*/ 121 w 1062"/>
                <a:gd name="T3" fmla="*/ 1910 h 2117"/>
                <a:gd name="T4" fmla="*/ 210 w 1062"/>
                <a:gd name="T5" fmla="*/ 1997 h 2117"/>
                <a:gd name="T6" fmla="*/ 326 w 1062"/>
                <a:gd name="T7" fmla="*/ 1958 h 2117"/>
                <a:gd name="T8" fmla="*/ 305 w 1062"/>
                <a:gd name="T9" fmla="*/ 1830 h 2117"/>
                <a:gd name="T10" fmla="*/ 426 w 1062"/>
                <a:gd name="T11" fmla="*/ 1817 h 2117"/>
                <a:gd name="T12" fmla="*/ 531 w 1062"/>
                <a:gd name="T13" fmla="*/ 1882 h 2117"/>
                <a:gd name="T14" fmla="*/ 638 w 1062"/>
                <a:gd name="T15" fmla="*/ 1817 h 2117"/>
                <a:gd name="T16" fmla="*/ 623 w 1062"/>
                <a:gd name="T17" fmla="*/ 1691 h 2117"/>
                <a:gd name="T18" fmla="*/ 531 w 1062"/>
                <a:gd name="T19" fmla="*/ 1530 h 2117"/>
                <a:gd name="T20" fmla="*/ 682 w 1062"/>
                <a:gd name="T21" fmla="*/ 1585 h 2117"/>
                <a:gd name="T22" fmla="*/ 803 w 1062"/>
                <a:gd name="T23" fmla="*/ 1501 h 2117"/>
                <a:gd name="T24" fmla="*/ 815 w 1062"/>
                <a:gd name="T25" fmla="*/ 1350 h 2117"/>
                <a:gd name="T26" fmla="*/ 711 w 1062"/>
                <a:gd name="T27" fmla="*/ 1247 h 2117"/>
                <a:gd name="T28" fmla="*/ 560 w 1062"/>
                <a:gd name="T29" fmla="*/ 1260 h 2117"/>
                <a:gd name="T30" fmla="*/ 476 w 1062"/>
                <a:gd name="T31" fmla="*/ 1380 h 2117"/>
                <a:gd name="T32" fmla="*/ 382 w 1062"/>
                <a:gd name="T33" fmla="*/ 1287 h 2117"/>
                <a:gd name="T34" fmla="*/ 526 w 1062"/>
                <a:gd name="T35" fmla="*/ 1145 h 2117"/>
                <a:gd name="T36" fmla="*/ 726 w 1062"/>
                <a:gd name="T37" fmla="*/ 1128 h 2117"/>
                <a:gd name="T38" fmla="*/ 854 w 1062"/>
                <a:gd name="T39" fmla="*/ 1174 h 2117"/>
                <a:gd name="T40" fmla="*/ 941 w 1062"/>
                <a:gd name="T41" fmla="*/ 1086 h 2117"/>
                <a:gd name="T42" fmla="*/ 900 w 1062"/>
                <a:gd name="T43" fmla="*/ 967 h 2117"/>
                <a:gd name="T44" fmla="*/ 795 w 1062"/>
                <a:gd name="T45" fmla="*/ 960 h 2117"/>
                <a:gd name="T46" fmla="*/ 605 w 1062"/>
                <a:gd name="T47" fmla="*/ 997 h 2117"/>
                <a:gd name="T48" fmla="*/ 427 w 1062"/>
                <a:gd name="T49" fmla="*/ 898 h 2117"/>
                <a:gd name="T50" fmla="*/ 355 w 1062"/>
                <a:gd name="T51" fmla="*/ 706 h 2117"/>
                <a:gd name="T52" fmla="*/ 514 w 1062"/>
                <a:gd name="T53" fmla="*/ 820 h 2117"/>
                <a:gd name="T54" fmla="*/ 650 w 1062"/>
                <a:gd name="T55" fmla="*/ 883 h 2117"/>
                <a:gd name="T56" fmla="*/ 785 w 1062"/>
                <a:gd name="T57" fmla="*/ 820 h 2117"/>
                <a:gd name="T58" fmla="*/ 824 w 1062"/>
                <a:gd name="T59" fmla="*/ 674 h 2117"/>
                <a:gd name="T60" fmla="*/ 739 w 1062"/>
                <a:gd name="T61" fmla="*/ 555 h 2117"/>
                <a:gd name="T62" fmla="*/ 598 w 1062"/>
                <a:gd name="T63" fmla="*/ 579 h 2117"/>
                <a:gd name="T64" fmla="*/ 583 w 1062"/>
                <a:gd name="T65" fmla="*/ 459 h 2117"/>
                <a:gd name="T66" fmla="*/ 650 w 1062"/>
                <a:gd name="T67" fmla="*/ 354 h 2117"/>
                <a:gd name="T68" fmla="*/ 583 w 1062"/>
                <a:gd name="T69" fmla="*/ 248 h 2117"/>
                <a:gd name="T70" fmla="*/ 458 w 1062"/>
                <a:gd name="T71" fmla="*/ 261 h 2117"/>
                <a:gd name="T72" fmla="*/ 295 w 1062"/>
                <a:gd name="T73" fmla="*/ 354 h 2117"/>
                <a:gd name="T74" fmla="*/ 349 w 1062"/>
                <a:gd name="T75" fmla="*/ 204 h 2117"/>
                <a:gd name="T76" fmla="*/ 263 w 1062"/>
                <a:gd name="T77" fmla="*/ 120 h 2117"/>
                <a:gd name="T78" fmla="*/ 347 w 1062"/>
                <a:gd name="T79" fmla="*/ 28 h 2117"/>
                <a:gd name="T80" fmla="*/ 475 w 1062"/>
                <a:gd name="T81" fmla="*/ 125 h 2117"/>
                <a:gd name="T82" fmla="*/ 640 w 1062"/>
                <a:gd name="T83" fmla="*/ 144 h 2117"/>
                <a:gd name="T84" fmla="*/ 755 w 1062"/>
                <a:gd name="T85" fmla="*/ 278 h 2117"/>
                <a:gd name="T86" fmla="*/ 753 w 1062"/>
                <a:gd name="T87" fmla="*/ 432 h 2117"/>
                <a:gd name="T88" fmla="*/ 901 w 1062"/>
                <a:gd name="T89" fmla="*/ 554 h 2117"/>
                <a:gd name="T90" fmla="*/ 942 w 1062"/>
                <a:gd name="T91" fmla="*/ 742 h 2117"/>
                <a:gd name="T92" fmla="*/ 971 w 1062"/>
                <a:gd name="T93" fmla="*/ 874 h 2117"/>
                <a:gd name="T94" fmla="*/ 1060 w 1062"/>
                <a:gd name="T95" fmla="*/ 1022 h 2117"/>
                <a:gd name="T96" fmla="*/ 1020 w 1062"/>
                <a:gd name="T97" fmla="*/ 1194 h 2117"/>
                <a:gd name="T98" fmla="*/ 925 w 1062"/>
                <a:gd name="T99" fmla="*/ 1310 h 2117"/>
                <a:gd name="T100" fmla="*/ 933 w 1062"/>
                <a:gd name="T101" fmla="*/ 1492 h 2117"/>
                <a:gd name="T102" fmla="*/ 821 w 1062"/>
                <a:gd name="T103" fmla="*/ 1649 h 2117"/>
                <a:gd name="T104" fmla="*/ 767 w 1062"/>
                <a:gd name="T105" fmla="*/ 1765 h 2117"/>
                <a:gd name="T106" fmla="*/ 698 w 1062"/>
                <a:gd name="T107" fmla="*/ 1931 h 2117"/>
                <a:gd name="T108" fmla="*/ 531 w 1062"/>
                <a:gd name="T109" fmla="*/ 2000 h 2117"/>
                <a:gd name="T110" fmla="*/ 406 w 1062"/>
                <a:gd name="T111" fmla="*/ 2046 h 2117"/>
                <a:gd name="T112" fmla="*/ 236 w 1062"/>
                <a:gd name="T113" fmla="*/ 2117 h 2117"/>
                <a:gd name="T114" fmla="*/ 70 w 1062"/>
                <a:gd name="T115" fmla="*/ 2049 h 2117"/>
                <a:gd name="T116" fmla="*/ 0 w 1062"/>
                <a:gd name="T117" fmla="*/ 1882 h 2117"/>
                <a:gd name="T118" fmla="*/ 46 w 1062"/>
                <a:gd name="T119" fmla="*/ 96 h 2117"/>
                <a:gd name="T120" fmla="*/ 199 w 1062"/>
                <a:gd name="T121" fmla="*/ 3 h 2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062" h="2117">
                  <a:moveTo>
                    <a:pt x="236" y="118"/>
                  </a:moveTo>
                  <a:lnTo>
                    <a:pt x="210" y="120"/>
                  </a:lnTo>
                  <a:lnTo>
                    <a:pt x="184" y="129"/>
                  </a:lnTo>
                  <a:lnTo>
                    <a:pt x="163" y="144"/>
                  </a:lnTo>
                  <a:lnTo>
                    <a:pt x="144" y="162"/>
                  </a:lnTo>
                  <a:lnTo>
                    <a:pt x="130" y="183"/>
                  </a:lnTo>
                  <a:lnTo>
                    <a:pt x="121" y="209"/>
                  </a:lnTo>
                  <a:lnTo>
                    <a:pt x="119" y="235"/>
                  </a:lnTo>
                  <a:lnTo>
                    <a:pt x="119" y="1882"/>
                  </a:lnTo>
                  <a:lnTo>
                    <a:pt x="121" y="1910"/>
                  </a:lnTo>
                  <a:lnTo>
                    <a:pt x="130" y="1934"/>
                  </a:lnTo>
                  <a:lnTo>
                    <a:pt x="144" y="1956"/>
                  </a:lnTo>
                  <a:lnTo>
                    <a:pt x="163" y="1974"/>
                  </a:lnTo>
                  <a:lnTo>
                    <a:pt x="184" y="1988"/>
                  </a:lnTo>
                  <a:lnTo>
                    <a:pt x="210" y="1997"/>
                  </a:lnTo>
                  <a:lnTo>
                    <a:pt x="236" y="2000"/>
                  </a:lnTo>
                  <a:lnTo>
                    <a:pt x="263" y="1997"/>
                  </a:lnTo>
                  <a:lnTo>
                    <a:pt x="287" y="1988"/>
                  </a:lnTo>
                  <a:lnTo>
                    <a:pt x="308" y="1975"/>
                  </a:lnTo>
                  <a:lnTo>
                    <a:pt x="326" y="1958"/>
                  </a:lnTo>
                  <a:lnTo>
                    <a:pt x="341" y="1937"/>
                  </a:lnTo>
                  <a:lnTo>
                    <a:pt x="349" y="1913"/>
                  </a:lnTo>
                  <a:lnTo>
                    <a:pt x="332" y="1888"/>
                  </a:lnTo>
                  <a:lnTo>
                    <a:pt x="316" y="1860"/>
                  </a:lnTo>
                  <a:lnTo>
                    <a:pt x="305" y="1830"/>
                  </a:lnTo>
                  <a:lnTo>
                    <a:pt x="297" y="1798"/>
                  </a:lnTo>
                  <a:lnTo>
                    <a:pt x="295" y="1765"/>
                  </a:lnTo>
                  <a:lnTo>
                    <a:pt x="414" y="1765"/>
                  </a:lnTo>
                  <a:lnTo>
                    <a:pt x="417" y="1791"/>
                  </a:lnTo>
                  <a:lnTo>
                    <a:pt x="426" y="1817"/>
                  </a:lnTo>
                  <a:lnTo>
                    <a:pt x="439" y="1838"/>
                  </a:lnTo>
                  <a:lnTo>
                    <a:pt x="458" y="1857"/>
                  </a:lnTo>
                  <a:lnTo>
                    <a:pt x="479" y="1871"/>
                  </a:lnTo>
                  <a:lnTo>
                    <a:pt x="505" y="1880"/>
                  </a:lnTo>
                  <a:lnTo>
                    <a:pt x="531" y="1882"/>
                  </a:lnTo>
                  <a:lnTo>
                    <a:pt x="559" y="1880"/>
                  </a:lnTo>
                  <a:lnTo>
                    <a:pt x="583" y="1871"/>
                  </a:lnTo>
                  <a:lnTo>
                    <a:pt x="605" y="1857"/>
                  </a:lnTo>
                  <a:lnTo>
                    <a:pt x="623" y="1838"/>
                  </a:lnTo>
                  <a:lnTo>
                    <a:pt x="638" y="1817"/>
                  </a:lnTo>
                  <a:lnTo>
                    <a:pt x="646" y="1791"/>
                  </a:lnTo>
                  <a:lnTo>
                    <a:pt x="650" y="1765"/>
                  </a:lnTo>
                  <a:lnTo>
                    <a:pt x="646" y="1738"/>
                  </a:lnTo>
                  <a:lnTo>
                    <a:pt x="638" y="1713"/>
                  </a:lnTo>
                  <a:lnTo>
                    <a:pt x="623" y="1691"/>
                  </a:lnTo>
                  <a:lnTo>
                    <a:pt x="605" y="1673"/>
                  </a:lnTo>
                  <a:lnTo>
                    <a:pt x="583" y="1659"/>
                  </a:lnTo>
                  <a:lnTo>
                    <a:pt x="559" y="1650"/>
                  </a:lnTo>
                  <a:lnTo>
                    <a:pt x="531" y="1647"/>
                  </a:lnTo>
                  <a:lnTo>
                    <a:pt x="531" y="1530"/>
                  </a:lnTo>
                  <a:lnTo>
                    <a:pt x="565" y="1532"/>
                  </a:lnTo>
                  <a:lnTo>
                    <a:pt x="598" y="1539"/>
                  </a:lnTo>
                  <a:lnTo>
                    <a:pt x="628" y="1550"/>
                  </a:lnTo>
                  <a:lnTo>
                    <a:pt x="656" y="1566"/>
                  </a:lnTo>
                  <a:lnTo>
                    <a:pt x="682" y="1585"/>
                  </a:lnTo>
                  <a:lnTo>
                    <a:pt x="712" y="1577"/>
                  </a:lnTo>
                  <a:lnTo>
                    <a:pt x="739" y="1564"/>
                  </a:lnTo>
                  <a:lnTo>
                    <a:pt x="764" y="1546"/>
                  </a:lnTo>
                  <a:lnTo>
                    <a:pt x="785" y="1525"/>
                  </a:lnTo>
                  <a:lnTo>
                    <a:pt x="803" y="1501"/>
                  </a:lnTo>
                  <a:lnTo>
                    <a:pt x="815" y="1473"/>
                  </a:lnTo>
                  <a:lnTo>
                    <a:pt x="824" y="1443"/>
                  </a:lnTo>
                  <a:lnTo>
                    <a:pt x="826" y="1412"/>
                  </a:lnTo>
                  <a:lnTo>
                    <a:pt x="824" y="1380"/>
                  </a:lnTo>
                  <a:lnTo>
                    <a:pt x="815" y="1350"/>
                  </a:lnTo>
                  <a:lnTo>
                    <a:pt x="802" y="1323"/>
                  </a:lnTo>
                  <a:lnTo>
                    <a:pt x="785" y="1299"/>
                  </a:lnTo>
                  <a:lnTo>
                    <a:pt x="763" y="1278"/>
                  </a:lnTo>
                  <a:lnTo>
                    <a:pt x="738" y="1260"/>
                  </a:lnTo>
                  <a:lnTo>
                    <a:pt x="711" y="1247"/>
                  </a:lnTo>
                  <a:lnTo>
                    <a:pt x="681" y="1238"/>
                  </a:lnTo>
                  <a:lnTo>
                    <a:pt x="650" y="1236"/>
                  </a:lnTo>
                  <a:lnTo>
                    <a:pt x="618" y="1238"/>
                  </a:lnTo>
                  <a:lnTo>
                    <a:pt x="588" y="1247"/>
                  </a:lnTo>
                  <a:lnTo>
                    <a:pt x="560" y="1260"/>
                  </a:lnTo>
                  <a:lnTo>
                    <a:pt x="536" y="1278"/>
                  </a:lnTo>
                  <a:lnTo>
                    <a:pt x="514" y="1299"/>
                  </a:lnTo>
                  <a:lnTo>
                    <a:pt x="497" y="1323"/>
                  </a:lnTo>
                  <a:lnTo>
                    <a:pt x="483" y="1350"/>
                  </a:lnTo>
                  <a:lnTo>
                    <a:pt x="476" y="1380"/>
                  </a:lnTo>
                  <a:lnTo>
                    <a:pt x="472" y="1412"/>
                  </a:lnTo>
                  <a:lnTo>
                    <a:pt x="355" y="1412"/>
                  </a:lnTo>
                  <a:lnTo>
                    <a:pt x="357" y="1368"/>
                  </a:lnTo>
                  <a:lnTo>
                    <a:pt x="367" y="1327"/>
                  </a:lnTo>
                  <a:lnTo>
                    <a:pt x="382" y="1287"/>
                  </a:lnTo>
                  <a:lnTo>
                    <a:pt x="401" y="1252"/>
                  </a:lnTo>
                  <a:lnTo>
                    <a:pt x="427" y="1219"/>
                  </a:lnTo>
                  <a:lnTo>
                    <a:pt x="456" y="1190"/>
                  </a:lnTo>
                  <a:lnTo>
                    <a:pt x="489" y="1165"/>
                  </a:lnTo>
                  <a:lnTo>
                    <a:pt x="526" y="1145"/>
                  </a:lnTo>
                  <a:lnTo>
                    <a:pt x="564" y="1131"/>
                  </a:lnTo>
                  <a:lnTo>
                    <a:pt x="605" y="1121"/>
                  </a:lnTo>
                  <a:lnTo>
                    <a:pt x="650" y="1117"/>
                  </a:lnTo>
                  <a:lnTo>
                    <a:pt x="688" y="1121"/>
                  </a:lnTo>
                  <a:lnTo>
                    <a:pt x="726" y="1128"/>
                  </a:lnTo>
                  <a:lnTo>
                    <a:pt x="762" y="1140"/>
                  </a:lnTo>
                  <a:lnTo>
                    <a:pt x="795" y="1157"/>
                  </a:lnTo>
                  <a:lnTo>
                    <a:pt x="826" y="1178"/>
                  </a:lnTo>
                  <a:lnTo>
                    <a:pt x="826" y="1177"/>
                  </a:lnTo>
                  <a:lnTo>
                    <a:pt x="854" y="1174"/>
                  </a:lnTo>
                  <a:lnTo>
                    <a:pt x="878" y="1165"/>
                  </a:lnTo>
                  <a:lnTo>
                    <a:pt x="900" y="1150"/>
                  </a:lnTo>
                  <a:lnTo>
                    <a:pt x="918" y="1133"/>
                  </a:lnTo>
                  <a:lnTo>
                    <a:pt x="932" y="1111"/>
                  </a:lnTo>
                  <a:lnTo>
                    <a:pt x="941" y="1086"/>
                  </a:lnTo>
                  <a:lnTo>
                    <a:pt x="944" y="1059"/>
                  </a:lnTo>
                  <a:lnTo>
                    <a:pt x="941" y="1032"/>
                  </a:lnTo>
                  <a:lnTo>
                    <a:pt x="932" y="1007"/>
                  </a:lnTo>
                  <a:lnTo>
                    <a:pt x="918" y="986"/>
                  </a:lnTo>
                  <a:lnTo>
                    <a:pt x="900" y="967"/>
                  </a:lnTo>
                  <a:lnTo>
                    <a:pt x="878" y="954"/>
                  </a:lnTo>
                  <a:lnTo>
                    <a:pt x="854" y="945"/>
                  </a:lnTo>
                  <a:lnTo>
                    <a:pt x="826" y="942"/>
                  </a:lnTo>
                  <a:lnTo>
                    <a:pt x="826" y="939"/>
                  </a:lnTo>
                  <a:lnTo>
                    <a:pt x="795" y="960"/>
                  </a:lnTo>
                  <a:lnTo>
                    <a:pt x="762" y="977"/>
                  </a:lnTo>
                  <a:lnTo>
                    <a:pt x="726" y="990"/>
                  </a:lnTo>
                  <a:lnTo>
                    <a:pt x="688" y="998"/>
                  </a:lnTo>
                  <a:lnTo>
                    <a:pt x="650" y="1000"/>
                  </a:lnTo>
                  <a:lnTo>
                    <a:pt x="605" y="997"/>
                  </a:lnTo>
                  <a:lnTo>
                    <a:pt x="564" y="988"/>
                  </a:lnTo>
                  <a:lnTo>
                    <a:pt x="526" y="973"/>
                  </a:lnTo>
                  <a:lnTo>
                    <a:pt x="489" y="953"/>
                  </a:lnTo>
                  <a:lnTo>
                    <a:pt x="456" y="928"/>
                  </a:lnTo>
                  <a:lnTo>
                    <a:pt x="427" y="898"/>
                  </a:lnTo>
                  <a:lnTo>
                    <a:pt x="401" y="866"/>
                  </a:lnTo>
                  <a:lnTo>
                    <a:pt x="382" y="830"/>
                  </a:lnTo>
                  <a:lnTo>
                    <a:pt x="367" y="791"/>
                  </a:lnTo>
                  <a:lnTo>
                    <a:pt x="357" y="749"/>
                  </a:lnTo>
                  <a:lnTo>
                    <a:pt x="355" y="706"/>
                  </a:lnTo>
                  <a:lnTo>
                    <a:pt x="472" y="706"/>
                  </a:lnTo>
                  <a:lnTo>
                    <a:pt x="476" y="738"/>
                  </a:lnTo>
                  <a:lnTo>
                    <a:pt x="483" y="768"/>
                  </a:lnTo>
                  <a:lnTo>
                    <a:pt x="497" y="795"/>
                  </a:lnTo>
                  <a:lnTo>
                    <a:pt x="514" y="820"/>
                  </a:lnTo>
                  <a:lnTo>
                    <a:pt x="536" y="841"/>
                  </a:lnTo>
                  <a:lnTo>
                    <a:pt x="560" y="859"/>
                  </a:lnTo>
                  <a:lnTo>
                    <a:pt x="588" y="872"/>
                  </a:lnTo>
                  <a:lnTo>
                    <a:pt x="618" y="880"/>
                  </a:lnTo>
                  <a:lnTo>
                    <a:pt x="650" y="883"/>
                  </a:lnTo>
                  <a:lnTo>
                    <a:pt x="681" y="880"/>
                  </a:lnTo>
                  <a:lnTo>
                    <a:pt x="711" y="872"/>
                  </a:lnTo>
                  <a:lnTo>
                    <a:pt x="738" y="859"/>
                  </a:lnTo>
                  <a:lnTo>
                    <a:pt x="763" y="841"/>
                  </a:lnTo>
                  <a:lnTo>
                    <a:pt x="785" y="820"/>
                  </a:lnTo>
                  <a:lnTo>
                    <a:pt x="802" y="795"/>
                  </a:lnTo>
                  <a:lnTo>
                    <a:pt x="815" y="768"/>
                  </a:lnTo>
                  <a:lnTo>
                    <a:pt x="824" y="738"/>
                  </a:lnTo>
                  <a:lnTo>
                    <a:pt x="826" y="706"/>
                  </a:lnTo>
                  <a:lnTo>
                    <a:pt x="824" y="674"/>
                  </a:lnTo>
                  <a:lnTo>
                    <a:pt x="815" y="644"/>
                  </a:lnTo>
                  <a:lnTo>
                    <a:pt x="803" y="618"/>
                  </a:lnTo>
                  <a:lnTo>
                    <a:pt x="785" y="592"/>
                  </a:lnTo>
                  <a:lnTo>
                    <a:pt x="764" y="571"/>
                  </a:lnTo>
                  <a:lnTo>
                    <a:pt x="739" y="555"/>
                  </a:lnTo>
                  <a:lnTo>
                    <a:pt x="712" y="541"/>
                  </a:lnTo>
                  <a:lnTo>
                    <a:pt x="682" y="533"/>
                  </a:lnTo>
                  <a:lnTo>
                    <a:pt x="656" y="551"/>
                  </a:lnTo>
                  <a:lnTo>
                    <a:pt x="628" y="567"/>
                  </a:lnTo>
                  <a:lnTo>
                    <a:pt x="598" y="579"/>
                  </a:lnTo>
                  <a:lnTo>
                    <a:pt x="565" y="586"/>
                  </a:lnTo>
                  <a:lnTo>
                    <a:pt x="531" y="588"/>
                  </a:lnTo>
                  <a:lnTo>
                    <a:pt x="531" y="471"/>
                  </a:lnTo>
                  <a:lnTo>
                    <a:pt x="559" y="467"/>
                  </a:lnTo>
                  <a:lnTo>
                    <a:pt x="583" y="459"/>
                  </a:lnTo>
                  <a:lnTo>
                    <a:pt x="605" y="445"/>
                  </a:lnTo>
                  <a:lnTo>
                    <a:pt x="623" y="427"/>
                  </a:lnTo>
                  <a:lnTo>
                    <a:pt x="638" y="404"/>
                  </a:lnTo>
                  <a:lnTo>
                    <a:pt x="646" y="380"/>
                  </a:lnTo>
                  <a:lnTo>
                    <a:pt x="650" y="354"/>
                  </a:lnTo>
                  <a:lnTo>
                    <a:pt x="646" y="326"/>
                  </a:lnTo>
                  <a:lnTo>
                    <a:pt x="638" y="302"/>
                  </a:lnTo>
                  <a:lnTo>
                    <a:pt x="623" y="280"/>
                  </a:lnTo>
                  <a:lnTo>
                    <a:pt x="605" y="261"/>
                  </a:lnTo>
                  <a:lnTo>
                    <a:pt x="583" y="248"/>
                  </a:lnTo>
                  <a:lnTo>
                    <a:pt x="559" y="239"/>
                  </a:lnTo>
                  <a:lnTo>
                    <a:pt x="531" y="235"/>
                  </a:lnTo>
                  <a:lnTo>
                    <a:pt x="505" y="239"/>
                  </a:lnTo>
                  <a:lnTo>
                    <a:pt x="479" y="248"/>
                  </a:lnTo>
                  <a:lnTo>
                    <a:pt x="458" y="261"/>
                  </a:lnTo>
                  <a:lnTo>
                    <a:pt x="439" y="280"/>
                  </a:lnTo>
                  <a:lnTo>
                    <a:pt x="426" y="302"/>
                  </a:lnTo>
                  <a:lnTo>
                    <a:pt x="417" y="326"/>
                  </a:lnTo>
                  <a:lnTo>
                    <a:pt x="414" y="354"/>
                  </a:lnTo>
                  <a:lnTo>
                    <a:pt x="295" y="354"/>
                  </a:lnTo>
                  <a:lnTo>
                    <a:pt x="297" y="319"/>
                  </a:lnTo>
                  <a:lnTo>
                    <a:pt x="305" y="288"/>
                  </a:lnTo>
                  <a:lnTo>
                    <a:pt x="316" y="259"/>
                  </a:lnTo>
                  <a:lnTo>
                    <a:pt x="332" y="230"/>
                  </a:lnTo>
                  <a:lnTo>
                    <a:pt x="349" y="204"/>
                  </a:lnTo>
                  <a:lnTo>
                    <a:pt x="341" y="181"/>
                  </a:lnTo>
                  <a:lnTo>
                    <a:pt x="326" y="160"/>
                  </a:lnTo>
                  <a:lnTo>
                    <a:pt x="308" y="143"/>
                  </a:lnTo>
                  <a:lnTo>
                    <a:pt x="287" y="129"/>
                  </a:lnTo>
                  <a:lnTo>
                    <a:pt x="263" y="120"/>
                  </a:lnTo>
                  <a:lnTo>
                    <a:pt x="236" y="118"/>
                  </a:lnTo>
                  <a:close/>
                  <a:moveTo>
                    <a:pt x="236" y="0"/>
                  </a:moveTo>
                  <a:lnTo>
                    <a:pt x="275" y="3"/>
                  </a:lnTo>
                  <a:lnTo>
                    <a:pt x="313" y="13"/>
                  </a:lnTo>
                  <a:lnTo>
                    <a:pt x="347" y="28"/>
                  </a:lnTo>
                  <a:lnTo>
                    <a:pt x="378" y="49"/>
                  </a:lnTo>
                  <a:lnTo>
                    <a:pt x="406" y="73"/>
                  </a:lnTo>
                  <a:lnTo>
                    <a:pt x="429" y="102"/>
                  </a:lnTo>
                  <a:lnTo>
                    <a:pt x="448" y="134"/>
                  </a:lnTo>
                  <a:lnTo>
                    <a:pt x="475" y="125"/>
                  </a:lnTo>
                  <a:lnTo>
                    <a:pt x="502" y="119"/>
                  </a:lnTo>
                  <a:lnTo>
                    <a:pt x="531" y="118"/>
                  </a:lnTo>
                  <a:lnTo>
                    <a:pt x="570" y="120"/>
                  </a:lnTo>
                  <a:lnTo>
                    <a:pt x="605" y="130"/>
                  </a:lnTo>
                  <a:lnTo>
                    <a:pt x="640" y="144"/>
                  </a:lnTo>
                  <a:lnTo>
                    <a:pt x="671" y="164"/>
                  </a:lnTo>
                  <a:lnTo>
                    <a:pt x="698" y="187"/>
                  </a:lnTo>
                  <a:lnTo>
                    <a:pt x="722" y="214"/>
                  </a:lnTo>
                  <a:lnTo>
                    <a:pt x="741" y="245"/>
                  </a:lnTo>
                  <a:lnTo>
                    <a:pt x="755" y="278"/>
                  </a:lnTo>
                  <a:lnTo>
                    <a:pt x="764" y="315"/>
                  </a:lnTo>
                  <a:lnTo>
                    <a:pt x="767" y="354"/>
                  </a:lnTo>
                  <a:lnTo>
                    <a:pt x="765" y="380"/>
                  </a:lnTo>
                  <a:lnTo>
                    <a:pt x="761" y="407"/>
                  </a:lnTo>
                  <a:lnTo>
                    <a:pt x="753" y="432"/>
                  </a:lnTo>
                  <a:lnTo>
                    <a:pt x="788" y="448"/>
                  </a:lnTo>
                  <a:lnTo>
                    <a:pt x="821" y="469"/>
                  </a:lnTo>
                  <a:lnTo>
                    <a:pt x="851" y="494"/>
                  </a:lnTo>
                  <a:lnTo>
                    <a:pt x="878" y="522"/>
                  </a:lnTo>
                  <a:lnTo>
                    <a:pt x="901" y="554"/>
                  </a:lnTo>
                  <a:lnTo>
                    <a:pt x="919" y="588"/>
                  </a:lnTo>
                  <a:lnTo>
                    <a:pt x="933" y="625"/>
                  </a:lnTo>
                  <a:lnTo>
                    <a:pt x="941" y="665"/>
                  </a:lnTo>
                  <a:lnTo>
                    <a:pt x="944" y="706"/>
                  </a:lnTo>
                  <a:lnTo>
                    <a:pt x="942" y="742"/>
                  </a:lnTo>
                  <a:lnTo>
                    <a:pt x="936" y="776"/>
                  </a:lnTo>
                  <a:lnTo>
                    <a:pt x="925" y="809"/>
                  </a:lnTo>
                  <a:lnTo>
                    <a:pt x="910" y="840"/>
                  </a:lnTo>
                  <a:lnTo>
                    <a:pt x="942" y="855"/>
                  </a:lnTo>
                  <a:lnTo>
                    <a:pt x="971" y="874"/>
                  </a:lnTo>
                  <a:lnTo>
                    <a:pt x="998" y="897"/>
                  </a:lnTo>
                  <a:lnTo>
                    <a:pt x="1020" y="925"/>
                  </a:lnTo>
                  <a:lnTo>
                    <a:pt x="1038" y="955"/>
                  </a:lnTo>
                  <a:lnTo>
                    <a:pt x="1051" y="987"/>
                  </a:lnTo>
                  <a:lnTo>
                    <a:pt x="1060" y="1022"/>
                  </a:lnTo>
                  <a:lnTo>
                    <a:pt x="1062" y="1059"/>
                  </a:lnTo>
                  <a:lnTo>
                    <a:pt x="1060" y="1095"/>
                  </a:lnTo>
                  <a:lnTo>
                    <a:pt x="1051" y="1131"/>
                  </a:lnTo>
                  <a:lnTo>
                    <a:pt x="1038" y="1164"/>
                  </a:lnTo>
                  <a:lnTo>
                    <a:pt x="1020" y="1194"/>
                  </a:lnTo>
                  <a:lnTo>
                    <a:pt x="998" y="1220"/>
                  </a:lnTo>
                  <a:lnTo>
                    <a:pt x="971" y="1243"/>
                  </a:lnTo>
                  <a:lnTo>
                    <a:pt x="942" y="1263"/>
                  </a:lnTo>
                  <a:lnTo>
                    <a:pt x="910" y="1278"/>
                  </a:lnTo>
                  <a:lnTo>
                    <a:pt x="925" y="1310"/>
                  </a:lnTo>
                  <a:lnTo>
                    <a:pt x="936" y="1342"/>
                  </a:lnTo>
                  <a:lnTo>
                    <a:pt x="942" y="1376"/>
                  </a:lnTo>
                  <a:lnTo>
                    <a:pt x="944" y="1412"/>
                  </a:lnTo>
                  <a:lnTo>
                    <a:pt x="941" y="1453"/>
                  </a:lnTo>
                  <a:lnTo>
                    <a:pt x="933" y="1492"/>
                  </a:lnTo>
                  <a:lnTo>
                    <a:pt x="919" y="1530"/>
                  </a:lnTo>
                  <a:lnTo>
                    <a:pt x="901" y="1564"/>
                  </a:lnTo>
                  <a:lnTo>
                    <a:pt x="878" y="1596"/>
                  </a:lnTo>
                  <a:lnTo>
                    <a:pt x="851" y="1625"/>
                  </a:lnTo>
                  <a:lnTo>
                    <a:pt x="821" y="1649"/>
                  </a:lnTo>
                  <a:lnTo>
                    <a:pt x="788" y="1670"/>
                  </a:lnTo>
                  <a:lnTo>
                    <a:pt x="753" y="1686"/>
                  </a:lnTo>
                  <a:lnTo>
                    <a:pt x="761" y="1712"/>
                  </a:lnTo>
                  <a:lnTo>
                    <a:pt x="765" y="1737"/>
                  </a:lnTo>
                  <a:lnTo>
                    <a:pt x="767" y="1765"/>
                  </a:lnTo>
                  <a:lnTo>
                    <a:pt x="764" y="1802"/>
                  </a:lnTo>
                  <a:lnTo>
                    <a:pt x="755" y="1839"/>
                  </a:lnTo>
                  <a:lnTo>
                    <a:pt x="741" y="1873"/>
                  </a:lnTo>
                  <a:lnTo>
                    <a:pt x="722" y="1904"/>
                  </a:lnTo>
                  <a:lnTo>
                    <a:pt x="698" y="1931"/>
                  </a:lnTo>
                  <a:lnTo>
                    <a:pt x="671" y="1955"/>
                  </a:lnTo>
                  <a:lnTo>
                    <a:pt x="640" y="1974"/>
                  </a:lnTo>
                  <a:lnTo>
                    <a:pt x="605" y="1988"/>
                  </a:lnTo>
                  <a:lnTo>
                    <a:pt x="570" y="1997"/>
                  </a:lnTo>
                  <a:lnTo>
                    <a:pt x="531" y="2000"/>
                  </a:lnTo>
                  <a:lnTo>
                    <a:pt x="502" y="1998"/>
                  </a:lnTo>
                  <a:lnTo>
                    <a:pt x="475" y="1993"/>
                  </a:lnTo>
                  <a:lnTo>
                    <a:pt x="448" y="1985"/>
                  </a:lnTo>
                  <a:lnTo>
                    <a:pt x="429" y="2017"/>
                  </a:lnTo>
                  <a:lnTo>
                    <a:pt x="406" y="2046"/>
                  </a:lnTo>
                  <a:lnTo>
                    <a:pt x="378" y="2070"/>
                  </a:lnTo>
                  <a:lnTo>
                    <a:pt x="347" y="2090"/>
                  </a:lnTo>
                  <a:lnTo>
                    <a:pt x="313" y="2105"/>
                  </a:lnTo>
                  <a:lnTo>
                    <a:pt x="275" y="2114"/>
                  </a:lnTo>
                  <a:lnTo>
                    <a:pt x="236" y="2117"/>
                  </a:lnTo>
                  <a:lnTo>
                    <a:pt x="199" y="2114"/>
                  </a:lnTo>
                  <a:lnTo>
                    <a:pt x="162" y="2105"/>
                  </a:lnTo>
                  <a:lnTo>
                    <a:pt x="128" y="2091"/>
                  </a:lnTo>
                  <a:lnTo>
                    <a:pt x="97" y="2072"/>
                  </a:lnTo>
                  <a:lnTo>
                    <a:pt x="70" y="2049"/>
                  </a:lnTo>
                  <a:lnTo>
                    <a:pt x="46" y="2021"/>
                  </a:lnTo>
                  <a:lnTo>
                    <a:pt x="27" y="1990"/>
                  </a:lnTo>
                  <a:lnTo>
                    <a:pt x="12" y="1957"/>
                  </a:lnTo>
                  <a:lnTo>
                    <a:pt x="4" y="1921"/>
                  </a:lnTo>
                  <a:lnTo>
                    <a:pt x="0" y="1882"/>
                  </a:lnTo>
                  <a:lnTo>
                    <a:pt x="0" y="235"/>
                  </a:lnTo>
                  <a:lnTo>
                    <a:pt x="4" y="198"/>
                  </a:lnTo>
                  <a:lnTo>
                    <a:pt x="12" y="161"/>
                  </a:lnTo>
                  <a:lnTo>
                    <a:pt x="27" y="127"/>
                  </a:lnTo>
                  <a:lnTo>
                    <a:pt x="46" y="96"/>
                  </a:lnTo>
                  <a:lnTo>
                    <a:pt x="70" y="70"/>
                  </a:lnTo>
                  <a:lnTo>
                    <a:pt x="97" y="45"/>
                  </a:lnTo>
                  <a:lnTo>
                    <a:pt x="128" y="26"/>
                  </a:lnTo>
                  <a:lnTo>
                    <a:pt x="162" y="12"/>
                  </a:lnTo>
                  <a:lnTo>
                    <a:pt x="199" y="3"/>
                  </a:lnTo>
                  <a:lnTo>
                    <a:pt x="23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8" name="Freeform 36">
              <a:extLst>
                <a:ext uri="{FF2B5EF4-FFF2-40B4-BE49-F238E27FC236}">
                  <a16:creationId xmlns:a16="http://schemas.microsoft.com/office/drawing/2014/main" id="{35B02AD8-F18F-ECAC-4300-4B21DB87B44D}"/>
                </a:ext>
              </a:extLst>
            </p:cNvPr>
            <p:cNvSpPr>
              <a:spLocks noEditPoints="1"/>
            </p:cNvSpPr>
            <p:nvPr/>
          </p:nvSpPr>
          <p:spPr bwMode="auto">
            <a:xfrm>
              <a:off x="-1160463" y="3595688"/>
              <a:ext cx="615950" cy="827087"/>
            </a:xfrm>
            <a:custGeom>
              <a:avLst/>
              <a:gdLst>
                <a:gd name="T0" fmla="*/ 1147 w 2713"/>
                <a:gd name="T1" fmla="*/ 3402 h 3647"/>
                <a:gd name="T2" fmla="*/ 1248 w 2713"/>
                <a:gd name="T3" fmla="*/ 3503 h 3647"/>
                <a:gd name="T4" fmla="*/ 1394 w 2713"/>
                <a:gd name="T5" fmla="*/ 3527 h 3647"/>
                <a:gd name="T6" fmla="*/ 1523 w 2713"/>
                <a:gd name="T7" fmla="*/ 3460 h 3647"/>
                <a:gd name="T8" fmla="*/ 1589 w 2713"/>
                <a:gd name="T9" fmla="*/ 3332 h 3647"/>
                <a:gd name="T10" fmla="*/ 1003 w 2713"/>
                <a:gd name="T11" fmla="*/ 3176 h 3647"/>
                <a:gd name="T12" fmla="*/ 978 w 2713"/>
                <a:gd name="T13" fmla="*/ 2824 h 3647"/>
                <a:gd name="T14" fmla="*/ 1721 w 2713"/>
                <a:gd name="T15" fmla="*/ 2881 h 3647"/>
                <a:gd name="T16" fmla="*/ 1443 w 2713"/>
                <a:gd name="T17" fmla="*/ 2 h 3647"/>
                <a:gd name="T18" fmla="*/ 1777 w 2713"/>
                <a:gd name="T19" fmla="*/ 65 h 3647"/>
                <a:gd name="T20" fmla="*/ 2081 w 2713"/>
                <a:gd name="T21" fmla="*/ 209 h 3647"/>
                <a:gd name="T22" fmla="*/ 2346 w 2713"/>
                <a:gd name="T23" fmla="*/ 428 h 3647"/>
                <a:gd name="T24" fmla="*/ 2546 w 2713"/>
                <a:gd name="T25" fmla="*/ 702 h 3647"/>
                <a:gd name="T26" fmla="*/ 2670 w 2713"/>
                <a:gd name="T27" fmla="*/ 1016 h 3647"/>
                <a:gd name="T28" fmla="*/ 2713 w 2713"/>
                <a:gd name="T29" fmla="*/ 1353 h 3647"/>
                <a:gd name="T30" fmla="*/ 2666 w 2713"/>
                <a:gd name="T31" fmla="*/ 1707 h 3647"/>
                <a:gd name="T32" fmla="*/ 2530 w 2713"/>
                <a:gd name="T33" fmla="*/ 2031 h 3647"/>
                <a:gd name="T34" fmla="*/ 2315 w 2713"/>
                <a:gd name="T35" fmla="*/ 2311 h 3647"/>
                <a:gd name="T36" fmla="*/ 2064 w 2713"/>
                <a:gd name="T37" fmla="*/ 2511 h 3647"/>
                <a:gd name="T38" fmla="*/ 1928 w 2713"/>
                <a:gd name="T39" fmla="*/ 2662 h 3647"/>
                <a:gd name="T40" fmla="*/ 1856 w 2713"/>
                <a:gd name="T41" fmla="*/ 2824 h 3647"/>
                <a:gd name="T42" fmla="*/ 1946 w 2713"/>
                <a:gd name="T43" fmla="*/ 3059 h 3647"/>
                <a:gd name="T44" fmla="*/ 1816 w 2713"/>
                <a:gd name="T45" fmla="*/ 3270 h 3647"/>
                <a:gd name="T46" fmla="*/ 1710 w 2713"/>
                <a:gd name="T47" fmla="*/ 3294 h 3647"/>
                <a:gd name="T48" fmla="*/ 1662 w 2713"/>
                <a:gd name="T49" fmla="*/ 3472 h 3647"/>
                <a:gd name="T50" fmla="*/ 1535 w 2713"/>
                <a:gd name="T51" fmla="*/ 3598 h 3647"/>
                <a:gd name="T52" fmla="*/ 1357 w 2713"/>
                <a:gd name="T53" fmla="*/ 3647 h 3647"/>
                <a:gd name="T54" fmla="*/ 1178 w 2713"/>
                <a:gd name="T55" fmla="*/ 3598 h 3647"/>
                <a:gd name="T56" fmla="*/ 1051 w 2713"/>
                <a:gd name="T57" fmla="*/ 3472 h 3647"/>
                <a:gd name="T58" fmla="*/ 1003 w 2713"/>
                <a:gd name="T59" fmla="*/ 3294 h 3647"/>
                <a:gd name="T60" fmla="*/ 896 w 2713"/>
                <a:gd name="T61" fmla="*/ 3270 h 3647"/>
                <a:gd name="T62" fmla="*/ 767 w 2713"/>
                <a:gd name="T63" fmla="*/ 3059 h 3647"/>
                <a:gd name="T64" fmla="*/ 866 w 2713"/>
                <a:gd name="T65" fmla="*/ 2862 h 3647"/>
                <a:gd name="T66" fmla="*/ 808 w 2713"/>
                <a:gd name="T67" fmla="*/ 2705 h 3647"/>
                <a:gd name="T68" fmla="*/ 684 w 2713"/>
                <a:gd name="T69" fmla="*/ 2543 h 3647"/>
                <a:gd name="T70" fmla="*/ 464 w 2713"/>
                <a:gd name="T71" fmla="*/ 2372 h 3647"/>
                <a:gd name="T72" fmla="*/ 236 w 2713"/>
                <a:gd name="T73" fmla="*/ 2117 h 3647"/>
                <a:gd name="T74" fmla="*/ 81 w 2713"/>
                <a:gd name="T75" fmla="*/ 1817 h 3647"/>
                <a:gd name="T76" fmla="*/ 6 w 2713"/>
                <a:gd name="T77" fmla="*/ 1484 h 3647"/>
                <a:gd name="T78" fmla="*/ 119 w 2713"/>
                <a:gd name="T79" fmla="*/ 1399 h 3647"/>
                <a:gd name="T80" fmla="*/ 175 w 2713"/>
                <a:gd name="T81" fmla="*/ 1727 h 3647"/>
                <a:gd name="T82" fmla="*/ 317 w 2713"/>
                <a:gd name="T83" fmla="*/ 2026 h 3647"/>
                <a:gd name="T84" fmla="*/ 534 w 2713"/>
                <a:gd name="T85" fmla="*/ 2277 h 3647"/>
                <a:gd name="T86" fmla="*/ 765 w 2713"/>
                <a:gd name="T87" fmla="*/ 2457 h 3647"/>
                <a:gd name="T88" fmla="*/ 911 w 2713"/>
                <a:gd name="T89" fmla="*/ 2650 h 3647"/>
                <a:gd name="T90" fmla="*/ 1830 w 2713"/>
                <a:gd name="T91" fmla="*/ 2598 h 3647"/>
                <a:gd name="T92" fmla="*/ 1990 w 2713"/>
                <a:gd name="T93" fmla="*/ 2419 h 3647"/>
                <a:gd name="T94" fmla="*/ 2231 w 2713"/>
                <a:gd name="T95" fmla="*/ 2227 h 3647"/>
                <a:gd name="T96" fmla="*/ 2428 w 2713"/>
                <a:gd name="T97" fmla="*/ 1973 h 3647"/>
                <a:gd name="T98" fmla="*/ 2552 w 2713"/>
                <a:gd name="T99" fmla="*/ 1677 h 3647"/>
                <a:gd name="T100" fmla="*/ 2596 w 2713"/>
                <a:gd name="T101" fmla="*/ 1353 h 3647"/>
                <a:gd name="T102" fmla="*/ 2550 w 2713"/>
                <a:gd name="T103" fmla="*/ 1019 h 3647"/>
                <a:gd name="T104" fmla="*/ 2418 w 2713"/>
                <a:gd name="T105" fmla="*/ 714 h 3647"/>
                <a:gd name="T106" fmla="*/ 2204 w 2713"/>
                <a:gd name="T107" fmla="*/ 453 h 3647"/>
                <a:gd name="T108" fmla="*/ 1929 w 2713"/>
                <a:gd name="T109" fmla="*/ 256 h 3647"/>
                <a:gd name="T110" fmla="*/ 1616 w 2713"/>
                <a:gd name="T111" fmla="*/ 145 h 3647"/>
                <a:gd name="T112" fmla="*/ 1277 w 2713"/>
                <a:gd name="T113" fmla="*/ 120 h 36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13" h="3647">
                  <a:moveTo>
                    <a:pt x="1121" y="3294"/>
                  </a:moveTo>
                  <a:lnTo>
                    <a:pt x="1124" y="3332"/>
                  </a:lnTo>
                  <a:lnTo>
                    <a:pt x="1133" y="3369"/>
                  </a:lnTo>
                  <a:lnTo>
                    <a:pt x="1147" y="3402"/>
                  </a:lnTo>
                  <a:lnTo>
                    <a:pt x="1166" y="3433"/>
                  </a:lnTo>
                  <a:lnTo>
                    <a:pt x="1189" y="3460"/>
                  </a:lnTo>
                  <a:lnTo>
                    <a:pt x="1217" y="3483"/>
                  </a:lnTo>
                  <a:lnTo>
                    <a:pt x="1248" y="3503"/>
                  </a:lnTo>
                  <a:lnTo>
                    <a:pt x="1282" y="3518"/>
                  </a:lnTo>
                  <a:lnTo>
                    <a:pt x="1318" y="3527"/>
                  </a:lnTo>
                  <a:lnTo>
                    <a:pt x="1357" y="3530"/>
                  </a:lnTo>
                  <a:lnTo>
                    <a:pt x="1394" y="3527"/>
                  </a:lnTo>
                  <a:lnTo>
                    <a:pt x="1431" y="3518"/>
                  </a:lnTo>
                  <a:lnTo>
                    <a:pt x="1465" y="3503"/>
                  </a:lnTo>
                  <a:lnTo>
                    <a:pt x="1496" y="3483"/>
                  </a:lnTo>
                  <a:lnTo>
                    <a:pt x="1523" y="3460"/>
                  </a:lnTo>
                  <a:lnTo>
                    <a:pt x="1547" y="3433"/>
                  </a:lnTo>
                  <a:lnTo>
                    <a:pt x="1566" y="3402"/>
                  </a:lnTo>
                  <a:lnTo>
                    <a:pt x="1580" y="3369"/>
                  </a:lnTo>
                  <a:lnTo>
                    <a:pt x="1589" y="3332"/>
                  </a:lnTo>
                  <a:lnTo>
                    <a:pt x="1593" y="3294"/>
                  </a:lnTo>
                  <a:lnTo>
                    <a:pt x="1121" y="3294"/>
                  </a:lnTo>
                  <a:close/>
                  <a:moveTo>
                    <a:pt x="1003" y="3059"/>
                  </a:moveTo>
                  <a:lnTo>
                    <a:pt x="1003" y="3176"/>
                  </a:lnTo>
                  <a:lnTo>
                    <a:pt x="1710" y="3176"/>
                  </a:lnTo>
                  <a:lnTo>
                    <a:pt x="1710" y="3059"/>
                  </a:lnTo>
                  <a:lnTo>
                    <a:pt x="1003" y="3059"/>
                  </a:lnTo>
                  <a:close/>
                  <a:moveTo>
                    <a:pt x="978" y="2824"/>
                  </a:moveTo>
                  <a:lnTo>
                    <a:pt x="990" y="2881"/>
                  </a:lnTo>
                  <a:lnTo>
                    <a:pt x="997" y="2941"/>
                  </a:lnTo>
                  <a:lnTo>
                    <a:pt x="1715" y="2941"/>
                  </a:lnTo>
                  <a:lnTo>
                    <a:pt x="1721" y="2881"/>
                  </a:lnTo>
                  <a:lnTo>
                    <a:pt x="1733" y="2824"/>
                  </a:lnTo>
                  <a:lnTo>
                    <a:pt x="978" y="2824"/>
                  </a:lnTo>
                  <a:close/>
                  <a:moveTo>
                    <a:pt x="1357" y="0"/>
                  </a:moveTo>
                  <a:lnTo>
                    <a:pt x="1443" y="2"/>
                  </a:lnTo>
                  <a:lnTo>
                    <a:pt x="1528" y="11"/>
                  </a:lnTo>
                  <a:lnTo>
                    <a:pt x="1613" y="23"/>
                  </a:lnTo>
                  <a:lnTo>
                    <a:pt x="1696" y="42"/>
                  </a:lnTo>
                  <a:lnTo>
                    <a:pt x="1777" y="65"/>
                  </a:lnTo>
                  <a:lnTo>
                    <a:pt x="1855" y="94"/>
                  </a:lnTo>
                  <a:lnTo>
                    <a:pt x="1933" y="127"/>
                  </a:lnTo>
                  <a:lnTo>
                    <a:pt x="2008" y="166"/>
                  </a:lnTo>
                  <a:lnTo>
                    <a:pt x="2081" y="209"/>
                  </a:lnTo>
                  <a:lnTo>
                    <a:pt x="2152" y="256"/>
                  </a:lnTo>
                  <a:lnTo>
                    <a:pt x="2220" y="309"/>
                  </a:lnTo>
                  <a:lnTo>
                    <a:pt x="2285" y="367"/>
                  </a:lnTo>
                  <a:lnTo>
                    <a:pt x="2346" y="428"/>
                  </a:lnTo>
                  <a:lnTo>
                    <a:pt x="2403" y="492"/>
                  </a:lnTo>
                  <a:lnTo>
                    <a:pt x="2455" y="559"/>
                  </a:lnTo>
                  <a:lnTo>
                    <a:pt x="2502" y="629"/>
                  </a:lnTo>
                  <a:lnTo>
                    <a:pt x="2546" y="702"/>
                  </a:lnTo>
                  <a:lnTo>
                    <a:pt x="2583" y="777"/>
                  </a:lnTo>
                  <a:lnTo>
                    <a:pt x="2618" y="855"/>
                  </a:lnTo>
                  <a:lnTo>
                    <a:pt x="2647" y="935"/>
                  </a:lnTo>
                  <a:lnTo>
                    <a:pt x="2670" y="1016"/>
                  </a:lnTo>
                  <a:lnTo>
                    <a:pt x="2689" y="1099"/>
                  </a:lnTo>
                  <a:lnTo>
                    <a:pt x="2702" y="1183"/>
                  </a:lnTo>
                  <a:lnTo>
                    <a:pt x="2711" y="1268"/>
                  </a:lnTo>
                  <a:lnTo>
                    <a:pt x="2713" y="1353"/>
                  </a:lnTo>
                  <a:lnTo>
                    <a:pt x="2710" y="1443"/>
                  </a:lnTo>
                  <a:lnTo>
                    <a:pt x="2701" y="1533"/>
                  </a:lnTo>
                  <a:lnTo>
                    <a:pt x="2686" y="1620"/>
                  </a:lnTo>
                  <a:lnTo>
                    <a:pt x="2666" y="1707"/>
                  </a:lnTo>
                  <a:lnTo>
                    <a:pt x="2640" y="1791"/>
                  </a:lnTo>
                  <a:lnTo>
                    <a:pt x="2609" y="1874"/>
                  </a:lnTo>
                  <a:lnTo>
                    <a:pt x="2572" y="1954"/>
                  </a:lnTo>
                  <a:lnTo>
                    <a:pt x="2530" y="2031"/>
                  </a:lnTo>
                  <a:lnTo>
                    <a:pt x="2484" y="2106"/>
                  </a:lnTo>
                  <a:lnTo>
                    <a:pt x="2432" y="2177"/>
                  </a:lnTo>
                  <a:lnTo>
                    <a:pt x="2376" y="2246"/>
                  </a:lnTo>
                  <a:lnTo>
                    <a:pt x="2315" y="2311"/>
                  </a:lnTo>
                  <a:lnTo>
                    <a:pt x="2249" y="2372"/>
                  </a:lnTo>
                  <a:lnTo>
                    <a:pt x="2179" y="2428"/>
                  </a:lnTo>
                  <a:lnTo>
                    <a:pt x="2106" y="2481"/>
                  </a:lnTo>
                  <a:lnTo>
                    <a:pt x="2064" y="2511"/>
                  </a:lnTo>
                  <a:lnTo>
                    <a:pt x="2025" y="2544"/>
                  </a:lnTo>
                  <a:lnTo>
                    <a:pt x="1989" y="2581"/>
                  </a:lnTo>
                  <a:lnTo>
                    <a:pt x="1957" y="2620"/>
                  </a:lnTo>
                  <a:lnTo>
                    <a:pt x="1928" y="2662"/>
                  </a:lnTo>
                  <a:lnTo>
                    <a:pt x="1903" y="2705"/>
                  </a:lnTo>
                  <a:lnTo>
                    <a:pt x="2065" y="2705"/>
                  </a:lnTo>
                  <a:lnTo>
                    <a:pt x="2065" y="2824"/>
                  </a:lnTo>
                  <a:lnTo>
                    <a:pt x="1856" y="2824"/>
                  </a:lnTo>
                  <a:lnTo>
                    <a:pt x="1842" y="2881"/>
                  </a:lnTo>
                  <a:lnTo>
                    <a:pt x="1832" y="2941"/>
                  </a:lnTo>
                  <a:lnTo>
                    <a:pt x="1946" y="2941"/>
                  </a:lnTo>
                  <a:lnTo>
                    <a:pt x="1946" y="3059"/>
                  </a:lnTo>
                  <a:lnTo>
                    <a:pt x="1829" y="3059"/>
                  </a:lnTo>
                  <a:lnTo>
                    <a:pt x="1829" y="3235"/>
                  </a:lnTo>
                  <a:lnTo>
                    <a:pt x="1825" y="3254"/>
                  </a:lnTo>
                  <a:lnTo>
                    <a:pt x="1816" y="3270"/>
                  </a:lnTo>
                  <a:lnTo>
                    <a:pt x="1804" y="3282"/>
                  </a:lnTo>
                  <a:lnTo>
                    <a:pt x="1788" y="3291"/>
                  </a:lnTo>
                  <a:lnTo>
                    <a:pt x="1770" y="3294"/>
                  </a:lnTo>
                  <a:lnTo>
                    <a:pt x="1710" y="3294"/>
                  </a:lnTo>
                  <a:lnTo>
                    <a:pt x="1707" y="3342"/>
                  </a:lnTo>
                  <a:lnTo>
                    <a:pt x="1698" y="3387"/>
                  </a:lnTo>
                  <a:lnTo>
                    <a:pt x="1682" y="3431"/>
                  </a:lnTo>
                  <a:lnTo>
                    <a:pt x="1662" y="3472"/>
                  </a:lnTo>
                  <a:lnTo>
                    <a:pt x="1637" y="3510"/>
                  </a:lnTo>
                  <a:lnTo>
                    <a:pt x="1607" y="3543"/>
                  </a:lnTo>
                  <a:lnTo>
                    <a:pt x="1573" y="3573"/>
                  </a:lnTo>
                  <a:lnTo>
                    <a:pt x="1535" y="3598"/>
                  </a:lnTo>
                  <a:lnTo>
                    <a:pt x="1494" y="3619"/>
                  </a:lnTo>
                  <a:lnTo>
                    <a:pt x="1451" y="3635"/>
                  </a:lnTo>
                  <a:lnTo>
                    <a:pt x="1404" y="3644"/>
                  </a:lnTo>
                  <a:lnTo>
                    <a:pt x="1357" y="3647"/>
                  </a:lnTo>
                  <a:lnTo>
                    <a:pt x="1309" y="3644"/>
                  </a:lnTo>
                  <a:lnTo>
                    <a:pt x="1262" y="3635"/>
                  </a:lnTo>
                  <a:lnTo>
                    <a:pt x="1219" y="3619"/>
                  </a:lnTo>
                  <a:lnTo>
                    <a:pt x="1178" y="3598"/>
                  </a:lnTo>
                  <a:lnTo>
                    <a:pt x="1140" y="3573"/>
                  </a:lnTo>
                  <a:lnTo>
                    <a:pt x="1106" y="3543"/>
                  </a:lnTo>
                  <a:lnTo>
                    <a:pt x="1076" y="3510"/>
                  </a:lnTo>
                  <a:lnTo>
                    <a:pt x="1051" y="3472"/>
                  </a:lnTo>
                  <a:lnTo>
                    <a:pt x="1031" y="3431"/>
                  </a:lnTo>
                  <a:lnTo>
                    <a:pt x="1015" y="3387"/>
                  </a:lnTo>
                  <a:lnTo>
                    <a:pt x="1005" y="3342"/>
                  </a:lnTo>
                  <a:lnTo>
                    <a:pt x="1003" y="3294"/>
                  </a:lnTo>
                  <a:lnTo>
                    <a:pt x="943" y="3294"/>
                  </a:lnTo>
                  <a:lnTo>
                    <a:pt x="925" y="3291"/>
                  </a:lnTo>
                  <a:lnTo>
                    <a:pt x="909" y="3282"/>
                  </a:lnTo>
                  <a:lnTo>
                    <a:pt x="896" y="3270"/>
                  </a:lnTo>
                  <a:lnTo>
                    <a:pt x="888" y="3254"/>
                  </a:lnTo>
                  <a:lnTo>
                    <a:pt x="884" y="3235"/>
                  </a:lnTo>
                  <a:lnTo>
                    <a:pt x="884" y="3059"/>
                  </a:lnTo>
                  <a:lnTo>
                    <a:pt x="767" y="3059"/>
                  </a:lnTo>
                  <a:lnTo>
                    <a:pt x="767" y="2941"/>
                  </a:lnTo>
                  <a:lnTo>
                    <a:pt x="880" y="2941"/>
                  </a:lnTo>
                  <a:lnTo>
                    <a:pt x="873" y="2901"/>
                  </a:lnTo>
                  <a:lnTo>
                    <a:pt x="866" y="2862"/>
                  </a:lnTo>
                  <a:lnTo>
                    <a:pt x="855" y="2824"/>
                  </a:lnTo>
                  <a:lnTo>
                    <a:pt x="648" y="2824"/>
                  </a:lnTo>
                  <a:lnTo>
                    <a:pt x="648" y="2705"/>
                  </a:lnTo>
                  <a:lnTo>
                    <a:pt x="808" y="2705"/>
                  </a:lnTo>
                  <a:lnTo>
                    <a:pt x="781" y="2661"/>
                  </a:lnTo>
                  <a:lnTo>
                    <a:pt x="753" y="2619"/>
                  </a:lnTo>
                  <a:lnTo>
                    <a:pt x="720" y="2579"/>
                  </a:lnTo>
                  <a:lnTo>
                    <a:pt x="684" y="2543"/>
                  </a:lnTo>
                  <a:lnTo>
                    <a:pt x="645" y="2509"/>
                  </a:lnTo>
                  <a:lnTo>
                    <a:pt x="604" y="2478"/>
                  </a:lnTo>
                  <a:lnTo>
                    <a:pt x="532" y="2427"/>
                  </a:lnTo>
                  <a:lnTo>
                    <a:pt x="464" y="2372"/>
                  </a:lnTo>
                  <a:lnTo>
                    <a:pt x="401" y="2313"/>
                  </a:lnTo>
                  <a:lnTo>
                    <a:pt x="341" y="2251"/>
                  </a:lnTo>
                  <a:lnTo>
                    <a:pt x="287" y="2186"/>
                  </a:lnTo>
                  <a:lnTo>
                    <a:pt x="236" y="2117"/>
                  </a:lnTo>
                  <a:lnTo>
                    <a:pt x="191" y="2047"/>
                  </a:lnTo>
                  <a:lnTo>
                    <a:pt x="150" y="1973"/>
                  </a:lnTo>
                  <a:lnTo>
                    <a:pt x="113" y="1895"/>
                  </a:lnTo>
                  <a:lnTo>
                    <a:pt x="81" y="1817"/>
                  </a:lnTo>
                  <a:lnTo>
                    <a:pt x="54" y="1736"/>
                  </a:lnTo>
                  <a:lnTo>
                    <a:pt x="33" y="1654"/>
                  </a:lnTo>
                  <a:lnTo>
                    <a:pt x="17" y="1570"/>
                  </a:lnTo>
                  <a:lnTo>
                    <a:pt x="6" y="1484"/>
                  </a:lnTo>
                  <a:lnTo>
                    <a:pt x="0" y="1398"/>
                  </a:lnTo>
                  <a:lnTo>
                    <a:pt x="0" y="1310"/>
                  </a:lnTo>
                  <a:lnTo>
                    <a:pt x="119" y="1314"/>
                  </a:lnTo>
                  <a:lnTo>
                    <a:pt x="119" y="1399"/>
                  </a:lnTo>
                  <a:lnTo>
                    <a:pt x="124" y="1483"/>
                  </a:lnTo>
                  <a:lnTo>
                    <a:pt x="136" y="1566"/>
                  </a:lnTo>
                  <a:lnTo>
                    <a:pt x="153" y="1648"/>
                  </a:lnTo>
                  <a:lnTo>
                    <a:pt x="175" y="1727"/>
                  </a:lnTo>
                  <a:lnTo>
                    <a:pt x="203" y="1806"/>
                  </a:lnTo>
                  <a:lnTo>
                    <a:pt x="236" y="1881"/>
                  </a:lnTo>
                  <a:lnTo>
                    <a:pt x="274" y="1955"/>
                  </a:lnTo>
                  <a:lnTo>
                    <a:pt x="317" y="2026"/>
                  </a:lnTo>
                  <a:lnTo>
                    <a:pt x="365" y="2093"/>
                  </a:lnTo>
                  <a:lnTo>
                    <a:pt x="417" y="2157"/>
                  </a:lnTo>
                  <a:lnTo>
                    <a:pt x="473" y="2219"/>
                  </a:lnTo>
                  <a:lnTo>
                    <a:pt x="534" y="2277"/>
                  </a:lnTo>
                  <a:lnTo>
                    <a:pt x="600" y="2331"/>
                  </a:lnTo>
                  <a:lnTo>
                    <a:pt x="669" y="2380"/>
                  </a:lnTo>
                  <a:lnTo>
                    <a:pt x="719" y="2417"/>
                  </a:lnTo>
                  <a:lnTo>
                    <a:pt x="765" y="2457"/>
                  </a:lnTo>
                  <a:lnTo>
                    <a:pt x="807" y="2501"/>
                  </a:lnTo>
                  <a:lnTo>
                    <a:pt x="846" y="2547"/>
                  </a:lnTo>
                  <a:lnTo>
                    <a:pt x="880" y="2598"/>
                  </a:lnTo>
                  <a:lnTo>
                    <a:pt x="911" y="2650"/>
                  </a:lnTo>
                  <a:lnTo>
                    <a:pt x="937" y="2705"/>
                  </a:lnTo>
                  <a:lnTo>
                    <a:pt x="1773" y="2705"/>
                  </a:lnTo>
                  <a:lnTo>
                    <a:pt x="1800" y="2651"/>
                  </a:lnTo>
                  <a:lnTo>
                    <a:pt x="1830" y="2598"/>
                  </a:lnTo>
                  <a:lnTo>
                    <a:pt x="1864" y="2548"/>
                  </a:lnTo>
                  <a:lnTo>
                    <a:pt x="1903" y="2502"/>
                  </a:lnTo>
                  <a:lnTo>
                    <a:pt x="1945" y="2459"/>
                  </a:lnTo>
                  <a:lnTo>
                    <a:pt x="1990" y="2419"/>
                  </a:lnTo>
                  <a:lnTo>
                    <a:pt x="2040" y="2383"/>
                  </a:lnTo>
                  <a:lnTo>
                    <a:pt x="2108" y="2335"/>
                  </a:lnTo>
                  <a:lnTo>
                    <a:pt x="2171" y="2283"/>
                  </a:lnTo>
                  <a:lnTo>
                    <a:pt x="2231" y="2227"/>
                  </a:lnTo>
                  <a:lnTo>
                    <a:pt x="2287" y="2168"/>
                  </a:lnTo>
                  <a:lnTo>
                    <a:pt x="2338" y="2106"/>
                  </a:lnTo>
                  <a:lnTo>
                    <a:pt x="2386" y="2040"/>
                  </a:lnTo>
                  <a:lnTo>
                    <a:pt x="2428" y="1973"/>
                  </a:lnTo>
                  <a:lnTo>
                    <a:pt x="2466" y="1902"/>
                  </a:lnTo>
                  <a:lnTo>
                    <a:pt x="2500" y="1829"/>
                  </a:lnTo>
                  <a:lnTo>
                    <a:pt x="2528" y="1754"/>
                  </a:lnTo>
                  <a:lnTo>
                    <a:pt x="2552" y="1677"/>
                  </a:lnTo>
                  <a:lnTo>
                    <a:pt x="2571" y="1597"/>
                  </a:lnTo>
                  <a:lnTo>
                    <a:pt x="2584" y="1517"/>
                  </a:lnTo>
                  <a:lnTo>
                    <a:pt x="2592" y="1436"/>
                  </a:lnTo>
                  <a:lnTo>
                    <a:pt x="2596" y="1353"/>
                  </a:lnTo>
                  <a:lnTo>
                    <a:pt x="2592" y="1268"/>
                  </a:lnTo>
                  <a:lnTo>
                    <a:pt x="2583" y="1183"/>
                  </a:lnTo>
                  <a:lnTo>
                    <a:pt x="2570" y="1100"/>
                  </a:lnTo>
                  <a:lnTo>
                    <a:pt x="2550" y="1019"/>
                  </a:lnTo>
                  <a:lnTo>
                    <a:pt x="2525" y="939"/>
                  </a:lnTo>
                  <a:lnTo>
                    <a:pt x="2495" y="862"/>
                  </a:lnTo>
                  <a:lnTo>
                    <a:pt x="2458" y="787"/>
                  </a:lnTo>
                  <a:lnTo>
                    <a:pt x="2418" y="714"/>
                  </a:lnTo>
                  <a:lnTo>
                    <a:pt x="2372" y="644"/>
                  </a:lnTo>
                  <a:lnTo>
                    <a:pt x="2321" y="577"/>
                  </a:lnTo>
                  <a:lnTo>
                    <a:pt x="2265" y="513"/>
                  </a:lnTo>
                  <a:lnTo>
                    <a:pt x="2204" y="453"/>
                  </a:lnTo>
                  <a:lnTo>
                    <a:pt x="2140" y="396"/>
                  </a:lnTo>
                  <a:lnTo>
                    <a:pt x="2072" y="345"/>
                  </a:lnTo>
                  <a:lnTo>
                    <a:pt x="2003" y="298"/>
                  </a:lnTo>
                  <a:lnTo>
                    <a:pt x="1929" y="256"/>
                  </a:lnTo>
                  <a:lnTo>
                    <a:pt x="1854" y="221"/>
                  </a:lnTo>
                  <a:lnTo>
                    <a:pt x="1777" y="190"/>
                  </a:lnTo>
                  <a:lnTo>
                    <a:pt x="1697" y="165"/>
                  </a:lnTo>
                  <a:lnTo>
                    <a:pt x="1616" y="145"/>
                  </a:lnTo>
                  <a:lnTo>
                    <a:pt x="1533" y="130"/>
                  </a:lnTo>
                  <a:lnTo>
                    <a:pt x="1449" y="120"/>
                  </a:lnTo>
                  <a:lnTo>
                    <a:pt x="1363" y="118"/>
                  </a:lnTo>
                  <a:lnTo>
                    <a:pt x="1277" y="120"/>
                  </a:lnTo>
                  <a:lnTo>
                    <a:pt x="1270" y="3"/>
                  </a:lnTo>
                  <a:lnTo>
                    <a:pt x="135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37">
              <a:extLst>
                <a:ext uri="{FF2B5EF4-FFF2-40B4-BE49-F238E27FC236}">
                  <a16:creationId xmlns:a16="http://schemas.microsoft.com/office/drawing/2014/main" id="{1B24B49B-36DA-EC11-D282-F66EF3E442EA}"/>
                </a:ext>
              </a:extLst>
            </p:cNvPr>
            <p:cNvSpPr>
              <a:spLocks noEditPoints="1"/>
            </p:cNvSpPr>
            <p:nvPr/>
          </p:nvSpPr>
          <p:spPr bwMode="auto">
            <a:xfrm>
              <a:off x="-1185863" y="3595688"/>
              <a:ext cx="160337" cy="160337"/>
            </a:xfrm>
            <a:custGeom>
              <a:avLst/>
              <a:gdLst>
                <a:gd name="T0" fmla="*/ 325 w 708"/>
                <a:gd name="T1" fmla="*/ 291 h 706"/>
                <a:gd name="T2" fmla="*/ 254 w 708"/>
                <a:gd name="T3" fmla="*/ 353 h 706"/>
                <a:gd name="T4" fmla="*/ 325 w 708"/>
                <a:gd name="T5" fmla="*/ 414 h 706"/>
                <a:gd name="T6" fmla="*/ 383 w 708"/>
                <a:gd name="T7" fmla="*/ 414 h 706"/>
                <a:gd name="T8" fmla="*/ 453 w 708"/>
                <a:gd name="T9" fmla="*/ 353 h 706"/>
                <a:gd name="T10" fmla="*/ 383 w 708"/>
                <a:gd name="T11" fmla="*/ 291 h 706"/>
                <a:gd name="T12" fmla="*/ 354 w 708"/>
                <a:gd name="T13" fmla="*/ 0 h 706"/>
                <a:gd name="T14" fmla="*/ 389 w 708"/>
                <a:gd name="T15" fmla="*/ 11 h 706"/>
                <a:gd name="T16" fmla="*/ 410 w 708"/>
                <a:gd name="T17" fmla="*/ 40 h 706"/>
                <a:gd name="T18" fmla="*/ 416 w 708"/>
                <a:gd name="T19" fmla="*/ 97 h 706"/>
                <a:gd name="T20" fmla="*/ 439 w 708"/>
                <a:gd name="T21" fmla="*/ 167 h 706"/>
                <a:gd name="T22" fmla="*/ 482 w 708"/>
                <a:gd name="T23" fmla="*/ 225 h 706"/>
                <a:gd name="T24" fmla="*/ 540 w 708"/>
                <a:gd name="T25" fmla="*/ 267 h 706"/>
                <a:gd name="T26" fmla="*/ 610 w 708"/>
                <a:gd name="T27" fmla="*/ 291 h 706"/>
                <a:gd name="T28" fmla="*/ 668 w 708"/>
                <a:gd name="T29" fmla="*/ 297 h 706"/>
                <a:gd name="T30" fmla="*/ 697 w 708"/>
                <a:gd name="T31" fmla="*/ 318 h 706"/>
                <a:gd name="T32" fmla="*/ 708 w 708"/>
                <a:gd name="T33" fmla="*/ 353 h 706"/>
                <a:gd name="T34" fmla="*/ 697 w 708"/>
                <a:gd name="T35" fmla="*/ 388 h 706"/>
                <a:gd name="T36" fmla="*/ 668 w 708"/>
                <a:gd name="T37" fmla="*/ 409 h 706"/>
                <a:gd name="T38" fmla="*/ 610 w 708"/>
                <a:gd name="T39" fmla="*/ 414 h 706"/>
                <a:gd name="T40" fmla="*/ 540 w 708"/>
                <a:gd name="T41" fmla="*/ 438 h 706"/>
                <a:gd name="T42" fmla="*/ 482 w 708"/>
                <a:gd name="T43" fmla="*/ 481 h 706"/>
                <a:gd name="T44" fmla="*/ 439 w 708"/>
                <a:gd name="T45" fmla="*/ 539 h 706"/>
                <a:gd name="T46" fmla="*/ 416 w 708"/>
                <a:gd name="T47" fmla="*/ 609 h 706"/>
                <a:gd name="T48" fmla="*/ 410 w 708"/>
                <a:gd name="T49" fmla="*/ 665 h 706"/>
                <a:gd name="T50" fmla="*/ 389 w 708"/>
                <a:gd name="T51" fmla="*/ 695 h 706"/>
                <a:gd name="T52" fmla="*/ 354 w 708"/>
                <a:gd name="T53" fmla="*/ 706 h 706"/>
                <a:gd name="T54" fmla="*/ 319 w 708"/>
                <a:gd name="T55" fmla="*/ 695 h 706"/>
                <a:gd name="T56" fmla="*/ 298 w 708"/>
                <a:gd name="T57" fmla="*/ 665 h 706"/>
                <a:gd name="T58" fmla="*/ 292 w 708"/>
                <a:gd name="T59" fmla="*/ 609 h 706"/>
                <a:gd name="T60" fmla="*/ 269 w 708"/>
                <a:gd name="T61" fmla="*/ 539 h 706"/>
                <a:gd name="T62" fmla="*/ 226 w 708"/>
                <a:gd name="T63" fmla="*/ 481 h 706"/>
                <a:gd name="T64" fmla="*/ 167 w 708"/>
                <a:gd name="T65" fmla="*/ 438 h 706"/>
                <a:gd name="T66" fmla="*/ 97 w 708"/>
                <a:gd name="T67" fmla="*/ 414 h 706"/>
                <a:gd name="T68" fmla="*/ 41 w 708"/>
                <a:gd name="T69" fmla="*/ 409 h 706"/>
                <a:gd name="T70" fmla="*/ 12 w 708"/>
                <a:gd name="T71" fmla="*/ 388 h 706"/>
                <a:gd name="T72" fmla="*/ 0 w 708"/>
                <a:gd name="T73" fmla="*/ 353 h 706"/>
                <a:gd name="T74" fmla="*/ 12 w 708"/>
                <a:gd name="T75" fmla="*/ 318 h 706"/>
                <a:gd name="T76" fmla="*/ 41 w 708"/>
                <a:gd name="T77" fmla="*/ 297 h 706"/>
                <a:gd name="T78" fmla="*/ 97 w 708"/>
                <a:gd name="T79" fmla="*/ 291 h 706"/>
                <a:gd name="T80" fmla="*/ 167 w 708"/>
                <a:gd name="T81" fmla="*/ 267 h 706"/>
                <a:gd name="T82" fmla="*/ 226 w 708"/>
                <a:gd name="T83" fmla="*/ 225 h 706"/>
                <a:gd name="T84" fmla="*/ 269 w 708"/>
                <a:gd name="T85" fmla="*/ 167 h 706"/>
                <a:gd name="T86" fmla="*/ 292 w 708"/>
                <a:gd name="T87" fmla="*/ 97 h 706"/>
                <a:gd name="T88" fmla="*/ 298 w 708"/>
                <a:gd name="T89" fmla="*/ 40 h 706"/>
                <a:gd name="T90" fmla="*/ 319 w 708"/>
                <a:gd name="T91" fmla="*/ 11 h 706"/>
                <a:gd name="T92" fmla="*/ 354 w 708"/>
                <a:gd name="T93" fmla="*/ 0 h 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708" h="706">
                  <a:moveTo>
                    <a:pt x="354" y="254"/>
                  </a:moveTo>
                  <a:lnTo>
                    <a:pt x="325" y="291"/>
                  </a:lnTo>
                  <a:lnTo>
                    <a:pt x="292" y="325"/>
                  </a:lnTo>
                  <a:lnTo>
                    <a:pt x="254" y="353"/>
                  </a:lnTo>
                  <a:lnTo>
                    <a:pt x="292" y="381"/>
                  </a:lnTo>
                  <a:lnTo>
                    <a:pt x="325" y="414"/>
                  </a:lnTo>
                  <a:lnTo>
                    <a:pt x="354" y="452"/>
                  </a:lnTo>
                  <a:lnTo>
                    <a:pt x="383" y="414"/>
                  </a:lnTo>
                  <a:lnTo>
                    <a:pt x="416" y="381"/>
                  </a:lnTo>
                  <a:lnTo>
                    <a:pt x="453" y="353"/>
                  </a:lnTo>
                  <a:lnTo>
                    <a:pt x="416" y="325"/>
                  </a:lnTo>
                  <a:lnTo>
                    <a:pt x="383" y="291"/>
                  </a:lnTo>
                  <a:lnTo>
                    <a:pt x="354" y="254"/>
                  </a:lnTo>
                  <a:close/>
                  <a:moveTo>
                    <a:pt x="354" y="0"/>
                  </a:moveTo>
                  <a:lnTo>
                    <a:pt x="372" y="3"/>
                  </a:lnTo>
                  <a:lnTo>
                    <a:pt x="389" y="11"/>
                  </a:lnTo>
                  <a:lnTo>
                    <a:pt x="402" y="24"/>
                  </a:lnTo>
                  <a:lnTo>
                    <a:pt x="410" y="40"/>
                  </a:lnTo>
                  <a:lnTo>
                    <a:pt x="413" y="59"/>
                  </a:lnTo>
                  <a:lnTo>
                    <a:pt x="416" y="97"/>
                  </a:lnTo>
                  <a:lnTo>
                    <a:pt x="425" y="134"/>
                  </a:lnTo>
                  <a:lnTo>
                    <a:pt x="439" y="167"/>
                  </a:lnTo>
                  <a:lnTo>
                    <a:pt x="458" y="198"/>
                  </a:lnTo>
                  <a:lnTo>
                    <a:pt x="482" y="225"/>
                  </a:lnTo>
                  <a:lnTo>
                    <a:pt x="509" y="249"/>
                  </a:lnTo>
                  <a:lnTo>
                    <a:pt x="540" y="267"/>
                  </a:lnTo>
                  <a:lnTo>
                    <a:pt x="575" y="282"/>
                  </a:lnTo>
                  <a:lnTo>
                    <a:pt x="610" y="291"/>
                  </a:lnTo>
                  <a:lnTo>
                    <a:pt x="649" y="294"/>
                  </a:lnTo>
                  <a:lnTo>
                    <a:pt x="668" y="297"/>
                  </a:lnTo>
                  <a:lnTo>
                    <a:pt x="683" y="305"/>
                  </a:lnTo>
                  <a:lnTo>
                    <a:pt x="697" y="318"/>
                  </a:lnTo>
                  <a:lnTo>
                    <a:pt x="704" y="335"/>
                  </a:lnTo>
                  <a:lnTo>
                    <a:pt x="708" y="353"/>
                  </a:lnTo>
                  <a:lnTo>
                    <a:pt x="704" y="371"/>
                  </a:lnTo>
                  <a:lnTo>
                    <a:pt x="697" y="388"/>
                  </a:lnTo>
                  <a:lnTo>
                    <a:pt x="683" y="400"/>
                  </a:lnTo>
                  <a:lnTo>
                    <a:pt x="668" y="409"/>
                  </a:lnTo>
                  <a:lnTo>
                    <a:pt x="649" y="412"/>
                  </a:lnTo>
                  <a:lnTo>
                    <a:pt x="610" y="414"/>
                  </a:lnTo>
                  <a:lnTo>
                    <a:pt x="575" y="424"/>
                  </a:lnTo>
                  <a:lnTo>
                    <a:pt x="540" y="438"/>
                  </a:lnTo>
                  <a:lnTo>
                    <a:pt x="509" y="458"/>
                  </a:lnTo>
                  <a:lnTo>
                    <a:pt x="482" y="481"/>
                  </a:lnTo>
                  <a:lnTo>
                    <a:pt x="458" y="508"/>
                  </a:lnTo>
                  <a:lnTo>
                    <a:pt x="439" y="539"/>
                  </a:lnTo>
                  <a:lnTo>
                    <a:pt x="425" y="572"/>
                  </a:lnTo>
                  <a:lnTo>
                    <a:pt x="416" y="609"/>
                  </a:lnTo>
                  <a:lnTo>
                    <a:pt x="413" y="648"/>
                  </a:lnTo>
                  <a:lnTo>
                    <a:pt x="410" y="665"/>
                  </a:lnTo>
                  <a:lnTo>
                    <a:pt x="402" y="682"/>
                  </a:lnTo>
                  <a:lnTo>
                    <a:pt x="389" y="695"/>
                  </a:lnTo>
                  <a:lnTo>
                    <a:pt x="372" y="703"/>
                  </a:lnTo>
                  <a:lnTo>
                    <a:pt x="354" y="706"/>
                  </a:lnTo>
                  <a:lnTo>
                    <a:pt x="335" y="703"/>
                  </a:lnTo>
                  <a:lnTo>
                    <a:pt x="319" y="695"/>
                  </a:lnTo>
                  <a:lnTo>
                    <a:pt x="306" y="682"/>
                  </a:lnTo>
                  <a:lnTo>
                    <a:pt x="298" y="665"/>
                  </a:lnTo>
                  <a:lnTo>
                    <a:pt x="294" y="648"/>
                  </a:lnTo>
                  <a:lnTo>
                    <a:pt x="292" y="609"/>
                  </a:lnTo>
                  <a:lnTo>
                    <a:pt x="283" y="572"/>
                  </a:lnTo>
                  <a:lnTo>
                    <a:pt x="269" y="539"/>
                  </a:lnTo>
                  <a:lnTo>
                    <a:pt x="249" y="508"/>
                  </a:lnTo>
                  <a:lnTo>
                    <a:pt x="226" y="481"/>
                  </a:lnTo>
                  <a:lnTo>
                    <a:pt x="198" y="458"/>
                  </a:lnTo>
                  <a:lnTo>
                    <a:pt x="167" y="438"/>
                  </a:lnTo>
                  <a:lnTo>
                    <a:pt x="134" y="424"/>
                  </a:lnTo>
                  <a:lnTo>
                    <a:pt x="97" y="414"/>
                  </a:lnTo>
                  <a:lnTo>
                    <a:pt x="59" y="412"/>
                  </a:lnTo>
                  <a:lnTo>
                    <a:pt x="41" y="409"/>
                  </a:lnTo>
                  <a:lnTo>
                    <a:pt x="24" y="400"/>
                  </a:lnTo>
                  <a:lnTo>
                    <a:pt x="12" y="388"/>
                  </a:lnTo>
                  <a:lnTo>
                    <a:pt x="3" y="371"/>
                  </a:lnTo>
                  <a:lnTo>
                    <a:pt x="0" y="353"/>
                  </a:lnTo>
                  <a:lnTo>
                    <a:pt x="3" y="335"/>
                  </a:lnTo>
                  <a:lnTo>
                    <a:pt x="12" y="318"/>
                  </a:lnTo>
                  <a:lnTo>
                    <a:pt x="24" y="305"/>
                  </a:lnTo>
                  <a:lnTo>
                    <a:pt x="41" y="297"/>
                  </a:lnTo>
                  <a:lnTo>
                    <a:pt x="59" y="294"/>
                  </a:lnTo>
                  <a:lnTo>
                    <a:pt x="97" y="291"/>
                  </a:lnTo>
                  <a:lnTo>
                    <a:pt x="134" y="282"/>
                  </a:lnTo>
                  <a:lnTo>
                    <a:pt x="167" y="267"/>
                  </a:lnTo>
                  <a:lnTo>
                    <a:pt x="198" y="249"/>
                  </a:lnTo>
                  <a:lnTo>
                    <a:pt x="226" y="225"/>
                  </a:lnTo>
                  <a:lnTo>
                    <a:pt x="249" y="198"/>
                  </a:lnTo>
                  <a:lnTo>
                    <a:pt x="269" y="167"/>
                  </a:lnTo>
                  <a:lnTo>
                    <a:pt x="283" y="134"/>
                  </a:lnTo>
                  <a:lnTo>
                    <a:pt x="292" y="97"/>
                  </a:lnTo>
                  <a:lnTo>
                    <a:pt x="294" y="59"/>
                  </a:lnTo>
                  <a:lnTo>
                    <a:pt x="298" y="40"/>
                  </a:lnTo>
                  <a:lnTo>
                    <a:pt x="306" y="24"/>
                  </a:lnTo>
                  <a:lnTo>
                    <a:pt x="319" y="11"/>
                  </a:lnTo>
                  <a:lnTo>
                    <a:pt x="335" y="3"/>
                  </a:lnTo>
                  <a:lnTo>
                    <a:pt x="354"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0" name="Freeform 38">
              <a:extLst>
                <a:ext uri="{FF2B5EF4-FFF2-40B4-BE49-F238E27FC236}">
                  <a16:creationId xmlns:a16="http://schemas.microsoft.com/office/drawing/2014/main" id="{3CBFBE57-03E8-16C4-E575-C4019CFDF1DE}"/>
                </a:ext>
              </a:extLst>
            </p:cNvPr>
            <p:cNvSpPr>
              <a:spLocks noEditPoints="1"/>
            </p:cNvSpPr>
            <p:nvPr/>
          </p:nvSpPr>
          <p:spPr bwMode="auto">
            <a:xfrm>
              <a:off x="-1266825" y="3729038"/>
              <a:ext cx="160337" cy="160337"/>
            </a:xfrm>
            <a:custGeom>
              <a:avLst/>
              <a:gdLst>
                <a:gd name="T0" fmla="*/ 325 w 708"/>
                <a:gd name="T1" fmla="*/ 292 h 706"/>
                <a:gd name="T2" fmla="*/ 255 w 708"/>
                <a:gd name="T3" fmla="*/ 354 h 706"/>
                <a:gd name="T4" fmla="*/ 325 w 708"/>
                <a:gd name="T5" fmla="*/ 415 h 706"/>
                <a:gd name="T6" fmla="*/ 382 w 708"/>
                <a:gd name="T7" fmla="*/ 415 h 706"/>
                <a:gd name="T8" fmla="*/ 453 w 708"/>
                <a:gd name="T9" fmla="*/ 354 h 706"/>
                <a:gd name="T10" fmla="*/ 382 w 708"/>
                <a:gd name="T11" fmla="*/ 292 h 706"/>
                <a:gd name="T12" fmla="*/ 354 w 708"/>
                <a:gd name="T13" fmla="*/ 0 h 706"/>
                <a:gd name="T14" fmla="*/ 389 w 708"/>
                <a:gd name="T15" fmla="*/ 12 h 706"/>
                <a:gd name="T16" fmla="*/ 410 w 708"/>
                <a:gd name="T17" fmla="*/ 41 h 706"/>
                <a:gd name="T18" fmla="*/ 416 w 708"/>
                <a:gd name="T19" fmla="*/ 97 h 706"/>
                <a:gd name="T20" fmla="*/ 439 w 708"/>
                <a:gd name="T21" fmla="*/ 167 h 706"/>
                <a:gd name="T22" fmla="*/ 482 w 708"/>
                <a:gd name="T23" fmla="*/ 225 h 706"/>
                <a:gd name="T24" fmla="*/ 541 w 708"/>
                <a:gd name="T25" fmla="*/ 268 h 706"/>
                <a:gd name="T26" fmla="*/ 611 w 708"/>
                <a:gd name="T27" fmla="*/ 292 h 706"/>
                <a:gd name="T28" fmla="*/ 667 w 708"/>
                <a:gd name="T29" fmla="*/ 297 h 706"/>
                <a:gd name="T30" fmla="*/ 696 w 708"/>
                <a:gd name="T31" fmla="*/ 318 h 706"/>
                <a:gd name="T32" fmla="*/ 708 w 708"/>
                <a:gd name="T33" fmla="*/ 354 h 706"/>
                <a:gd name="T34" fmla="*/ 696 w 708"/>
                <a:gd name="T35" fmla="*/ 388 h 706"/>
                <a:gd name="T36" fmla="*/ 667 w 708"/>
                <a:gd name="T37" fmla="*/ 409 h 706"/>
                <a:gd name="T38" fmla="*/ 611 w 708"/>
                <a:gd name="T39" fmla="*/ 415 h 706"/>
                <a:gd name="T40" fmla="*/ 541 w 708"/>
                <a:gd name="T41" fmla="*/ 439 h 706"/>
                <a:gd name="T42" fmla="*/ 482 w 708"/>
                <a:gd name="T43" fmla="*/ 481 h 706"/>
                <a:gd name="T44" fmla="*/ 439 w 708"/>
                <a:gd name="T45" fmla="*/ 539 h 706"/>
                <a:gd name="T46" fmla="*/ 416 w 708"/>
                <a:gd name="T47" fmla="*/ 609 h 706"/>
                <a:gd name="T48" fmla="*/ 410 w 708"/>
                <a:gd name="T49" fmla="*/ 666 h 706"/>
                <a:gd name="T50" fmla="*/ 389 w 708"/>
                <a:gd name="T51" fmla="*/ 695 h 706"/>
                <a:gd name="T52" fmla="*/ 354 w 708"/>
                <a:gd name="T53" fmla="*/ 706 h 706"/>
                <a:gd name="T54" fmla="*/ 319 w 708"/>
                <a:gd name="T55" fmla="*/ 695 h 706"/>
                <a:gd name="T56" fmla="*/ 298 w 708"/>
                <a:gd name="T57" fmla="*/ 666 h 706"/>
                <a:gd name="T58" fmla="*/ 291 w 708"/>
                <a:gd name="T59" fmla="*/ 609 h 706"/>
                <a:gd name="T60" fmla="*/ 268 w 708"/>
                <a:gd name="T61" fmla="*/ 539 h 706"/>
                <a:gd name="T62" fmla="*/ 226 w 708"/>
                <a:gd name="T63" fmla="*/ 481 h 706"/>
                <a:gd name="T64" fmla="*/ 167 w 708"/>
                <a:gd name="T65" fmla="*/ 439 h 706"/>
                <a:gd name="T66" fmla="*/ 98 w 708"/>
                <a:gd name="T67" fmla="*/ 415 h 706"/>
                <a:gd name="T68" fmla="*/ 40 w 708"/>
                <a:gd name="T69" fmla="*/ 409 h 706"/>
                <a:gd name="T70" fmla="*/ 11 w 708"/>
                <a:gd name="T71" fmla="*/ 388 h 706"/>
                <a:gd name="T72" fmla="*/ 0 w 708"/>
                <a:gd name="T73" fmla="*/ 354 h 706"/>
                <a:gd name="T74" fmla="*/ 11 w 708"/>
                <a:gd name="T75" fmla="*/ 318 h 706"/>
                <a:gd name="T76" fmla="*/ 40 w 708"/>
                <a:gd name="T77" fmla="*/ 297 h 706"/>
                <a:gd name="T78" fmla="*/ 98 w 708"/>
                <a:gd name="T79" fmla="*/ 292 h 706"/>
                <a:gd name="T80" fmla="*/ 167 w 708"/>
                <a:gd name="T81" fmla="*/ 268 h 706"/>
                <a:gd name="T82" fmla="*/ 226 w 708"/>
                <a:gd name="T83" fmla="*/ 225 h 706"/>
                <a:gd name="T84" fmla="*/ 268 w 708"/>
                <a:gd name="T85" fmla="*/ 167 h 706"/>
                <a:gd name="T86" fmla="*/ 291 w 708"/>
                <a:gd name="T87" fmla="*/ 97 h 706"/>
                <a:gd name="T88" fmla="*/ 298 w 708"/>
                <a:gd name="T89" fmla="*/ 41 h 706"/>
                <a:gd name="T90" fmla="*/ 319 w 708"/>
                <a:gd name="T91" fmla="*/ 12 h 706"/>
                <a:gd name="T92" fmla="*/ 354 w 708"/>
                <a:gd name="T93" fmla="*/ 0 h 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708" h="706">
                  <a:moveTo>
                    <a:pt x="354" y="254"/>
                  </a:moveTo>
                  <a:lnTo>
                    <a:pt x="325" y="292"/>
                  </a:lnTo>
                  <a:lnTo>
                    <a:pt x="291" y="325"/>
                  </a:lnTo>
                  <a:lnTo>
                    <a:pt x="255" y="354"/>
                  </a:lnTo>
                  <a:lnTo>
                    <a:pt x="291" y="382"/>
                  </a:lnTo>
                  <a:lnTo>
                    <a:pt x="325" y="415"/>
                  </a:lnTo>
                  <a:lnTo>
                    <a:pt x="354" y="452"/>
                  </a:lnTo>
                  <a:lnTo>
                    <a:pt x="382" y="415"/>
                  </a:lnTo>
                  <a:lnTo>
                    <a:pt x="416" y="382"/>
                  </a:lnTo>
                  <a:lnTo>
                    <a:pt x="453" y="354"/>
                  </a:lnTo>
                  <a:lnTo>
                    <a:pt x="416" y="325"/>
                  </a:lnTo>
                  <a:lnTo>
                    <a:pt x="382" y="292"/>
                  </a:lnTo>
                  <a:lnTo>
                    <a:pt x="354" y="254"/>
                  </a:lnTo>
                  <a:close/>
                  <a:moveTo>
                    <a:pt x="354" y="0"/>
                  </a:moveTo>
                  <a:lnTo>
                    <a:pt x="372" y="3"/>
                  </a:lnTo>
                  <a:lnTo>
                    <a:pt x="389" y="12"/>
                  </a:lnTo>
                  <a:lnTo>
                    <a:pt x="401" y="24"/>
                  </a:lnTo>
                  <a:lnTo>
                    <a:pt x="410" y="41"/>
                  </a:lnTo>
                  <a:lnTo>
                    <a:pt x="413" y="60"/>
                  </a:lnTo>
                  <a:lnTo>
                    <a:pt x="416" y="97"/>
                  </a:lnTo>
                  <a:lnTo>
                    <a:pt x="424" y="134"/>
                  </a:lnTo>
                  <a:lnTo>
                    <a:pt x="439" y="167"/>
                  </a:lnTo>
                  <a:lnTo>
                    <a:pt x="459" y="198"/>
                  </a:lnTo>
                  <a:lnTo>
                    <a:pt x="482" y="225"/>
                  </a:lnTo>
                  <a:lnTo>
                    <a:pt x="510" y="249"/>
                  </a:lnTo>
                  <a:lnTo>
                    <a:pt x="541" y="268"/>
                  </a:lnTo>
                  <a:lnTo>
                    <a:pt x="574" y="283"/>
                  </a:lnTo>
                  <a:lnTo>
                    <a:pt x="611" y="292"/>
                  </a:lnTo>
                  <a:lnTo>
                    <a:pt x="648" y="294"/>
                  </a:lnTo>
                  <a:lnTo>
                    <a:pt x="667" y="297"/>
                  </a:lnTo>
                  <a:lnTo>
                    <a:pt x="684" y="306"/>
                  </a:lnTo>
                  <a:lnTo>
                    <a:pt x="696" y="318"/>
                  </a:lnTo>
                  <a:lnTo>
                    <a:pt x="705" y="335"/>
                  </a:lnTo>
                  <a:lnTo>
                    <a:pt x="708" y="354"/>
                  </a:lnTo>
                  <a:lnTo>
                    <a:pt x="705" y="371"/>
                  </a:lnTo>
                  <a:lnTo>
                    <a:pt x="696" y="388"/>
                  </a:lnTo>
                  <a:lnTo>
                    <a:pt x="684" y="401"/>
                  </a:lnTo>
                  <a:lnTo>
                    <a:pt x="667" y="409"/>
                  </a:lnTo>
                  <a:lnTo>
                    <a:pt x="648" y="412"/>
                  </a:lnTo>
                  <a:lnTo>
                    <a:pt x="611" y="415"/>
                  </a:lnTo>
                  <a:lnTo>
                    <a:pt x="574" y="424"/>
                  </a:lnTo>
                  <a:lnTo>
                    <a:pt x="541" y="439"/>
                  </a:lnTo>
                  <a:lnTo>
                    <a:pt x="510" y="457"/>
                  </a:lnTo>
                  <a:lnTo>
                    <a:pt x="482" y="481"/>
                  </a:lnTo>
                  <a:lnTo>
                    <a:pt x="459" y="508"/>
                  </a:lnTo>
                  <a:lnTo>
                    <a:pt x="439" y="539"/>
                  </a:lnTo>
                  <a:lnTo>
                    <a:pt x="424" y="574"/>
                  </a:lnTo>
                  <a:lnTo>
                    <a:pt x="416" y="609"/>
                  </a:lnTo>
                  <a:lnTo>
                    <a:pt x="413" y="648"/>
                  </a:lnTo>
                  <a:lnTo>
                    <a:pt x="410" y="666"/>
                  </a:lnTo>
                  <a:lnTo>
                    <a:pt x="401" y="682"/>
                  </a:lnTo>
                  <a:lnTo>
                    <a:pt x="389" y="695"/>
                  </a:lnTo>
                  <a:lnTo>
                    <a:pt x="372" y="703"/>
                  </a:lnTo>
                  <a:lnTo>
                    <a:pt x="354" y="706"/>
                  </a:lnTo>
                  <a:lnTo>
                    <a:pt x="335" y="703"/>
                  </a:lnTo>
                  <a:lnTo>
                    <a:pt x="319" y="695"/>
                  </a:lnTo>
                  <a:lnTo>
                    <a:pt x="306" y="682"/>
                  </a:lnTo>
                  <a:lnTo>
                    <a:pt x="298" y="666"/>
                  </a:lnTo>
                  <a:lnTo>
                    <a:pt x="295" y="648"/>
                  </a:lnTo>
                  <a:lnTo>
                    <a:pt x="291" y="609"/>
                  </a:lnTo>
                  <a:lnTo>
                    <a:pt x="283" y="574"/>
                  </a:lnTo>
                  <a:lnTo>
                    <a:pt x="268" y="539"/>
                  </a:lnTo>
                  <a:lnTo>
                    <a:pt x="249" y="508"/>
                  </a:lnTo>
                  <a:lnTo>
                    <a:pt x="226" y="481"/>
                  </a:lnTo>
                  <a:lnTo>
                    <a:pt x="198" y="457"/>
                  </a:lnTo>
                  <a:lnTo>
                    <a:pt x="167" y="439"/>
                  </a:lnTo>
                  <a:lnTo>
                    <a:pt x="133" y="424"/>
                  </a:lnTo>
                  <a:lnTo>
                    <a:pt x="98" y="415"/>
                  </a:lnTo>
                  <a:lnTo>
                    <a:pt x="59" y="412"/>
                  </a:lnTo>
                  <a:lnTo>
                    <a:pt x="40" y="409"/>
                  </a:lnTo>
                  <a:lnTo>
                    <a:pt x="24" y="401"/>
                  </a:lnTo>
                  <a:lnTo>
                    <a:pt x="11" y="388"/>
                  </a:lnTo>
                  <a:lnTo>
                    <a:pt x="3" y="371"/>
                  </a:lnTo>
                  <a:lnTo>
                    <a:pt x="0" y="354"/>
                  </a:lnTo>
                  <a:lnTo>
                    <a:pt x="3" y="335"/>
                  </a:lnTo>
                  <a:lnTo>
                    <a:pt x="11" y="318"/>
                  </a:lnTo>
                  <a:lnTo>
                    <a:pt x="24" y="306"/>
                  </a:lnTo>
                  <a:lnTo>
                    <a:pt x="40" y="297"/>
                  </a:lnTo>
                  <a:lnTo>
                    <a:pt x="59" y="294"/>
                  </a:lnTo>
                  <a:lnTo>
                    <a:pt x="98" y="292"/>
                  </a:lnTo>
                  <a:lnTo>
                    <a:pt x="133" y="283"/>
                  </a:lnTo>
                  <a:lnTo>
                    <a:pt x="167" y="268"/>
                  </a:lnTo>
                  <a:lnTo>
                    <a:pt x="198" y="249"/>
                  </a:lnTo>
                  <a:lnTo>
                    <a:pt x="226" y="225"/>
                  </a:lnTo>
                  <a:lnTo>
                    <a:pt x="249" y="198"/>
                  </a:lnTo>
                  <a:lnTo>
                    <a:pt x="268" y="167"/>
                  </a:lnTo>
                  <a:lnTo>
                    <a:pt x="283" y="134"/>
                  </a:lnTo>
                  <a:lnTo>
                    <a:pt x="291" y="97"/>
                  </a:lnTo>
                  <a:lnTo>
                    <a:pt x="295" y="60"/>
                  </a:lnTo>
                  <a:lnTo>
                    <a:pt x="298" y="41"/>
                  </a:lnTo>
                  <a:lnTo>
                    <a:pt x="306" y="24"/>
                  </a:lnTo>
                  <a:lnTo>
                    <a:pt x="319" y="12"/>
                  </a:lnTo>
                  <a:lnTo>
                    <a:pt x="335" y="3"/>
                  </a:lnTo>
                  <a:lnTo>
                    <a:pt x="354"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2328549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afterEffect">
                                  <p:stCondLst>
                                    <p:cond delay="0"/>
                                  </p:stCondLst>
                                  <p:childTnLst>
                                    <p:set>
                                      <p:cBhvr>
                                        <p:cTn id="6" dur="1" fill="hold">
                                          <p:stCondLst>
                                            <p:cond delay="0"/>
                                          </p:stCondLst>
                                        </p:cTn>
                                        <p:tgtEl>
                                          <p:spTgt spid="26"/>
                                        </p:tgtEl>
                                        <p:attrNameLst>
                                          <p:attrName>style.visibility</p:attrName>
                                        </p:attrNameLst>
                                      </p:cBhvr>
                                      <p:to>
                                        <p:strVal val="visible"/>
                                      </p:to>
                                    </p:set>
                                    <p:anim calcmode="lin" valueType="num">
                                      <p:cBhvr>
                                        <p:cTn id="7" dur="500" fill="hold"/>
                                        <p:tgtEl>
                                          <p:spTgt spid="26"/>
                                        </p:tgtEl>
                                        <p:attrNameLst>
                                          <p:attrName>ppt_w</p:attrName>
                                        </p:attrNameLst>
                                      </p:cBhvr>
                                      <p:tavLst>
                                        <p:tav tm="0">
                                          <p:val>
                                            <p:fltVal val="0"/>
                                          </p:val>
                                        </p:tav>
                                        <p:tav tm="100000">
                                          <p:val>
                                            <p:strVal val="#ppt_w"/>
                                          </p:val>
                                        </p:tav>
                                      </p:tavLst>
                                    </p:anim>
                                    <p:anim calcmode="lin" valueType="num">
                                      <p:cBhvr>
                                        <p:cTn id="8" dur="500" fill="hold"/>
                                        <p:tgtEl>
                                          <p:spTgt spid="26"/>
                                        </p:tgtEl>
                                        <p:attrNameLst>
                                          <p:attrName>ppt_h</p:attrName>
                                        </p:attrNameLst>
                                      </p:cBhvr>
                                      <p:tavLst>
                                        <p:tav tm="0">
                                          <p:val>
                                            <p:fltVal val="0"/>
                                          </p:val>
                                        </p:tav>
                                        <p:tav tm="100000">
                                          <p:val>
                                            <p:strVal val="#ppt_h"/>
                                          </p:val>
                                        </p:tav>
                                      </p:tavLst>
                                    </p:anim>
                                    <p:animEffect transition="in" filter="fade">
                                      <p:cBhvr>
                                        <p:cTn id="9" dur="500"/>
                                        <p:tgtEl>
                                          <p:spTgt spid="26"/>
                                        </p:tgtEl>
                                      </p:cBhvr>
                                    </p:animEffect>
                                  </p:childTnLst>
                                </p:cTn>
                              </p:par>
                            </p:childTnLst>
                          </p:cTn>
                        </p:par>
                        <p:par>
                          <p:cTn id="10" fill="hold">
                            <p:stCondLst>
                              <p:cond delay="500"/>
                            </p:stCondLst>
                            <p:childTnLst>
                              <p:par>
                                <p:cTn id="11" presetID="53" presetClass="entr" presetSubtype="16" fill="hold" grpId="0" nodeType="afterEffect">
                                  <p:stCondLst>
                                    <p:cond delay="0"/>
                                  </p:stCondLst>
                                  <p:childTnLst>
                                    <p:set>
                                      <p:cBhvr>
                                        <p:cTn id="12" dur="1" fill="hold">
                                          <p:stCondLst>
                                            <p:cond delay="0"/>
                                          </p:stCondLst>
                                        </p:cTn>
                                        <p:tgtEl>
                                          <p:spTgt spid="30"/>
                                        </p:tgtEl>
                                        <p:attrNameLst>
                                          <p:attrName>style.visibility</p:attrName>
                                        </p:attrNameLst>
                                      </p:cBhvr>
                                      <p:to>
                                        <p:strVal val="visible"/>
                                      </p:to>
                                    </p:set>
                                    <p:anim calcmode="lin" valueType="num">
                                      <p:cBhvr>
                                        <p:cTn id="13" dur="500" fill="hold"/>
                                        <p:tgtEl>
                                          <p:spTgt spid="30"/>
                                        </p:tgtEl>
                                        <p:attrNameLst>
                                          <p:attrName>ppt_w</p:attrName>
                                        </p:attrNameLst>
                                      </p:cBhvr>
                                      <p:tavLst>
                                        <p:tav tm="0">
                                          <p:val>
                                            <p:fltVal val="0"/>
                                          </p:val>
                                        </p:tav>
                                        <p:tav tm="100000">
                                          <p:val>
                                            <p:strVal val="#ppt_w"/>
                                          </p:val>
                                        </p:tav>
                                      </p:tavLst>
                                    </p:anim>
                                    <p:anim calcmode="lin" valueType="num">
                                      <p:cBhvr>
                                        <p:cTn id="14" dur="500" fill="hold"/>
                                        <p:tgtEl>
                                          <p:spTgt spid="30"/>
                                        </p:tgtEl>
                                        <p:attrNameLst>
                                          <p:attrName>ppt_h</p:attrName>
                                        </p:attrNameLst>
                                      </p:cBhvr>
                                      <p:tavLst>
                                        <p:tav tm="0">
                                          <p:val>
                                            <p:fltVal val="0"/>
                                          </p:val>
                                        </p:tav>
                                        <p:tav tm="100000">
                                          <p:val>
                                            <p:strVal val="#ppt_h"/>
                                          </p:val>
                                        </p:tav>
                                      </p:tavLst>
                                    </p:anim>
                                    <p:animEffect transition="in" filter="fade">
                                      <p:cBhvr>
                                        <p:cTn id="15" dur="500"/>
                                        <p:tgtEl>
                                          <p:spTgt spid="30"/>
                                        </p:tgtEl>
                                      </p:cBhvr>
                                    </p:animEffect>
                                  </p:childTnLst>
                                </p:cTn>
                              </p:par>
                            </p:childTnLst>
                          </p:cTn>
                        </p:par>
                        <p:par>
                          <p:cTn id="16" fill="hold">
                            <p:stCondLst>
                              <p:cond delay="1000"/>
                            </p:stCondLst>
                            <p:childTnLst>
                              <p:par>
                                <p:cTn id="17" presetID="53" presetClass="entr" presetSubtype="16" fill="hold" nodeType="afterEffect">
                                  <p:stCondLst>
                                    <p:cond delay="0"/>
                                  </p:stCondLst>
                                  <p:childTnLst>
                                    <p:set>
                                      <p:cBhvr>
                                        <p:cTn id="18" dur="1" fill="hold">
                                          <p:stCondLst>
                                            <p:cond delay="0"/>
                                          </p:stCondLst>
                                        </p:cTn>
                                        <p:tgtEl>
                                          <p:spTgt spid="31"/>
                                        </p:tgtEl>
                                        <p:attrNameLst>
                                          <p:attrName>style.visibility</p:attrName>
                                        </p:attrNameLst>
                                      </p:cBhvr>
                                      <p:to>
                                        <p:strVal val="visible"/>
                                      </p:to>
                                    </p:set>
                                    <p:anim calcmode="lin" valueType="num">
                                      <p:cBhvr>
                                        <p:cTn id="19" dur="500" fill="hold"/>
                                        <p:tgtEl>
                                          <p:spTgt spid="31"/>
                                        </p:tgtEl>
                                        <p:attrNameLst>
                                          <p:attrName>ppt_w</p:attrName>
                                        </p:attrNameLst>
                                      </p:cBhvr>
                                      <p:tavLst>
                                        <p:tav tm="0">
                                          <p:val>
                                            <p:fltVal val="0"/>
                                          </p:val>
                                        </p:tav>
                                        <p:tav tm="100000">
                                          <p:val>
                                            <p:strVal val="#ppt_w"/>
                                          </p:val>
                                        </p:tav>
                                      </p:tavLst>
                                    </p:anim>
                                    <p:anim calcmode="lin" valueType="num">
                                      <p:cBhvr>
                                        <p:cTn id="20" dur="500" fill="hold"/>
                                        <p:tgtEl>
                                          <p:spTgt spid="31"/>
                                        </p:tgtEl>
                                        <p:attrNameLst>
                                          <p:attrName>ppt_h</p:attrName>
                                        </p:attrNameLst>
                                      </p:cBhvr>
                                      <p:tavLst>
                                        <p:tav tm="0">
                                          <p:val>
                                            <p:fltVal val="0"/>
                                          </p:val>
                                        </p:tav>
                                        <p:tav tm="100000">
                                          <p:val>
                                            <p:strVal val="#ppt_h"/>
                                          </p:val>
                                        </p:tav>
                                      </p:tavLst>
                                    </p:anim>
                                    <p:animEffect transition="in" filter="fade">
                                      <p:cBhvr>
                                        <p:cTn id="21" dur="500"/>
                                        <p:tgtEl>
                                          <p:spTgt spid="3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0"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C9B523-1CD0-AAC8-C674-644CB894E97A}"/>
              </a:ext>
            </a:extLst>
          </p:cNvPr>
          <p:cNvSpPr>
            <a:spLocks noGrp="1"/>
          </p:cNvSpPr>
          <p:nvPr>
            <p:ph type="title"/>
          </p:nvPr>
        </p:nvSpPr>
        <p:spPr>
          <a:xfrm>
            <a:off x="292608" y="246888"/>
            <a:ext cx="10515600" cy="914400"/>
          </a:xfrm>
        </p:spPr>
        <p:txBody>
          <a:bodyPr/>
          <a:lstStyle/>
          <a:p>
            <a:r>
              <a:rPr lang="en-US" dirty="0"/>
              <a:t>Additional Information</a:t>
            </a:r>
          </a:p>
        </p:txBody>
      </p:sp>
      <p:sp>
        <p:nvSpPr>
          <p:cNvPr id="3" name="Content Placeholder 2">
            <a:extLst>
              <a:ext uri="{FF2B5EF4-FFF2-40B4-BE49-F238E27FC236}">
                <a16:creationId xmlns:a16="http://schemas.microsoft.com/office/drawing/2014/main" id="{30F6574A-BC93-D47A-3B91-9037EA14EA5A}"/>
              </a:ext>
            </a:extLst>
          </p:cNvPr>
          <p:cNvSpPr>
            <a:spLocks noGrp="1"/>
          </p:cNvSpPr>
          <p:nvPr>
            <p:ph idx="1"/>
          </p:nvPr>
        </p:nvSpPr>
        <p:spPr/>
        <p:txBody>
          <a:bodyPr/>
          <a:lstStyle/>
          <a:p>
            <a:r>
              <a:rPr lang="en-US" dirty="0"/>
              <a:t>Unified ERP Program Website</a:t>
            </a:r>
            <a:endParaRPr lang="en-US" sz="2800" b="1" u="sng" dirty="0">
              <a:solidFill>
                <a:schemeClr val="bg1"/>
              </a:solidFill>
            </a:endParaRPr>
          </a:p>
          <a:p>
            <a:pPr marL="0" indent="0">
              <a:buNone/>
            </a:pPr>
            <a:r>
              <a:rPr lang="en-US" sz="2800" b="1" dirty="0"/>
              <a:t>	</a:t>
            </a:r>
            <a:r>
              <a:rPr lang="en-US" sz="2800" b="1" u="sng" dirty="0">
                <a:hlinkClick r:id="rId3"/>
              </a:rPr>
              <a:t>www.usg.edu/unified-erp</a:t>
            </a:r>
            <a:endParaRPr lang="en-US" sz="2800" b="1" u="sng" dirty="0"/>
          </a:p>
          <a:p>
            <a:pPr marL="0" indent="0">
              <a:buNone/>
            </a:pPr>
            <a:endParaRPr lang="en-US" b="1" u="sng" dirty="0"/>
          </a:p>
          <a:p>
            <a:pPr marL="0" indent="0">
              <a:buNone/>
            </a:pPr>
            <a:r>
              <a:rPr lang="en-US" sz="2800" b="1" u="sng" dirty="0">
                <a:solidFill>
                  <a:schemeClr val="bg1"/>
                </a:solidFill>
              </a:rPr>
              <a:t>w</a:t>
            </a:r>
          </a:p>
          <a:p>
            <a:pPr marL="0" indent="0">
              <a:buNone/>
            </a:pPr>
            <a:endParaRPr lang="en-US" sz="2800" b="1" u="sng" dirty="0"/>
          </a:p>
          <a:p>
            <a:pPr marL="0" indent="0">
              <a:buNone/>
            </a:pPr>
            <a:endParaRPr lang="en-US" sz="2800" b="1" u="sng" dirty="0"/>
          </a:p>
          <a:p>
            <a:pPr marL="0" indent="0">
              <a:buNone/>
            </a:pPr>
            <a:endParaRPr lang="en-US" sz="2800" b="1" u="sng" dirty="0"/>
          </a:p>
          <a:p>
            <a:pPr marL="0" indent="0">
              <a:buNone/>
            </a:pPr>
            <a:endParaRPr lang="en-US" sz="2800" b="1" u="sng" dirty="0"/>
          </a:p>
        </p:txBody>
      </p:sp>
      <p:sp>
        <p:nvSpPr>
          <p:cNvPr id="4" name="Slide Number Placeholder 3">
            <a:extLst>
              <a:ext uri="{FF2B5EF4-FFF2-40B4-BE49-F238E27FC236}">
                <a16:creationId xmlns:a16="http://schemas.microsoft.com/office/drawing/2014/main" id="{ACFCB4B1-8C9E-FE4F-9810-D81A595737E1}"/>
              </a:ext>
            </a:extLst>
          </p:cNvPr>
          <p:cNvSpPr>
            <a:spLocks noGrp="1"/>
          </p:cNvSpPr>
          <p:nvPr>
            <p:ph type="sldNum" sz="quarter" idx="12"/>
          </p:nvPr>
        </p:nvSpPr>
        <p:spPr/>
        <p:txBody>
          <a:bodyPr/>
          <a:lstStyle/>
          <a:p>
            <a:fld id="{FD0882FC-4526-4F55-8D94-153238F064C3}" type="slidenum">
              <a:rPr lang="en-US" smtClean="0"/>
              <a:pPr/>
              <a:t>25</a:t>
            </a:fld>
            <a:endParaRPr lang="en-US"/>
          </a:p>
        </p:txBody>
      </p:sp>
    </p:spTree>
    <p:extLst>
      <p:ext uri="{BB962C8B-B14F-4D97-AF65-F5344CB8AC3E}">
        <p14:creationId xmlns:p14="http://schemas.microsoft.com/office/powerpoint/2010/main" val="387019054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Title 39">
            <a:extLst>
              <a:ext uri="{FF2B5EF4-FFF2-40B4-BE49-F238E27FC236}">
                <a16:creationId xmlns:a16="http://schemas.microsoft.com/office/drawing/2014/main" id="{7CB00A92-66BE-8BDE-BFAC-4FDEF1086795}"/>
              </a:ext>
            </a:extLst>
          </p:cNvPr>
          <p:cNvSpPr>
            <a:spLocks noGrp="1"/>
          </p:cNvSpPr>
          <p:nvPr>
            <p:ph type="title"/>
          </p:nvPr>
        </p:nvSpPr>
        <p:spPr>
          <a:xfrm>
            <a:off x="292608" y="246888"/>
            <a:ext cx="10515600" cy="914400"/>
          </a:xfrm>
        </p:spPr>
        <p:txBody>
          <a:bodyPr/>
          <a:lstStyle/>
          <a:p>
            <a:r>
              <a:rPr lang="en-US" dirty="0"/>
              <a:t>Questions?</a:t>
            </a:r>
          </a:p>
        </p:txBody>
      </p:sp>
      <p:sp>
        <p:nvSpPr>
          <p:cNvPr id="4" name="Slide Number Placeholder 3">
            <a:extLst>
              <a:ext uri="{FF2B5EF4-FFF2-40B4-BE49-F238E27FC236}">
                <a16:creationId xmlns:a16="http://schemas.microsoft.com/office/drawing/2014/main" id="{D7A40303-E4DF-7BB0-7D18-4E43A6133927}"/>
              </a:ext>
            </a:extLst>
          </p:cNvPr>
          <p:cNvSpPr>
            <a:spLocks noGrp="1"/>
          </p:cNvSpPr>
          <p:nvPr>
            <p:ph type="sldNum" sz="quarter" idx="4294967295"/>
          </p:nvPr>
        </p:nvSpPr>
        <p:spPr>
          <a:xfrm>
            <a:off x="9448800" y="6492875"/>
            <a:ext cx="2743200" cy="365125"/>
          </a:xfrm>
        </p:spPr>
        <p:txBody>
          <a:bodyPr/>
          <a:lstStyle/>
          <a:p>
            <a:fld id="{FD0882FC-4526-4F55-8D94-153238F064C3}" type="slidenum">
              <a:rPr lang="en-US" smtClean="0"/>
              <a:pPr/>
              <a:t>26</a:t>
            </a:fld>
            <a:endParaRPr lang="en-US"/>
          </a:p>
        </p:txBody>
      </p:sp>
      <p:pic>
        <p:nvPicPr>
          <p:cNvPr id="42" name="Picture 41" descr="A white question mark on a black background&#10;&#10;AI-generated content may be incorrect.">
            <a:extLst>
              <a:ext uri="{FF2B5EF4-FFF2-40B4-BE49-F238E27FC236}">
                <a16:creationId xmlns:a16="http://schemas.microsoft.com/office/drawing/2014/main" id="{FE94D70C-C0DE-B8FC-1B89-6A92A59AA224}"/>
              </a:ext>
            </a:extLst>
          </p:cNvPr>
          <p:cNvPicPr>
            <a:picLocks noChangeAspect="1"/>
          </p:cNvPicPr>
          <p:nvPr/>
        </p:nvPicPr>
        <p:blipFill>
          <a:blip r:embed="rId3">
            <a:duotone>
              <a:prstClr val="black"/>
              <a:schemeClr val="accent4">
                <a:tint val="45000"/>
                <a:satMod val="400000"/>
              </a:schemeClr>
            </a:duotone>
            <a:extLst>
              <a:ext uri="{28A0092B-C50C-407E-A947-70E740481C1C}">
                <a14:useLocalDpi xmlns:a14="http://schemas.microsoft.com/office/drawing/2010/main" val="0"/>
              </a:ext>
            </a:extLst>
          </a:blip>
          <a:stretch>
            <a:fillRect/>
          </a:stretch>
        </p:blipFill>
        <p:spPr>
          <a:xfrm>
            <a:off x="5117859" y="1978415"/>
            <a:ext cx="1956281" cy="2901170"/>
          </a:xfrm>
          <a:prstGeom prst="rect">
            <a:avLst/>
          </a:prstGeom>
          <a:solidFill>
            <a:schemeClr val="bg1"/>
          </a:solidFill>
        </p:spPr>
      </p:pic>
    </p:spTree>
    <p:extLst>
      <p:ext uri="{BB962C8B-B14F-4D97-AF65-F5344CB8AC3E}">
        <p14:creationId xmlns:p14="http://schemas.microsoft.com/office/powerpoint/2010/main" val="109618017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0FA507EE-1778-323B-7BCD-4CB5123D7606}"/>
              </a:ext>
            </a:extLst>
          </p:cNvPr>
          <p:cNvSpPr>
            <a:spLocks noGrp="1"/>
          </p:cNvSpPr>
          <p:nvPr>
            <p:ph type="sldNum" sz="quarter" idx="12"/>
          </p:nvPr>
        </p:nvSpPr>
        <p:spPr/>
        <p:txBody>
          <a:bodyPr/>
          <a:lstStyle/>
          <a:p>
            <a:fld id="{FD0882FC-4526-4F55-8D94-153238F064C3}" type="slidenum">
              <a:rPr lang="en-US" smtClean="0"/>
              <a:pPr/>
              <a:t>27</a:t>
            </a:fld>
            <a:endParaRPr lang="en-US"/>
          </a:p>
        </p:txBody>
      </p:sp>
      <p:grpSp>
        <p:nvGrpSpPr>
          <p:cNvPr id="12" name="Group 11">
            <a:extLst>
              <a:ext uri="{FF2B5EF4-FFF2-40B4-BE49-F238E27FC236}">
                <a16:creationId xmlns:a16="http://schemas.microsoft.com/office/drawing/2014/main" id="{A5B2124E-CA28-55A8-00BF-163AB6F0C6AE}"/>
              </a:ext>
            </a:extLst>
          </p:cNvPr>
          <p:cNvGrpSpPr/>
          <p:nvPr/>
        </p:nvGrpSpPr>
        <p:grpSpPr>
          <a:xfrm>
            <a:off x="1730180" y="1036547"/>
            <a:ext cx="8368362" cy="4343009"/>
            <a:chOff x="372893" y="369765"/>
            <a:chExt cx="8398214" cy="4343009"/>
          </a:xfrm>
          <a:solidFill>
            <a:schemeClr val="accent1"/>
          </a:solidFill>
        </p:grpSpPr>
        <p:sp>
          <p:nvSpPr>
            <p:cNvPr id="13" name="Rectangle: Rounded Corners 12">
              <a:extLst>
                <a:ext uri="{FF2B5EF4-FFF2-40B4-BE49-F238E27FC236}">
                  <a16:creationId xmlns:a16="http://schemas.microsoft.com/office/drawing/2014/main" id="{77C91A30-2035-78FC-6B73-AE282A18DCB6}"/>
                </a:ext>
              </a:extLst>
            </p:cNvPr>
            <p:cNvSpPr/>
            <p:nvPr/>
          </p:nvSpPr>
          <p:spPr bwMode="auto">
            <a:xfrm>
              <a:off x="372893" y="369765"/>
              <a:ext cx="8398214" cy="4343009"/>
            </a:xfrm>
            <a:prstGeom prst="roundRect">
              <a:avLst>
                <a:gd name="adj" fmla="val 3158"/>
              </a:avLst>
            </a:prstGeom>
            <a:grpFill/>
            <a:ln w="9525">
              <a:noFill/>
              <a:round/>
              <a:headEnd/>
              <a:tailEnd/>
            </a:ln>
          </p:spPr>
          <p:txBody>
            <a:bodyPr vert="horz" wrap="square" lIns="91440" tIns="45720" rIns="91440" bIns="45720" numCol="1" rtlCol="0" anchor="t" anchorCtr="0" compatLnSpc="1">
              <a:prstTxWarp prst="textNoShape">
                <a:avLst/>
              </a:prstTxWarp>
            </a:bodyPr>
            <a:lstStyle/>
            <a:p>
              <a:pPr algn="ctr"/>
              <a:endParaRPr lang="en-US"/>
            </a:p>
          </p:txBody>
        </p:sp>
        <p:grpSp>
          <p:nvGrpSpPr>
            <p:cNvPr id="14" name="Group 13">
              <a:extLst>
                <a:ext uri="{FF2B5EF4-FFF2-40B4-BE49-F238E27FC236}">
                  <a16:creationId xmlns:a16="http://schemas.microsoft.com/office/drawing/2014/main" id="{B9FB78EA-4C62-58A8-65DB-F8A9017A0298}"/>
                </a:ext>
              </a:extLst>
            </p:cNvPr>
            <p:cNvGrpSpPr/>
            <p:nvPr/>
          </p:nvGrpSpPr>
          <p:grpSpPr>
            <a:xfrm>
              <a:off x="609601" y="588351"/>
              <a:ext cx="7924799" cy="3905837"/>
              <a:chOff x="609600" y="588351"/>
              <a:chExt cx="7924799" cy="3905837"/>
            </a:xfrm>
            <a:grpFill/>
          </p:grpSpPr>
          <p:sp>
            <p:nvSpPr>
              <p:cNvPr id="15" name="Rounded Rectangle 40">
                <a:extLst>
                  <a:ext uri="{FF2B5EF4-FFF2-40B4-BE49-F238E27FC236}">
                    <a16:creationId xmlns:a16="http://schemas.microsoft.com/office/drawing/2014/main" id="{F0729196-9A66-DD18-0C3F-A29028AACFF3}"/>
                  </a:ext>
                </a:extLst>
              </p:cNvPr>
              <p:cNvSpPr/>
              <p:nvPr/>
            </p:nvSpPr>
            <p:spPr>
              <a:xfrm>
                <a:off x="609600" y="588351"/>
                <a:ext cx="1865549" cy="3905836"/>
              </a:xfrm>
              <a:prstGeom prst="roundRect">
                <a:avLst>
                  <a:gd name="adj" fmla="val 7679"/>
                </a:avLst>
              </a:prstGeom>
              <a:grpFill/>
              <a:ln>
                <a:noFill/>
              </a:ln>
              <a:effectLst>
                <a:outerShdw blurRad="508000" dist="508000" dir="11400000" sx="90000" sy="90000" algn="tr"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a:solidFill>
                    <a:schemeClr val="tx1">
                      <a:lumMod val="75000"/>
                      <a:lumOff val="25000"/>
                    </a:schemeClr>
                  </a:solidFill>
                </a:endParaRPr>
              </a:p>
            </p:txBody>
          </p:sp>
          <p:sp>
            <p:nvSpPr>
              <p:cNvPr id="16" name="Rounded Rectangle 40">
                <a:extLst>
                  <a:ext uri="{FF2B5EF4-FFF2-40B4-BE49-F238E27FC236}">
                    <a16:creationId xmlns:a16="http://schemas.microsoft.com/office/drawing/2014/main" id="{8D8B3E4C-E515-6B4C-0E56-57DD39C6D301}"/>
                  </a:ext>
                </a:extLst>
              </p:cNvPr>
              <p:cNvSpPr/>
              <p:nvPr/>
            </p:nvSpPr>
            <p:spPr>
              <a:xfrm rot="10800000">
                <a:off x="6668850" y="588351"/>
                <a:ext cx="1865549" cy="3905837"/>
              </a:xfrm>
              <a:prstGeom prst="roundRect">
                <a:avLst>
                  <a:gd name="adj" fmla="val 7679"/>
                </a:avLst>
              </a:prstGeom>
              <a:grpFill/>
              <a:ln>
                <a:noFill/>
              </a:ln>
              <a:effectLst>
                <a:outerShdw blurRad="508000" dist="647700" dir="3600000" sx="90000" sy="90000" algn="tr"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a:solidFill>
                    <a:schemeClr val="tx1">
                      <a:lumMod val="75000"/>
                      <a:lumOff val="25000"/>
                    </a:schemeClr>
                  </a:solidFill>
                </a:endParaRPr>
              </a:p>
            </p:txBody>
          </p:sp>
        </p:grpSp>
      </p:grpSp>
      <p:sp>
        <p:nvSpPr>
          <p:cNvPr id="17" name="Title 2">
            <a:extLst>
              <a:ext uri="{FF2B5EF4-FFF2-40B4-BE49-F238E27FC236}">
                <a16:creationId xmlns:a16="http://schemas.microsoft.com/office/drawing/2014/main" id="{5ED10B86-D88E-10D5-B7E9-79838F49E2F5}"/>
              </a:ext>
            </a:extLst>
          </p:cNvPr>
          <p:cNvSpPr txBox="1">
            <a:spLocks/>
          </p:cNvSpPr>
          <p:nvPr/>
        </p:nvSpPr>
        <p:spPr>
          <a:xfrm>
            <a:off x="3484575" y="3208052"/>
            <a:ext cx="4889770" cy="553998"/>
          </a:xfrm>
          <a:prstGeom prst="rect">
            <a:avLst/>
          </a:prstGeom>
        </p:spPr>
        <p:txBody>
          <a:bodyPr wrap="square" lIns="0" tIns="0" rIns="0" bIns="0" anchor="ctr">
            <a:sp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3600" b="1" u="sng">
                <a:solidFill>
                  <a:schemeClr val="bg1"/>
                </a:solidFill>
              </a:rPr>
              <a:t>Thank You!!</a:t>
            </a:r>
          </a:p>
        </p:txBody>
      </p:sp>
      <p:grpSp>
        <p:nvGrpSpPr>
          <p:cNvPr id="23" name="Group 22">
            <a:extLst>
              <a:ext uri="{FF2B5EF4-FFF2-40B4-BE49-F238E27FC236}">
                <a16:creationId xmlns:a16="http://schemas.microsoft.com/office/drawing/2014/main" id="{056D2C23-44C4-56E8-9C5A-5C79AFAEA487}"/>
              </a:ext>
            </a:extLst>
          </p:cNvPr>
          <p:cNvGrpSpPr/>
          <p:nvPr/>
        </p:nvGrpSpPr>
        <p:grpSpPr>
          <a:xfrm>
            <a:off x="5388381" y="1527730"/>
            <a:ext cx="1124837" cy="1438527"/>
            <a:chOff x="3125788" y="2403475"/>
            <a:chExt cx="563562" cy="720726"/>
          </a:xfrm>
          <a:solidFill>
            <a:schemeClr val="bg1"/>
          </a:solidFill>
        </p:grpSpPr>
        <p:sp>
          <p:nvSpPr>
            <p:cNvPr id="24" name="Freeform 45">
              <a:extLst>
                <a:ext uri="{FF2B5EF4-FFF2-40B4-BE49-F238E27FC236}">
                  <a16:creationId xmlns:a16="http://schemas.microsoft.com/office/drawing/2014/main" id="{A243D72C-511A-D258-F946-2A3405620B8C}"/>
                </a:ext>
              </a:extLst>
            </p:cNvPr>
            <p:cNvSpPr>
              <a:spLocks/>
            </p:cNvSpPr>
            <p:nvPr/>
          </p:nvSpPr>
          <p:spPr bwMode="auto">
            <a:xfrm>
              <a:off x="3186113" y="2954338"/>
              <a:ext cx="203200" cy="169863"/>
            </a:xfrm>
            <a:custGeom>
              <a:avLst/>
              <a:gdLst>
                <a:gd name="T0" fmla="*/ 1021 w 1021"/>
                <a:gd name="T1" fmla="*/ 0 h 858"/>
                <a:gd name="T2" fmla="*/ 645 w 1021"/>
                <a:gd name="T3" fmla="*/ 832 h 858"/>
                <a:gd name="T4" fmla="*/ 637 w 1021"/>
                <a:gd name="T5" fmla="*/ 844 h 858"/>
                <a:gd name="T6" fmla="*/ 628 w 1021"/>
                <a:gd name="T7" fmla="*/ 851 h 858"/>
                <a:gd name="T8" fmla="*/ 619 w 1021"/>
                <a:gd name="T9" fmla="*/ 856 h 858"/>
                <a:gd name="T10" fmla="*/ 611 w 1021"/>
                <a:gd name="T11" fmla="*/ 858 h 858"/>
                <a:gd name="T12" fmla="*/ 604 w 1021"/>
                <a:gd name="T13" fmla="*/ 858 h 858"/>
                <a:gd name="T14" fmla="*/ 597 w 1021"/>
                <a:gd name="T15" fmla="*/ 858 h 858"/>
                <a:gd name="T16" fmla="*/ 589 w 1021"/>
                <a:gd name="T17" fmla="*/ 856 h 858"/>
                <a:gd name="T18" fmla="*/ 580 w 1021"/>
                <a:gd name="T19" fmla="*/ 851 h 858"/>
                <a:gd name="T20" fmla="*/ 570 w 1021"/>
                <a:gd name="T21" fmla="*/ 844 h 858"/>
                <a:gd name="T22" fmla="*/ 562 w 1021"/>
                <a:gd name="T23" fmla="*/ 833 h 858"/>
                <a:gd name="T24" fmla="*/ 485 w 1021"/>
                <a:gd name="T25" fmla="*/ 671 h 858"/>
                <a:gd name="T26" fmla="*/ 467 w 1021"/>
                <a:gd name="T27" fmla="*/ 640 h 858"/>
                <a:gd name="T28" fmla="*/ 444 w 1021"/>
                <a:gd name="T29" fmla="*/ 613 h 858"/>
                <a:gd name="T30" fmla="*/ 417 w 1021"/>
                <a:gd name="T31" fmla="*/ 591 h 858"/>
                <a:gd name="T32" fmla="*/ 389 w 1021"/>
                <a:gd name="T33" fmla="*/ 572 h 858"/>
                <a:gd name="T34" fmla="*/ 357 w 1021"/>
                <a:gd name="T35" fmla="*/ 559 h 858"/>
                <a:gd name="T36" fmla="*/ 323 w 1021"/>
                <a:gd name="T37" fmla="*/ 550 h 858"/>
                <a:gd name="T38" fmla="*/ 287 w 1021"/>
                <a:gd name="T39" fmla="*/ 548 h 858"/>
                <a:gd name="T40" fmla="*/ 258 w 1021"/>
                <a:gd name="T41" fmla="*/ 550 h 858"/>
                <a:gd name="T42" fmla="*/ 229 w 1021"/>
                <a:gd name="T43" fmla="*/ 555 h 858"/>
                <a:gd name="T44" fmla="*/ 57 w 1021"/>
                <a:gd name="T45" fmla="*/ 604 h 858"/>
                <a:gd name="T46" fmla="*/ 42 w 1021"/>
                <a:gd name="T47" fmla="*/ 605 h 858"/>
                <a:gd name="T48" fmla="*/ 31 w 1021"/>
                <a:gd name="T49" fmla="*/ 604 h 858"/>
                <a:gd name="T50" fmla="*/ 22 w 1021"/>
                <a:gd name="T51" fmla="*/ 599 h 858"/>
                <a:gd name="T52" fmla="*/ 15 w 1021"/>
                <a:gd name="T53" fmla="*/ 594 h 858"/>
                <a:gd name="T54" fmla="*/ 11 w 1021"/>
                <a:gd name="T55" fmla="*/ 589 h 858"/>
                <a:gd name="T56" fmla="*/ 6 w 1021"/>
                <a:gd name="T57" fmla="*/ 584 h 858"/>
                <a:gd name="T58" fmla="*/ 2 w 1021"/>
                <a:gd name="T59" fmla="*/ 576 h 858"/>
                <a:gd name="T60" fmla="*/ 0 w 1021"/>
                <a:gd name="T61" fmla="*/ 566 h 858"/>
                <a:gd name="T62" fmla="*/ 0 w 1021"/>
                <a:gd name="T63" fmla="*/ 554 h 858"/>
                <a:gd name="T64" fmla="*/ 3 w 1021"/>
                <a:gd name="T65" fmla="*/ 541 h 858"/>
                <a:gd name="T66" fmla="*/ 239 w 1021"/>
                <a:gd name="T67" fmla="*/ 17 h 858"/>
                <a:gd name="T68" fmla="*/ 272 w 1021"/>
                <a:gd name="T69" fmla="*/ 53 h 858"/>
                <a:gd name="T70" fmla="*/ 309 w 1021"/>
                <a:gd name="T71" fmla="*/ 86 h 858"/>
                <a:gd name="T72" fmla="*/ 351 w 1021"/>
                <a:gd name="T73" fmla="*/ 115 h 858"/>
                <a:gd name="T74" fmla="*/ 396 w 1021"/>
                <a:gd name="T75" fmla="*/ 139 h 858"/>
                <a:gd name="T76" fmla="*/ 445 w 1021"/>
                <a:gd name="T77" fmla="*/ 159 h 858"/>
                <a:gd name="T78" fmla="*/ 493 w 1021"/>
                <a:gd name="T79" fmla="*/ 175 h 858"/>
                <a:gd name="T80" fmla="*/ 541 w 1021"/>
                <a:gd name="T81" fmla="*/ 183 h 858"/>
                <a:gd name="T82" fmla="*/ 591 w 1021"/>
                <a:gd name="T83" fmla="*/ 187 h 858"/>
                <a:gd name="T84" fmla="*/ 639 w 1021"/>
                <a:gd name="T85" fmla="*/ 184 h 858"/>
                <a:gd name="T86" fmla="*/ 688 w 1021"/>
                <a:gd name="T87" fmla="*/ 178 h 858"/>
                <a:gd name="T88" fmla="*/ 735 w 1021"/>
                <a:gd name="T89" fmla="*/ 165 h 858"/>
                <a:gd name="T90" fmla="*/ 781 w 1021"/>
                <a:gd name="T91" fmla="*/ 147 h 858"/>
                <a:gd name="T92" fmla="*/ 825 w 1021"/>
                <a:gd name="T93" fmla="*/ 124 h 858"/>
                <a:gd name="T94" fmla="*/ 867 w 1021"/>
                <a:gd name="T95" fmla="*/ 96 h 858"/>
                <a:gd name="T96" fmla="*/ 907 w 1021"/>
                <a:gd name="T97" fmla="*/ 63 h 858"/>
                <a:gd name="T98" fmla="*/ 933 w 1021"/>
                <a:gd name="T99" fmla="*/ 41 h 858"/>
                <a:gd name="T100" fmla="*/ 961 w 1021"/>
                <a:gd name="T101" fmla="*/ 24 h 858"/>
                <a:gd name="T102" fmla="*/ 990 w 1021"/>
                <a:gd name="T103" fmla="*/ 9 h 858"/>
                <a:gd name="T104" fmla="*/ 1021 w 1021"/>
                <a:gd name="T105" fmla="*/ 0 h 8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021" h="858">
                  <a:moveTo>
                    <a:pt x="1021" y="0"/>
                  </a:moveTo>
                  <a:lnTo>
                    <a:pt x="645" y="832"/>
                  </a:lnTo>
                  <a:lnTo>
                    <a:pt x="637" y="844"/>
                  </a:lnTo>
                  <a:lnTo>
                    <a:pt x="628" y="851"/>
                  </a:lnTo>
                  <a:lnTo>
                    <a:pt x="619" y="856"/>
                  </a:lnTo>
                  <a:lnTo>
                    <a:pt x="611" y="858"/>
                  </a:lnTo>
                  <a:lnTo>
                    <a:pt x="604" y="858"/>
                  </a:lnTo>
                  <a:lnTo>
                    <a:pt x="597" y="858"/>
                  </a:lnTo>
                  <a:lnTo>
                    <a:pt x="589" y="856"/>
                  </a:lnTo>
                  <a:lnTo>
                    <a:pt x="580" y="851"/>
                  </a:lnTo>
                  <a:lnTo>
                    <a:pt x="570" y="844"/>
                  </a:lnTo>
                  <a:lnTo>
                    <a:pt x="562" y="833"/>
                  </a:lnTo>
                  <a:lnTo>
                    <a:pt x="485" y="671"/>
                  </a:lnTo>
                  <a:lnTo>
                    <a:pt x="467" y="640"/>
                  </a:lnTo>
                  <a:lnTo>
                    <a:pt x="444" y="613"/>
                  </a:lnTo>
                  <a:lnTo>
                    <a:pt x="417" y="591"/>
                  </a:lnTo>
                  <a:lnTo>
                    <a:pt x="389" y="572"/>
                  </a:lnTo>
                  <a:lnTo>
                    <a:pt x="357" y="559"/>
                  </a:lnTo>
                  <a:lnTo>
                    <a:pt x="323" y="550"/>
                  </a:lnTo>
                  <a:lnTo>
                    <a:pt x="287" y="548"/>
                  </a:lnTo>
                  <a:lnTo>
                    <a:pt x="258" y="550"/>
                  </a:lnTo>
                  <a:lnTo>
                    <a:pt x="229" y="555"/>
                  </a:lnTo>
                  <a:lnTo>
                    <a:pt x="57" y="604"/>
                  </a:lnTo>
                  <a:lnTo>
                    <a:pt x="42" y="605"/>
                  </a:lnTo>
                  <a:lnTo>
                    <a:pt x="31" y="604"/>
                  </a:lnTo>
                  <a:lnTo>
                    <a:pt x="22" y="599"/>
                  </a:lnTo>
                  <a:lnTo>
                    <a:pt x="15" y="594"/>
                  </a:lnTo>
                  <a:lnTo>
                    <a:pt x="11" y="589"/>
                  </a:lnTo>
                  <a:lnTo>
                    <a:pt x="6" y="584"/>
                  </a:lnTo>
                  <a:lnTo>
                    <a:pt x="2" y="576"/>
                  </a:lnTo>
                  <a:lnTo>
                    <a:pt x="0" y="566"/>
                  </a:lnTo>
                  <a:lnTo>
                    <a:pt x="0" y="554"/>
                  </a:lnTo>
                  <a:lnTo>
                    <a:pt x="3" y="541"/>
                  </a:lnTo>
                  <a:lnTo>
                    <a:pt x="239" y="17"/>
                  </a:lnTo>
                  <a:lnTo>
                    <a:pt x="272" y="53"/>
                  </a:lnTo>
                  <a:lnTo>
                    <a:pt x="309" y="86"/>
                  </a:lnTo>
                  <a:lnTo>
                    <a:pt x="351" y="115"/>
                  </a:lnTo>
                  <a:lnTo>
                    <a:pt x="396" y="139"/>
                  </a:lnTo>
                  <a:lnTo>
                    <a:pt x="445" y="159"/>
                  </a:lnTo>
                  <a:lnTo>
                    <a:pt x="493" y="175"/>
                  </a:lnTo>
                  <a:lnTo>
                    <a:pt x="541" y="183"/>
                  </a:lnTo>
                  <a:lnTo>
                    <a:pt x="591" y="187"/>
                  </a:lnTo>
                  <a:lnTo>
                    <a:pt x="639" y="184"/>
                  </a:lnTo>
                  <a:lnTo>
                    <a:pt x="688" y="178"/>
                  </a:lnTo>
                  <a:lnTo>
                    <a:pt x="735" y="165"/>
                  </a:lnTo>
                  <a:lnTo>
                    <a:pt x="781" y="147"/>
                  </a:lnTo>
                  <a:lnTo>
                    <a:pt x="825" y="124"/>
                  </a:lnTo>
                  <a:lnTo>
                    <a:pt x="867" y="96"/>
                  </a:lnTo>
                  <a:lnTo>
                    <a:pt x="907" y="63"/>
                  </a:lnTo>
                  <a:lnTo>
                    <a:pt x="933" y="41"/>
                  </a:lnTo>
                  <a:lnTo>
                    <a:pt x="961" y="24"/>
                  </a:lnTo>
                  <a:lnTo>
                    <a:pt x="990" y="9"/>
                  </a:lnTo>
                  <a:lnTo>
                    <a:pt x="10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Freeform 46">
              <a:extLst>
                <a:ext uri="{FF2B5EF4-FFF2-40B4-BE49-F238E27FC236}">
                  <a16:creationId xmlns:a16="http://schemas.microsoft.com/office/drawing/2014/main" id="{4ABDEA37-D5E8-01CB-AE54-1DE91AB8C3FB}"/>
                </a:ext>
              </a:extLst>
            </p:cNvPr>
            <p:cNvSpPr>
              <a:spLocks/>
            </p:cNvSpPr>
            <p:nvPr/>
          </p:nvSpPr>
          <p:spPr bwMode="auto">
            <a:xfrm>
              <a:off x="3425825" y="2954338"/>
              <a:ext cx="203200" cy="169863"/>
            </a:xfrm>
            <a:custGeom>
              <a:avLst/>
              <a:gdLst>
                <a:gd name="T0" fmla="*/ 0 w 1021"/>
                <a:gd name="T1" fmla="*/ 0 h 858"/>
                <a:gd name="T2" fmla="*/ 31 w 1021"/>
                <a:gd name="T3" fmla="*/ 9 h 858"/>
                <a:gd name="T4" fmla="*/ 60 w 1021"/>
                <a:gd name="T5" fmla="*/ 24 h 858"/>
                <a:gd name="T6" fmla="*/ 88 w 1021"/>
                <a:gd name="T7" fmla="*/ 41 h 858"/>
                <a:gd name="T8" fmla="*/ 113 w 1021"/>
                <a:gd name="T9" fmla="*/ 63 h 858"/>
                <a:gd name="T10" fmla="*/ 154 w 1021"/>
                <a:gd name="T11" fmla="*/ 96 h 858"/>
                <a:gd name="T12" fmla="*/ 196 w 1021"/>
                <a:gd name="T13" fmla="*/ 124 h 858"/>
                <a:gd name="T14" fmla="*/ 240 w 1021"/>
                <a:gd name="T15" fmla="*/ 147 h 858"/>
                <a:gd name="T16" fmla="*/ 286 w 1021"/>
                <a:gd name="T17" fmla="*/ 165 h 858"/>
                <a:gd name="T18" fmla="*/ 333 w 1021"/>
                <a:gd name="T19" fmla="*/ 178 h 858"/>
                <a:gd name="T20" fmla="*/ 382 w 1021"/>
                <a:gd name="T21" fmla="*/ 184 h 858"/>
                <a:gd name="T22" fmla="*/ 430 w 1021"/>
                <a:gd name="T23" fmla="*/ 187 h 858"/>
                <a:gd name="T24" fmla="*/ 478 w 1021"/>
                <a:gd name="T25" fmla="*/ 183 h 858"/>
                <a:gd name="T26" fmla="*/ 528 w 1021"/>
                <a:gd name="T27" fmla="*/ 175 h 858"/>
                <a:gd name="T28" fmla="*/ 576 w 1021"/>
                <a:gd name="T29" fmla="*/ 159 h 858"/>
                <a:gd name="T30" fmla="*/ 624 w 1021"/>
                <a:gd name="T31" fmla="*/ 139 h 858"/>
                <a:gd name="T32" fmla="*/ 670 w 1021"/>
                <a:gd name="T33" fmla="*/ 115 h 858"/>
                <a:gd name="T34" fmla="*/ 710 w 1021"/>
                <a:gd name="T35" fmla="*/ 86 h 858"/>
                <a:gd name="T36" fmla="*/ 748 w 1021"/>
                <a:gd name="T37" fmla="*/ 53 h 858"/>
                <a:gd name="T38" fmla="*/ 782 w 1021"/>
                <a:gd name="T39" fmla="*/ 17 h 858"/>
                <a:gd name="T40" fmla="*/ 1017 w 1021"/>
                <a:gd name="T41" fmla="*/ 541 h 858"/>
                <a:gd name="T42" fmla="*/ 1021 w 1021"/>
                <a:gd name="T43" fmla="*/ 554 h 858"/>
                <a:gd name="T44" fmla="*/ 1021 w 1021"/>
                <a:gd name="T45" fmla="*/ 566 h 858"/>
                <a:gd name="T46" fmla="*/ 1018 w 1021"/>
                <a:gd name="T47" fmla="*/ 576 h 858"/>
                <a:gd name="T48" fmla="*/ 1015 w 1021"/>
                <a:gd name="T49" fmla="*/ 584 h 858"/>
                <a:gd name="T50" fmla="*/ 1010 w 1021"/>
                <a:gd name="T51" fmla="*/ 589 h 858"/>
                <a:gd name="T52" fmla="*/ 1006 w 1021"/>
                <a:gd name="T53" fmla="*/ 594 h 858"/>
                <a:gd name="T54" fmla="*/ 999 w 1021"/>
                <a:gd name="T55" fmla="*/ 599 h 858"/>
                <a:gd name="T56" fmla="*/ 989 w 1021"/>
                <a:gd name="T57" fmla="*/ 604 h 858"/>
                <a:gd name="T58" fmla="*/ 977 w 1021"/>
                <a:gd name="T59" fmla="*/ 605 h 858"/>
                <a:gd name="T60" fmla="*/ 964 w 1021"/>
                <a:gd name="T61" fmla="*/ 604 h 858"/>
                <a:gd name="T62" fmla="*/ 792 w 1021"/>
                <a:gd name="T63" fmla="*/ 555 h 858"/>
                <a:gd name="T64" fmla="*/ 762 w 1021"/>
                <a:gd name="T65" fmla="*/ 550 h 858"/>
                <a:gd name="T66" fmla="*/ 733 w 1021"/>
                <a:gd name="T67" fmla="*/ 548 h 858"/>
                <a:gd name="T68" fmla="*/ 698 w 1021"/>
                <a:gd name="T69" fmla="*/ 550 h 858"/>
                <a:gd name="T70" fmla="*/ 664 w 1021"/>
                <a:gd name="T71" fmla="*/ 559 h 858"/>
                <a:gd name="T72" fmla="*/ 632 w 1021"/>
                <a:gd name="T73" fmla="*/ 572 h 858"/>
                <a:gd name="T74" fmla="*/ 603 w 1021"/>
                <a:gd name="T75" fmla="*/ 591 h 858"/>
                <a:gd name="T76" fmla="*/ 577 w 1021"/>
                <a:gd name="T77" fmla="*/ 613 h 858"/>
                <a:gd name="T78" fmla="*/ 554 w 1021"/>
                <a:gd name="T79" fmla="*/ 640 h 858"/>
                <a:gd name="T80" fmla="*/ 535 w 1021"/>
                <a:gd name="T81" fmla="*/ 671 h 858"/>
                <a:gd name="T82" fmla="*/ 459 w 1021"/>
                <a:gd name="T83" fmla="*/ 833 h 858"/>
                <a:gd name="T84" fmla="*/ 450 w 1021"/>
                <a:gd name="T85" fmla="*/ 844 h 858"/>
                <a:gd name="T86" fmla="*/ 441 w 1021"/>
                <a:gd name="T87" fmla="*/ 851 h 858"/>
                <a:gd name="T88" fmla="*/ 432 w 1021"/>
                <a:gd name="T89" fmla="*/ 856 h 858"/>
                <a:gd name="T90" fmla="*/ 423 w 1021"/>
                <a:gd name="T91" fmla="*/ 858 h 858"/>
                <a:gd name="T92" fmla="*/ 417 w 1021"/>
                <a:gd name="T93" fmla="*/ 858 h 858"/>
                <a:gd name="T94" fmla="*/ 410 w 1021"/>
                <a:gd name="T95" fmla="*/ 858 h 858"/>
                <a:gd name="T96" fmla="*/ 401 w 1021"/>
                <a:gd name="T97" fmla="*/ 856 h 858"/>
                <a:gd name="T98" fmla="*/ 393 w 1021"/>
                <a:gd name="T99" fmla="*/ 851 h 858"/>
                <a:gd name="T100" fmla="*/ 384 w 1021"/>
                <a:gd name="T101" fmla="*/ 844 h 858"/>
                <a:gd name="T102" fmla="*/ 376 w 1021"/>
                <a:gd name="T103" fmla="*/ 832 h 858"/>
                <a:gd name="T104" fmla="*/ 0 w 1021"/>
                <a:gd name="T105" fmla="*/ 0 h 8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021" h="858">
                  <a:moveTo>
                    <a:pt x="0" y="0"/>
                  </a:moveTo>
                  <a:lnTo>
                    <a:pt x="31" y="9"/>
                  </a:lnTo>
                  <a:lnTo>
                    <a:pt x="60" y="24"/>
                  </a:lnTo>
                  <a:lnTo>
                    <a:pt x="88" y="41"/>
                  </a:lnTo>
                  <a:lnTo>
                    <a:pt x="113" y="63"/>
                  </a:lnTo>
                  <a:lnTo>
                    <a:pt x="154" y="96"/>
                  </a:lnTo>
                  <a:lnTo>
                    <a:pt x="196" y="124"/>
                  </a:lnTo>
                  <a:lnTo>
                    <a:pt x="240" y="147"/>
                  </a:lnTo>
                  <a:lnTo>
                    <a:pt x="286" y="165"/>
                  </a:lnTo>
                  <a:lnTo>
                    <a:pt x="333" y="178"/>
                  </a:lnTo>
                  <a:lnTo>
                    <a:pt x="382" y="184"/>
                  </a:lnTo>
                  <a:lnTo>
                    <a:pt x="430" y="187"/>
                  </a:lnTo>
                  <a:lnTo>
                    <a:pt x="478" y="183"/>
                  </a:lnTo>
                  <a:lnTo>
                    <a:pt x="528" y="175"/>
                  </a:lnTo>
                  <a:lnTo>
                    <a:pt x="576" y="159"/>
                  </a:lnTo>
                  <a:lnTo>
                    <a:pt x="624" y="139"/>
                  </a:lnTo>
                  <a:lnTo>
                    <a:pt x="670" y="115"/>
                  </a:lnTo>
                  <a:lnTo>
                    <a:pt x="710" y="86"/>
                  </a:lnTo>
                  <a:lnTo>
                    <a:pt x="748" y="53"/>
                  </a:lnTo>
                  <a:lnTo>
                    <a:pt x="782" y="17"/>
                  </a:lnTo>
                  <a:lnTo>
                    <a:pt x="1017" y="541"/>
                  </a:lnTo>
                  <a:lnTo>
                    <a:pt x="1021" y="554"/>
                  </a:lnTo>
                  <a:lnTo>
                    <a:pt x="1021" y="566"/>
                  </a:lnTo>
                  <a:lnTo>
                    <a:pt x="1018" y="576"/>
                  </a:lnTo>
                  <a:lnTo>
                    <a:pt x="1015" y="584"/>
                  </a:lnTo>
                  <a:lnTo>
                    <a:pt x="1010" y="589"/>
                  </a:lnTo>
                  <a:lnTo>
                    <a:pt x="1006" y="594"/>
                  </a:lnTo>
                  <a:lnTo>
                    <a:pt x="999" y="599"/>
                  </a:lnTo>
                  <a:lnTo>
                    <a:pt x="989" y="604"/>
                  </a:lnTo>
                  <a:lnTo>
                    <a:pt x="977" y="605"/>
                  </a:lnTo>
                  <a:lnTo>
                    <a:pt x="964" y="604"/>
                  </a:lnTo>
                  <a:lnTo>
                    <a:pt x="792" y="555"/>
                  </a:lnTo>
                  <a:lnTo>
                    <a:pt x="762" y="550"/>
                  </a:lnTo>
                  <a:lnTo>
                    <a:pt x="733" y="548"/>
                  </a:lnTo>
                  <a:lnTo>
                    <a:pt x="698" y="550"/>
                  </a:lnTo>
                  <a:lnTo>
                    <a:pt x="664" y="559"/>
                  </a:lnTo>
                  <a:lnTo>
                    <a:pt x="632" y="572"/>
                  </a:lnTo>
                  <a:lnTo>
                    <a:pt x="603" y="591"/>
                  </a:lnTo>
                  <a:lnTo>
                    <a:pt x="577" y="613"/>
                  </a:lnTo>
                  <a:lnTo>
                    <a:pt x="554" y="640"/>
                  </a:lnTo>
                  <a:lnTo>
                    <a:pt x="535" y="671"/>
                  </a:lnTo>
                  <a:lnTo>
                    <a:pt x="459" y="833"/>
                  </a:lnTo>
                  <a:lnTo>
                    <a:pt x="450" y="844"/>
                  </a:lnTo>
                  <a:lnTo>
                    <a:pt x="441" y="851"/>
                  </a:lnTo>
                  <a:lnTo>
                    <a:pt x="432" y="856"/>
                  </a:lnTo>
                  <a:lnTo>
                    <a:pt x="423" y="858"/>
                  </a:lnTo>
                  <a:lnTo>
                    <a:pt x="417" y="858"/>
                  </a:lnTo>
                  <a:lnTo>
                    <a:pt x="410" y="858"/>
                  </a:lnTo>
                  <a:lnTo>
                    <a:pt x="401" y="856"/>
                  </a:lnTo>
                  <a:lnTo>
                    <a:pt x="393" y="851"/>
                  </a:lnTo>
                  <a:lnTo>
                    <a:pt x="384" y="844"/>
                  </a:lnTo>
                  <a:lnTo>
                    <a:pt x="376" y="832"/>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47">
              <a:extLst>
                <a:ext uri="{FF2B5EF4-FFF2-40B4-BE49-F238E27FC236}">
                  <a16:creationId xmlns:a16="http://schemas.microsoft.com/office/drawing/2014/main" id="{CB3C9F66-EB20-8D47-AD80-6EB41DD1047E}"/>
                </a:ext>
              </a:extLst>
            </p:cNvPr>
            <p:cNvSpPr>
              <a:spLocks noEditPoints="1"/>
            </p:cNvSpPr>
            <p:nvPr/>
          </p:nvSpPr>
          <p:spPr bwMode="auto">
            <a:xfrm>
              <a:off x="3125788" y="2403475"/>
              <a:ext cx="563562" cy="552450"/>
            </a:xfrm>
            <a:custGeom>
              <a:avLst/>
              <a:gdLst>
                <a:gd name="T0" fmla="*/ 1110 w 2838"/>
                <a:gd name="T1" fmla="*/ 568 h 2786"/>
                <a:gd name="T2" fmla="*/ 787 w 2838"/>
                <a:gd name="T3" fmla="*/ 763 h 2786"/>
                <a:gd name="T4" fmla="*/ 567 w 2838"/>
                <a:gd name="T5" fmla="*/ 1069 h 2786"/>
                <a:gd name="T6" fmla="*/ 487 w 2838"/>
                <a:gd name="T7" fmla="*/ 1449 h 2786"/>
                <a:gd name="T8" fmla="*/ 567 w 2838"/>
                <a:gd name="T9" fmla="*/ 1830 h 2786"/>
                <a:gd name="T10" fmla="*/ 787 w 2838"/>
                <a:gd name="T11" fmla="*/ 2135 h 2786"/>
                <a:gd name="T12" fmla="*/ 1110 w 2838"/>
                <a:gd name="T13" fmla="*/ 2330 h 2786"/>
                <a:gd name="T14" fmla="*/ 1499 w 2838"/>
                <a:gd name="T15" fmla="*/ 2380 h 2786"/>
                <a:gd name="T16" fmla="*/ 1867 w 2838"/>
                <a:gd name="T17" fmla="*/ 2268 h 2786"/>
                <a:gd name="T18" fmla="*/ 2153 w 2838"/>
                <a:gd name="T19" fmla="*/ 2024 h 2786"/>
                <a:gd name="T20" fmla="*/ 2321 w 2838"/>
                <a:gd name="T21" fmla="*/ 1685 h 2786"/>
                <a:gd name="T22" fmla="*/ 2338 w 2838"/>
                <a:gd name="T23" fmla="*/ 1290 h 2786"/>
                <a:gd name="T24" fmla="*/ 2197 w 2838"/>
                <a:gd name="T25" fmla="*/ 936 h 2786"/>
                <a:gd name="T26" fmla="*/ 1932 w 2838"/>
                <a:gd name="T27" fmla="*/ 670 h 2786"/>
                <a:gd name="T28" fmla="*/ 1577 w 2838"/>
                <a:gd name="T29" fmla="*/ 529 h 2786"/>
                <a:gd name="T30" fmla="*/ 1472 w 2838"/>
                <a:gd name="T31" fmla="*/ 4 h 2786"/>
                <a:gd name="T32" fmla="*/ 1605 w 2838"/>
                <a:gd name="T33" fmla="*/ 67 h 2786"/>
                <a:gd name="T34" fmla="*/ 1705 w 2838"/>
                <a:gd name="T35" fmla="*/ 227 h 2786"/>
                <a:gd name="T36" fmla="*/ 1870 w 2838"/>
                <a:gd name="T37" fmla="*/ 402 h 2786"/>
                <a:gd name="T38" fmla="*/ 2098 w 2838"/>
                <a:gd name="T39" fmla="*/ 471 h 2786"/>
                <a:gd name="T40" fmla="*/ 2323 w 2838"/>
                <a:gd name="T41" fmla="*/ 438 h 2786"/>
                <a:gd name="T42" fmla="*/ 2485 w 2838"/>
                <a:gd name="T43" fmla="*/ 485 h 2786"/>
                <a:gd name="T44" fmla="*/ 2586 w 2838"/>
                <a:gd name="T45" fmla="*/ 602 h 2786"/>
                <a:gd name="T46" fmla="*/ 2608 w 2838"/>
                <a:gd name="T47" fmla="*/ 784 h 2786"/>
                <a:gd name="T48" fmla="*/ 2523 w 2838"/>
                <a:gd name="T49" fmla="*/ 1005 h 2786"/>
                <a:gd name="T50" fmla="*/ 2540 w 2838"/>
                <a:gd name="T51" fmla="*/ 1244 h 2786"/>
                <a:gd name="T52" fmla="*/ 2674 w 2838"/>
                <a:gd name="T53" fmla="*/ 1443 h 2786"/>
                <a:gd name="T54" fmla="*/ 2811 w 2838"/>
                <a:gd name="T55" fmla="*/ 1588 h 2786"/>
                <a:gd name="T56" fmla="*/ 2836 w 2838"/>
                <a:gd name="T57" fmla="*/ 1744 h 2786"/>
                <a:gd name="T58" fmla="*/ 2786 w 2838"/>
                <a:gd name="T59" fmla="*/ 1873 h 2786"/>
                <a:gd name="T60" fmla="*/ 2666 w 2838"/>
                <a:gd name="T61" fmla="*/ 1972 h 2786"/>
                <a:gd name="T62" fmla="*/ 2445 w 2838"/>
                <a:gd name="T63" fmla="*/ 2043 h 2786"/>
                <a:gd name="T64" fmla="*/ 2264 w 2838"/>
                <a:gd name="T65" fmla="*/ 2224 h 2786"/>
                <a:gd name="T66" fmla="*/ 2208 w 2838"/>
                <a:gd name="T67" fmla="*/ 2479 h 2786"/>
                <a:gd name="T68" fmla="*/ 2163 w 2838"/>
                <a:gd name="T69" fmla="*/ 2656 h 2786"/>
                <a:gd name="T70" fmla="*/ 2048 w 2838"/>
                <a:gd name="T71" fmla="*/ 2757 h 2786"/>
                <a:gd name="T72" fmla="*/ 1896 w 2838"/>
                <a:gd name="T73" fmla="*/ 2785 h 2786"/>
                <a:gd name="T74" fmla="*/ 1730 w 2838"/>
                <a:gd name="T75" fmla="*/ 2710 h 2786"/>
                <a:gd name="T76" fmla="*/ 1515 w 2838"/>
                <a:gd name="T77" fmla="*/ 2599 h 2786"/>
                <a:gd name="T78" fmla="*/ 1277 w 2838"/>
                <a:gd name="T79" fmla="*/ 2611 h 2786"/>
                <a:gd name="T80" fmla="*/ 1075 w 2838"/>
                <a:gd name="T81" fmla="*/ 2735 h 2786"/>
                <a:gd name="T82" fmla="*/ 908 w 2838"/>
                <a:gd name="T83" fmla="*/ 2786 h 2786"/>
                <a:gd name="T84" fmla="*/ 765 w 2838"/>
                <a:gd name="T85" fmla="*/ 2743 h 2786"/>
                <a:gd name="T86" fmla="*/ 657 w 2838"/>
                <a:gd name="T87" fmla="*/ 2627 h 2786"/>
                <a:gd name="T88" fmla="*/ 631 w 2838"/>
                <a:gd name="T89" fmla="*/ 2425 h 2786"/>
                <a:gd name="T90" fmla="*/ 546 w 2838"/>
                <a:gd name="T91" fmla="*/ 2180 h 2786"/>
                <a:gd name="T92" fmla="*/ 345 w 2838"/>
                <a:gd name="T93" fmla="*/ 2020 h 2786"/>
                <a:gd name="T94" fmla="*/ 141 w 2838"/>
                <a:gd name="T95" fmla="*/ 1957 h 2786"/>
                <a:gd name="T96" fmla="*/ 36 w 2838"/>
                <a:gd name="T97" fmla="*/ 1849 h 2786"/>
                <a:gd name="T98" fmla="*/ 0 w 2838"/>
                <a:gd name="T99" fmla="*/ 1715 h 2786"/>
                <a:gd name="T100" fmla="*/ 43 w 2838"/>
                <a:gd name="T101" fmla="*/ 1557 h 2786"/>
                <a:gd name="T102" fmla="*/ 199 w 2838"/>
                <a:gd name="T103" fmla="*/ 1409 h 2786"/>
                <a:gd name="T104" fmla="*/ 311 w 2838"/>
                <a:gd name="T105" fmla="*/ 1197 h 2786"/>
                <a:gd name="T106" fmla="*/ 302 w 2838"/>
                <a:gd name="T107" fmla="*/ 958 h 2786"/>
                <a:gd name="T108" fmla="*/ 224 w 2838"/>
                <a:gd name="T109" fmla="*/ 744 h 2786"/>
                <a:gd name="T110" fmla="*/ 268 w 2838"/>
                <a:gd name="T111" fmla="*/ 572 h 2786"/>
                <a:gd name="T112" fmla="*/ 380 w 2838"/>
                <a:gd name="T113" fmla="*/ 469 h 2786"/>
                <a:gd name="T114" fmla="*/ 553 w 2838"/>
                <a:gd name="T115" fmla="*/ 441 h 2786"/>
                <a:gd name="T116" fmla="*/ 788 w 2838"/>
                <a:gd name="T117" fmla="*/ 467 h 2786"/>
                <a:gd name="T118" fmla="*/ 1008 w 2838"/>
                <a:gd name="T119" fmla="*/ 374 h 2786"/>
                <a:gd name="T120" fmla="*/ 1154 w 2838"/>
                <a:gd name="T121" fmla="*/ 180 h 2786"/>
                <a:gd name="T122" fmla="*/ 1258 w 2838"/>
                <a:gd name="T123" fmla="*/ 48 h 2786"/>
                <a:gd name="T124" fmla="*/ 1393 w 2838"/>
                <a:gd name="T125" fmla="*/ 1 h 27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838" h="2786">
                  <a:moveTo>
                    <a:pt x="1419" y="515"/>
                  </a:moveTo>
                  <a:lnTo>
                    <a:pt x="1339" y="519"/>
                  </a:lnTo>
                  <a:lnTo>
                    <a:pt x="1260" y="529"/>
                  </a:lnTo>
                  <a:lnTo>
                    <a:pt x="1184" y="546"/>
                  </a:lnTo>
                  <a:lnTo>
                    <a:pt x="1110" y="568"/>
                  </a:lnTo>
                  <a:lnTo>
                    <a:pt x="1039" y="597"/>
                  </a:lnTo>
                  <a:lnTo>
                    <a:pt x="970" y="631"/>
                  </a:lnTo>
                  <a:lnTo>
                    <a:pt x="906" y="670"/>
                  </a:lnTo>
                  <a:lnTo>
                    <a:pt x="844" y="714"/>
                  </a:lnTo>
                  <a:lnTo>
                    <a:pt x="787" y="763"/>
                  </a:lnTo>
                  <a:lnTo>
                    <a:pt x="734" y="817"/>
                  </a:lnTo>
                  <a:lnTo>
                    <a:pt x="685" y="874"/>
                  </a:lnTo>
                  <a:lnTo>
                    <a:pt x="641" y="936"/>
                  </a:lnTo>
                  <a:lnTo>
                    <a:pt x="601" y="1000"/>
                  </a:lnTo>
                  <a:lnTo>
                    <a:pt x="567" y="1069"/>
                  </a:lnTo>
                  <a:lnTo>
                    <a:pt x="539" y="1140"/>
                  </a:lnTo>
                  <a:lnTo>
                    <a:pt x="517" y="1214"/>
                  </a:lnTo>
                  <a:lnTo>
                    <a:pt x="500" y="1290"/>
                  </a:lnTo>
                  <a:lnTo>
                    <a:pt x="490" y="1369"/>
                  </a:lnTo>
                  <a:lnTo>
                    <a:pt x="487" y="1449"/>
                  </a:lnTo>
                  <a:lnTo>
                    <a:pt x="490" y="1530"/>
                  </a:lnTo>
                  <a:lnTo>
                    <a:pt x="500" y="1608"/>
                  </a:lnTo>
                  <a:lnTo>
                    <a:pt x="517" y="1685"/>
                  </a:lnTo>
                  <a:lnTo>
                    <a:pt x="539" y="1759"/>
                  </a:lnTo>
                  <a:lnTo>
                    <a:pt x="567" y="1830"/>
                  </a:lnTo>
                  <a:lnTo>
                    <a:pt x="601" y="1899"/>
                  </a:lnTo>
                  <a:lnTo>
                    <a:pt x="641" y="1963"/>
                  </a:lnTo>
                  <a:lnTo>
                    <a:pt x="685" y="2024"/>
                  </a:lnTo>
                  <a:lnTo>
                    <a:pt x="734" y="2082"/>
                  </a:lnTo>
                  <a:lnTo>
                    <a:pt x="787" y="2135"/>
                  </a:lnTo>
                  <a:lnTo>
                    <a:pt x="844" y="2185"/>
                  </a:lnTo>
                  <a:lnTo>
                    <a:pt x="906" y="2229"/>
                  </a:lnTo>
                  <a:lnTo>
                    <a:pt x="970" y="2268"/>
                  </a:lnTo>
                  <a:lnTo>
                    <a:pt x="1039" y="2301"/>
                  </a:lnTo>
                  <a:lnTo>
                    <a:pt x="1110" y="2330"/>
                  </a:lnTo>
                  <a:lnTo>
                    <a:pt x="1184" y="2353"/>
                  </a:lnTo>
                  <a:lnTo>
                    <a:pt x="1260" y="2370"/>
                  </a:lnTo>
                  <a:lnTo>
                    <a:pt x="1339" y="2380"/>
                  </a:lnTo>
                  <a:lnTo>
                    <a:pt x="1419" y="2383"/>
                  </a:lnTo>
                  <a:lnTo>
                    <a:pt x="1499" y="2380"/>
                  </a:lnTo>
                  <a:lnTo>
                    <a:pt x="1577" y="2370"/>
                  </a:lnTo>
                  <a:lnTo>
                    <a:pt x="1654" y="2353"/>
                  </a:lnTo>
                  <a:lnTo>
                    <a:pt x="1728" y="2330"/>
                  </a:lnTo>
                  <a:lnTo>
                    <a:pt x="1799" y="2301"/>
                  </a:lnTo>
                  <a:lnTo>
                    <a:pt x="1867" y="2268"/>
                  </a:lnTo>
                  <a:lnTo>
                    <a:pt x="1932" y="2229"/>
                  </a:lnTo>
                  <a:lnTo>
                    <a:pt x="1994" y="2185"/>
                  </a:lnTo>
                  <a:lnTo>
                    <a:pt x="2051" y="2135"/>
                  </a:lnTo>
                  <a:lnTo>
                    <a:pt x="2104" y="2082"/>
                  </a:lnTo>
                  <a:lnTo>
                    <a:pt x="2153" y="2024"/>
                  </a:lnTo>
                  <a:lnTo>
                    <a:pt x="2197" y="1963"/>
                  </a:lnTo>
                  <a:lnTo>
                    <a:pt x="2237" y="1899"/>
                  </a:lnTo>
                  <a:lnTo>
                    <a:pt x="2271" y="1830"/>
                  </a:lnTo>
                  <a:lnTo>
                    <a:pt x="2298" y="1759"/>
                  </a:lnTo>
                  <a:lnTo>
                    <a:pt x="2321" y="1685"/>
                  </a:lnTo>
                  <a:lnTo>
                    <a:pt x="2338" y="1608"/>
                  </a:lnTo>
                  <a:lnTo>
                    <a:pt x="2348" y="1530"/>
                  </a:lnTo>
                  <a:lnTo>
                    <a:pt x="2351" y="1449"/>
                  </a:lnTo>
                  <a:lnTo>
                    <a:pt x="2348" y="1369"/>
                  </a:lnTo>
                  <a:lnTo>
                    <a:pt x="2338" y="1290"/>
                  </a:lnTo>
                  <a:lnTo>
                    <a:pt x="2321" y="1214"/>
                  </a:lnTo>
                  <a:lnTo>
                    <a:pt x="2298" y="1140"/>
                  </a:lnTo>
                  <a:lnTo>
                    <a:pt x="2271" y="1069"/>
                  </a:lnTo>
                  <a:lnTo>
                    <a:pt x="2237" y="1000"/>
                  </a:lnTo>
                  <a:lnTo>
                    <a:pt x="2197" y="936"/>
                  </a:lnTo>
                  <a:lnTo>
                    <a:pt x="2153" y="874"/>
                  </a:lnTo>
                  <a:lnTo>
                    <a:pt x="2104" y="817"/>
                  </a:lnTo>
                  <a:lnTo>
                    <a:pt x="2051" y="763"/>
                  </a:lnTo>
                  <a:lnTo>
                    <a:pt x="1994" y="714"/>
                  </a:lnTo>
                  <a:lnTo>
                    <a:pt x="1932" y="670"/>
                  </a:lnTo>
                  <a:lnTo>
                    <a:pt x="1867" y="631"/>
                  </a:lnTo>
                  <a:lnTo>
                    <a:pt x="1799" y="597"/>
                  </a:lnTo>
                  <a:lnTo>
                    <a:pt x="1728" y="568"/>
                  </a:lnTo>
                  <a:lnTo>
                    <a:pt x="1654" y="546"/>
                  </a:lnTo>
                  <a:lnTo>
                    <a:pt x="1577" y="529"/>
                  </a:lnTo>
                  <a:lnTo>
                    <a:pt x="1499" y="519"/>
                  </a:lnTo>
                  <a:lnTo>
                    <a:pt x="1419" y="515"/>
                  </a:lnTo>
                  <a:close/>
                  <a:moveTo>
                    <a:pt x="1419" y="0"/>
                  </a:moveTo>
                  <a:lnTo>
                    <a:pt x="1445" y="1"/>
                  </a:lnTo>
                  <a:lnTo>
                    <a:pt x="1472" y="4"/>
                  </a:lnTo>
                  <a:lnTo>
                    <a:pt x="1499" y="11"/>
                  </a:lnTo>
                  <a:lnTo>
                    <a:pt x="1527" y="21"/>
                  </a:lnTo>
                  <a:lnTo>
                    <a:pt x="1554" y="33"/>
                  </a:lnTo>
                  <a:lnTo>
                    <a:pt x="1579" y="48"/>
                  </a:lnTo>
                  <a:lnTo>
                    <a:pt x="1605" y="67"/>
                  </a:lnTo>
                  <a:lnTo>
                    <a:pt x="1628" y="90"/>
                  </a:lnTo>
                  <a:lnTo>
                    <a:pt x="1650" y="117"/>
                  </a:lnTo>
                  <a:lnTo>
                    <a:pt x="1668" y="146"/>
                  </a:lnTo>
                  <a:lnTo>
                    <a:pt x="1684" y="180"/>
                  </a:lnTo>
                  <a:lnTo>
                    <a:pt x="1705" y="227"/>
                  </a:lnTo>
                  <a:lnTo>
                    <a:pt x="1730" y="269"/>
                  </a:lnTo>
                  <a:lnTo>
                    <a:pt x="1760" y="308"/>
                  </a:lnTo>
                  <a:lnTo>
                    <a:pt x="1794" y="343"/>
                  </a:lnTo>
                  <a:lnTo>
                    <a:pt x="1830" y="374"/>
                  </a:lnTo>
                  <a:lnTo>
                    <a:pt x="1870" y="402"/>
                  </a:lnTo>
                  <a:lnTo>
                    <a:pt x="1912" y="425"/>
                  </a:lnTo>
                  <a:lnTo>
                    <a:pt x="1956" y="444"/>
                  </a:lnTo>
                  <a:lnTo>
                    <a:pt x="2003" y="458"/>
                  </a:lnTo>
                  <a:lnTo>
                    <a:pt x="2050" y="467"/>
                  </a:lnTo>
                  <a:lnTo>
                    <a:pt x="2098" y="471"/>
                  </a:lnTo>
                  <a:lnTo>
                    <a:pt x="2146" y="470"/>
                  </a:lnTo>
                  <a:lnTo>
                    <a:pt x="2196" y="463"/>
                  </a:lnTo>
                  <a:lnTo>
                    <a:pt x="2245" y="451"/>
                  </a:lnTo>
                  <a:lnTo>
                    <a:pt x="2285" y="441"/>
                  </a:lnTo>
                  <a:lnTo>
                    <a:pt x="2323" y="438"/>
                  </a:lnTo>
                  <a:lnTo>
                    <a:pt x="2360" y="439"/>
                  </a:lnTo>
                  <a:lnTo>
                    <a:pt x="2395" y="446"/>
                  </a:lnTo>
                  <a:lnTo>
                    <a:pt x="2427" y="456"/>
                  </a:lnTo>
                  <a:lnTo>
                    <a:pt x="2458" y="469"/>
                  </a:lnTo>
                  <a:lnTo>
                    <a:pt x="2485" y="485"/>
                  </a:lnTo>
                  <a:lnTo>
                    <a:pt x="2510" y="504"/>
                  </a:lnTo>
                  <a:lnTo>
                    <a:pt x="2532" y="524"/>
                  </a:lnTo>
                  <a:lnTo>
                    <a:pt x="2551" y="546"/>
                  </a:lnTo>
                  <a:lnTo>
                    <a:pt x="2570" y="572"/>
                  </a:lnTo>
                  <a:lnTo>
                    <a:pt x="2586" y="602"/>
                  </a:lnTo>
                  <a:lnTo>
                    <a:pt x="2599" y="634"/>
                  </a:lnTo>
                  <a:lnTo>
                    <a:pt x="2609" y="669"/>
                  </a:lnTo>
                  <a:lnTo>
                    <a:pt x="2614" y="705"/>
                  </a:lnTo>
                  <a:lnTo>
                    <a:pt x="2614" y="744"/>
                  </a:lnTo>
                  <a:lnTo>
                    <a:pt x="2608" y="784"/>
                  </a:lnTo>
                  <a:lnTo>
                    <a:pt x="2595" y="824"/>
                  </a:lnTo>
                  <a:lnTo>
                    <a:pt x="2575" y="866"/>
                  </a:lnTo>
                  <a:lnTo>
                    <a:pt x="2553" y="911"/>
                  </a:lnTo>
                  <a:lnTo>
                    <a:pt x="2536" y="958"/>
                  </a:lnTo>
                  <a:lnTo>
                    <a:pt x="2523" y="1005"/>
                  </a:lnTo>
                  <a:lnTo>
                    <a:pt x="2517" y="1053"/>
                  </a:lnTo>
                  <a:lnTo>
                    <a:pt x="2515" y="1102"/>
                  </a:lnTo>
                  <a:lnTo>
                    <a:pt x="2518" y="1150"/>
                  </a:lnTo>
                  <a:lnTo>
                    <a:pt x="2527" y="1197"/>
                  </a:lnTo>
                  <a:lnTo>
                    <a:pt x="2540" y="1244"/>
                  </a:lnTo>
                  <a:lnTo>
                    <a:pt x="2558" y="1288"/>
                  </a:lnTo>
                  <a:lnTo>
                    <a:pt x="2580" y="1331"/>
                  </a:lnTo>
                  <a:lnTo>
                    <a:pt x="2607" y="1371"/>
                  </a:lnTo>
                  <a:lnTo>
                    <a:pt x="2638" y="1409"/>
                  </a:lnTo>
                  <a:lnTo>
                    <a:pt x="2674" y="1443"/>
                  </a:lnTo>
                  <a:lnTo>
                    <a:pt x="2714" y="1474"/>
                  </a:lnTo>
                  <a:lnTo>
                    <a:pt x="2747" y="1499"/>
                  </a:lnTo>
                  <a:lnTo>
                    <a:pt x="2773" y="1528"/>
                  </a:lnTo>
                  <a:lnTo>
                    <a:pt x="2795" y="1557"/>
                  </a:lnTo>
                  <a:lnTo>
                    <a:pt x="2811" y="1588"/>
                  </a:lnTo>
                  <a:lnTo>
                    <a:pt x="2825" y="1619"/>
                  </a:lnTo>
                  <a:lnTo>
                    <a:pt x="2832" y="1652"/>
                  </a:lnTo>
                  <a:lnTo>
                    <a:pt x="2837" y="1683"/>
                  </a:lnTo>
                  <a:lnTo>
                    <a:pt x="2838" y="1715"/>
                  </a:lnTo>
                  <a:lnTo>
                    <a:pt x="2836" y="1744"/>
                  </a:lnTo>
                  <a:lnTo>
                    <a:pt x="2831" y="1773"/>
                  </a:lnTo>
                  <a:lnTo>
                    <a:pt x="2824" y="1798"/>
                  </a:lnTo>
                  <a:lnTo>
                    <a:pt x="2814" y="1824"/>
                  </a:lnTo>
                  <a:lnTo>
                    <a:pt x="2802" y="1849"/>
                  </a:lnTo>
                  <a:lnTo>
                    <a:pt x="2786" y="1873"/>
                  </a:lnTo>
                  <a:lnTo>
                    <a:pt x="2769" y="1897"/>
                  </a:lnTo>
                  <a:lnTo>
                    <a:pt x="2748" y="1919"/>
                  </a:lnTo>
                  <a:lnTo>
                    <a:pt x="2723" y="1939"/>
                  </a:lnTo>
                  <a:lnTo>
                    <a:pt x="2697" y="1957"/>
                  </a:lnTo>
                  <a:lnTo>
                    <a:pt x="2666" y="1972"/>
                  </a:lnTo>
                  <a:lnTo>
                    <a:pt x="2632" y="1983"/>
                  </a:lnTo>
                  <a:lnTo>
                    <a:pt x="2596" y="1991"/>
                  </a:lnTo>
                  <a:lnTo>
                    <a:pt x="2543" y="2003"/>
                  </a:lnTo>
                  <a:lnTo>
                    <a:pt x="2493" y="2020"/>
                  </a:lnTo>
                  <a:lnTo>
                    <a:pt x="2445" y="2043"/>
                  </a:lnTo>
                  <a:lnTo>
                    <a:pt x="2401" y="2070"/>
                  </a:lnTo>
                  <a:lnTo>
                    <a:pt x="2361" y="2103"/>
                  </a:lnTo>
                  <a:lnTo>
                    <a:pt x="2323" y="2140"/>
                  </a:lnTo>
                  <a:lnTo>
                    <a:pt x="2292" y="2180"/>
                  </a:lnTo>
                  <a:lnTo>
                    <a:pt x="2264" y="2224"/>
                  </a:lnTo>
                  <a:lnTo>
                    <a:pt x="2241" y="2271"/>
                  </a:lnTo>
                  <a:lnTo>
                    <a:pt x="2225" y="2320"/>
                  </a:lnTo>
                  <a:lnTo>
                    <a:pt x="2212" y="2372"/>
                  </a:lnTo>
                  <a:lnTo>
                    <a:pt x="2207" y="2425"/>
                  </a:lnTo>
                  <a:lnTo>
                    <a:pt x="2208" y="2479"/>
                  </a:lnTo>
                  <a:lnTo>
                    <a:pt x="2208" y="2520"/>
                  </a:lnTo>
                  <a:lnTo>
                    <a:pt x="2204" y="2559"/>
                  </a:lnTo>
                  <a:lnTo>
                    <a:pt x="2194" y="2594"/>
                  </a:lnTo>
                  <a:lnTo>
                    <a:pt x="2179" y="2627"/>
                  </a:lnTo>
                  <a:lnTo>
                    <a:pt x="2163" y="2656"/>
                  </a:lnTo>
                  <a:lnTo>
                    <a:pt x="2143" y="2682"/>
                  </a:lnTo>
                  <a:lnTo>
                    <a:pt x="2121" y="2705"/>
                  </a:lnTo>
                  <a:lnTo>
                    <a:pt x="2097" y="2726"/>
                  </a:lnTo>
                  <a:lnTo>
                    <a:pt x="2073" y="2743"/>
                  </a:lnTo>
                  <a:lnTo>
                    <a:pt x="2048" y="2757"/>
                  </a:lnTo>
                  <a:lnTo>
                    <a:pt x="2020" y="2768"/>
                  </a:lnTo>
                  <a:lnTo>
                    <a:pt x="1992" y="2777"/>
                  </a:lnTo>
                  <a:lnTo>
                    <a:pt x="1962" y="2782"/>
                  </a:lnTo>
                  <a:lnTo>
                    <a:pt x="1929" y="2786"/>
                  </a:lnTo>
                  <a:lnTo>
                    <a:pt x="1896" y="2785"/>
                  </a:lnTo>
                  <a:lnTo>
                    <a:pt x="1863" y="2780"/>
                  </a:lnTo>
                  <a:lnTo>
                    <a:pt x="1829" y="2770"/>
                  </a:lnTo>
                  <a:lnTo>
                    <a:pt x="1796" y="2756"/>
                  </a:lnTo>
                  <a:lnTo>
                    <a:pt x="1762" y="2735"/>
                  </a:lnTo>
                  <a:lnTo>
                    <a:pt x="1730" y="2710"/>
                  </a:lnTo>
                  <a:lnTo>
                    <a:pt x="1691" y="2677"/>
                  </a:lnTo>
                  <a:lnTo>
                    <a:pt x="1650" y="2650"/>
                  </a:lnTo>
                  <a:lnTo>
                    <a:pt x="1606" y="2627"/>
                  </a:lnTo>
                  <a:lnTo>
                    <a:pt x="1561" y="2611"/>
                  </a:lnTo>
                  <a:lnTo>
                    <a:pt x="1515" y="2599"/>
                  </a:lnTo>
                  <a:lnTo>
                    <a:pt x="1467" y="2591"/>
                  </a:lnTo>
                  <a:lnTo>
                    <a:pt x="1419" y="2589"/>
                  </a:lnTo>
                  <a:lnTo>
                    <a:pt x="1371" y="2591"/>
                  </a:lnTo>
                  <a:lnTo>
                    <a:pt x="1323" y="2599"/>
                  </a:lnTo>
                  <a:lnTo>
                    <a:pt x="1277" y="2611"/>
                  </a:lnTo>
                  <a:lnTo>
                    <a:pt x="1231" y="2627"/>
                  </a:lnTo>
                  <a:lnTo>
                    <a:pt x="1188" y="2650"/>
                  </a:lnTo>
                  <a:lnTo>
                    <a:pt x="1146" y="2677"/>
                  </a:lnTo>
                  <a:lnTo>
                    <a:pt x="1108" y="2710"/>
                  </a:lnTo>
                  <a:lnTo>
                    <a:pt x="1075" y="2735"/>
                  </a:lnTo>
                  <a:lnTo>
                    <a:pt x="1042" y="2756"/>
                  </a:lnTo>
                  <a:lnTo>
                    <a:pt x="1009" y="2770"/>
                  </a:lnTo>
                  <a:lnTo>
                    <a:pt x="975" y="2780"/>
                  </a:lnTo>
                  <a:lnTo>
                    <a:pt x="941" y="2785"/>
                  </a:lnTo>
                  <a:lnTo>
                    <a:pt x="908" y="2786"/>
                  </a:lnTo>
                  <a:lnTo>
                    <a:pt x="876" y="2782"/>
                  </a:lnTo>
                  <a:lnTo>
                    <a:pt x="846" y="2777"/>
                  </a:lnTo>
                  <a:lnTo>
                    <a:pt x="817" y="2768"/>
                  </a:lnTo>
                  <a:lnTo>
                    <a:pt x="790" y="2757"/>
                  </a:lnTo>
                  <a:lnTo>
                    <a:pt x="765" y="2743"/>
                  </a:lnTo>
                  <a:lnTo>
                    <a:pt x="741" y="2726"/>
                  </a:lnTo>
                  <a:lnTo>
                    <a:pt x="717" y="2705"/>
                  </a:lnTo>
                  <a:lnTo>
                    <a:pt x="695" y="2682"/>
                  </a:lnTo>
                  <a:lnTo>
                    <a:pt x="675" y="2656"/>
                  </a:lnTo>
                  <a:lnTo>
                    <a:pt x="657" y="2627"/>
                  </a:lnTo>
                  <a:lnTo>
                    <a:pt x="644" y="2594"/>
                  </a:lnTo>
                  <a:lnTo>
                    <a:pt x="634" y="2559"/>
                  </a:lnTo>
                  <a:lnTo>
                    <a:pt x="630" y="2520"/>
                  </a:lnTo>
                  <a:lnTo>
                    <a:pt x="630" y="2479"/>
                  </a:lnTo>
                  <a:lnTo>
                    <a:pt x="631" y="2425"/>
                  </a:lnTo>
                  <a:lnTo>
                    <a:pt x="625" y="2372"/>
                  </a:lnTo>
                  <a:lnTo>
                    <a:pt x="613" y="2320"/>
                  </a:lnTo>
                  <a:lnTo>
                    <a:pt x="596" y="2271"/>
                  </a:lnTo>
                  <a:lnTo>
                    <a:pt x="574" y="2224"/>
                  </a:lnTo>
                  <a:lnTo>
                    <a:pt x="546" y="2180"/>
                  </a:lnTo>
                  <a:lnTo>
                    <a:pt x="513" y="2140"/>
                  </a:lnTo>
                  <a:lnTo>
                    <a:pt x="477" y="2103"/>
                  </a:lnTo>
                  <a:lnTo>
                    <a:pt x="436" y="2070"/>
                  </a:lnTo>
                  <a:lnTo>
                    <a:pt x="392" y="2043"/>
                  </a:lnTo>
                  <a:lnTo>
                    <a:pt x="345" y="2020"/>
                  </a:lnTo>
                  <a:lnTo>
                    <a:pt x="295" y="2003"/>
                  </a:lnTo>
                  <a:lnTo>
                    <a:pt x="242" y="1991"/>
                  </a:lnTo>
                  <a:lnTo>
                    <a:pt x="204" y="1983"/>
                  </a:lnTo>
                  <a:lnTo>
                    <a:pt x="171" y="1972"/>
                  </a:lnTo>
                  <a:lnTo>
                    <a:pt x="141" y="1957"/>
                  </a:lnTo>
                  <a:lnTo>
                    <a:pt x="114" y="1939"/>
                  </a:lnTo>
                  <a:lnTo>
                    <a:pt x="90" y="1919"/>
                  </a:lnTo>
                  <a:lnTo>
                    <a:pt x="69" y="1897"/>
                  </a:lnTo>
                  <a:lnTo>
                    <a:pt x="51" y="1873"/>
                  </a:lnTo>
                  <a:lnTo>
                    <a:pt x="36" y="1849"/>
                  </a:lnTo>
                  <a:lnTo>
                    <a:pt x="23" y="1824"/>
                  </a:lnTo>
                  <a:lnTo>
                    <a:pt x="14" y="1798"/>
                  </a:lnTo>
                  <a:lnTo>
                    <a:pt x="7" y="1773"/>
                  </a:lnTo>
                  <a:lnTo>
                    <a:pt x="2" y="1744"/>
                  </a:lnTo>
                  <a:lnTo>
                    <a:pt x="0" y="1715"/>
                  </a:lnTo>
                  <a:lnTo>
                    <a:pt x="1" y="1683"/>
                  </a:lnTo>
                  <a:lnTo>
                    <a:pt x="5" y="1652"/>
                  </a:lnTo>
                  <a:lnTo>
                    <a:pt x="13" y="1619"/>
                  </a:lnTo>
                  <a:lnTo>
                    <a:pt x="25" y="1588"/>
                  </a:lnTo>
                  <a:lnTo>
                    <a:pt x="43" y="1557"/>
                  </a:lnTo>
                  <a:lnTo>
                    <a:pt x="65" y="1528"/>
                  </a:lnTo>
                  <a:lnTo>
                    <a:pt x="91" y="1499"/>
                  </a:lnTo>
                  <a:lnTo>
                    <a:pt x="124" y="1474"/>
                  </a:lnTo>
                  <a:lnTo>
                    <a:pt x="164" y="1443"/>
                  </a:lnTo>
                  <a:lnTo>
                    <a:pt x="199" y="1409"/>
                  </a:lnTo>
                  <a:lnTo>
                    <a:pt x="231" y="1371"/>
                  </a:lnTo>
                  <a:lnTo>
                    <a:pt x="257" y="1331"/>
                  </a:lnTo>
                  <a:lnTo>
                    <a:pt x="280" y="1288"/>
                  </a:lnTo>
                  <a:lnTo>
                    <a:pt x="298" y="1244"/>
                  </a:lnTo>
                  <a:lnTo>
                    <a:pt x="311" y="1197"/>
                  </a:lnTo>
                  <a:lnTo>
                    <a:pt x="319" y="1150"/>
                  </a:lnTo>
                  <a:lnTo>
                    <a:pt x="323" y="1102"/>
                  </a:lnTo>
                  <a:lnTo>
                    <a:pt x="321" y="1053"/>
                  </a:lnTo>
                  <a:lnTo>
                    <a:pt x="314" y="1005"/>
                  </a:lnTo>
                  <a:lnTo>
                    <a:pt x="302" y="958"/>
                  </a:lnTo>
                  <a:lnTo>
                    <a:pt x="285" y="911"/>
                  </a:lnTo>
                  <a:lnTo>
                    <a:pt x="263" y="866"/>
                  </a:lnTo>
                  <a:lnTo>
                    <a:pt x="243" y="824"/>
                  </a:lnTo>
                  <a:lnTo>
                    <a:pt x="230" y="784"/>
                  </a:lnTo>
                  <a:lnTo>
                    <a:pt x="224" y="744"/>
                  </a:lnTo>
                  <a:lnTo>
                    <a:pt x="224" y="705"/>
                  </a:lnTo>
                  <a:lnTo>
                    <a:pt x="229" y="669"/>
                  </a:lnTo>
                  <a:lnTo>
                    <a:pt x="238" y="634"/>
                  </a:lnTo>
                  <a:lnTo>
                    <a:pt x="252" y="602"/>
                  </a:lnTo>
                  <a:lnTo>
                    <a:pt x="268" y="572"/>
                  </a:lnTo>
                  <a:lnTo>
                    <a:pt x="287" y="546"/>
                  </a:lnTo>
                  <a:lnTo>
                    <a:pt x="306" y="524"/>
                  </a:lnTo>
                  <a:lnTo>
                    <a:pt x="328" y="504"/>
                  </a:lnTo>
                  <a:lnTo>
                    <a:pt x="353" y="485"/>
                  </a:lnTo>
                  <a:lnTo>
                    <a:pt x="380" y="469"/>
                  </a:lnTo>
                  <a:lnTo>
                    <a:pt x="410" y="456"/>
                  </a:lnTo>
                  <a:lnTo>
                    <a:pt x="443" y="446"/>
                  </a:lnTo>
                  <a:lnTo>
                    <a:pt x="477" y="439"/>
                  </a:lnTo>
                  <a:lnTo>
                    <a:pt x="514" y="438"/>
                  </a:lnTo>
                  <a:lnTo>
                    <a:pt x="553" y="441"/>
                  </a:lnTo>
                  <a:lnTo>
                    <a:pt x="592" y="451"/>
                  </a:lnTo>
                  <a:lnTo>
                    <a:pt x="642" y="463"/>
                  </a:lnTo>
                  <a:lnTo>
                    <a:pt x="691" y="470"/>
                  </a:lnTo>
                  <a:lnTo>
                    <a:pt x="740" y="471"/>
                  </a:lnTo>
                  <a:lnTo>
                    <a:pt x="788" y="467"/>
                  </a:lnTo>
                  <a:lnTo>
                    <a:pt x="835" y="458"/>
                  </a:lnTo>
                  <a:lnTo>
                    <a:pt x="881" y="444"/>
                  </a:lnTo>
                  <a:lnTo>
                    <a:pt x="925" y="425"/>
                  </a:lnTo>
                  <a:lnTo>
                    <a:pt x="968" y="402"/>
                  </a:lnTo>
                  <a:lnTo>
                    <a:pt x="1008" y="374"/>
                  </a:lnTo>
                  <a:lnTo>
                    <a:pt x="1044" y="343"/>
                  </a:lnTo>
                  <a:lnTo>
                    <a:pt x="1077" y="308"/>
                  </a:lnTo>
                  <a:lnTo>
                    <a:pt x="1107" y="269"/>
                  </a:lnTo>
                  <a:lnTo>
                    <a:pt x="1133" y="227"/>
                  </a:lnTo>
                  <a:lnTo>
                    <a:pt x="1154" y="180"/>
                  </a:lnTo>
                  <a:lnTo>
                    <a:pt x="1169" y="146"/>
                  </a:lnTo>
                  <a:lnTo>
                    <a:pt x="1188" y="117"/>
                  </a:lnTo>
                  <a:lnTo>
                    <a:pt x="1210" y="90"/>
                  </a:lnTo>
                  <a:lnTo>
                    <a:pt x="1233" y="67"/>
                  </a:lnTo>
                  <a:lnTo>
                    <a:pt x="1258" y="48"/>
                  </a:lnTo>
                  <a:lnTo>
                    <a:pt x="1284" y="33"/>
                  </a:lnTo>
                  <a:lnTo>
                    <a:pt x="1311" y="21"/>
                  </a:lnTo>
                  <a:lnTo>
                    <a:pt x="1339" y="11"/>
                  </a:lnTo>
                  <a:lnTo>
                    <a:pt x="1366" y="4"/>
                  </a:lnTo>
                  <a:lnTo>
                    <a:pt x="1393" y="1"/>
                  </a:lnTo>
                  <a:lnTo>
                    <a:pt x="141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48">
              <a:extLst>
                <a:ext uri="{FF2B5EF4-FFF2-40B4-BE49-F238E27FC236}">
                  <a16:creationId xmlns:a16="http://schemas.microsoft.com/office/drawing/2014/main" id="{C8A949F0-5DD5-6AB5-B030-248A0E80C65A}"/>
                </a:ext>
              </a:extLst>
            </p:cNvPr>
            <p:cNvSpPr>
              <a:spLocks noEditPoints="1"/>
            </p:cNvSpPr>
            <p:nvPr/>
          </p:nvSpPr>
          <p:spPr bwMode="auto">
            <a:xfrm>
              <a:off x="3257550" y="2540000"/>
              <a:ext cx="300037" cy="301625"/>
            </a:xfrm>
            <a:custGeom>
              <a:avLst/>
              <a:gdLst>
                <a:gd name="T0" fmla="*/ 1080 w 1516"/>
                <a:gd name="T1" fmla="*/ 529 h 1519"/>
                <a:gd name="T2" fmla="*/ 1044 w 1516"/>
                <a:gd name="T3" fmla="*/ 545 h 1519"/>
                <a:gd name="T4" fmla="*/ 553 w 1516"/>
                <a:gd name="T5" fmla="*/ 709 h 1519"/>
                <a:gd name="T6" fmla="*/ 524 w 1516"/>
                <a:gd name="T7" fmla="*/ 684 h 1519"/>
                <a:gd name="T8" fmla="*/ 488 w 1516"/>
                <a:gd name="T9" fmla="*/ 673 h 1519"/>
                <a:gd name="T10" fmla="*/ 450 w 1516"/>
                <a:gd name="T11" fmla="*/ 678 h 1519"/>
                <a:gd name="T12" fmla="*/ 417 w 1516"/>
                <a:gd name="T13" fmla="*/ 701 h 1519"/>
                <a:gd name="T14" fmla="*/ 399 w 1516"/>
                <a:gd name="T15" fmla="*/ 735 h 1519"/>
                <a:gd name="T16" fmla="*/ 396 w 1516"/>
                <a:gd name="T17" fmla="*/ 773 h 1519"/>
                <a:gd name="T18" fmla="*/ 411 w 1516"/>
                <a:gd name="T19" fmla="*/ 809 h 1519"/>
                <a:gd name="T20" fmla="*/ 563 w 1516"/>
                <a:gd name="T21" fmla="*/ 1024 h 1519"/>
                <a:gd name="T22" fmla="*/ 592 w 1516"/>
                <a:gd name="T23" fmla="*/ 1042 h 1519"/>
                <a:gd name="T24" fmla="*/ 616 w 1516"/>
                <a:gd name="T25" fmla="*/ 1048 h 1519"/>
                <a:gd name="T26" fmla="*/ 641 w 1516"/>
                <a:gd name="T27" fmla="*/ 1046 h 1519"/>
                <a:gd name="T28" fmla="*/ 674 w 1516"/>
                <a:gd name="T29" fmla="*/ 1031 h 1519"/>
                <a:gd name="T30" fmla="*/ 1161 w 1516"/>
                <a:gd name="T31" fmla="*/ 673 h 1519"/>
                <a:gd name="T32" fmla="*/ 1179 w 1516"/>
                <a:gd name="T33" fmla="*/ 638 h 1519"/>
                <a:gd name="T34" fmla="*/ 1181 w 1516"/>
                <a:gd name="T35" fmla="*/ 600 h 1519"/>
                <a:gd name="T36" fmla="*/ 1166 w 1516"/>
                <a:gd name="T37" fmla="*/ 564 h 1519"/>
                <a:gd name="T38" fmla="*/ 1136 w 1516"/>
                <a:gd name="T39" fmla="*/ 538 h 1519"/>
                <a:gd name="T40" fmla="*/ 1100 w 1516"/>
                <a:gd name="T41" fmla="*/ 528 h 1519"/>
                <a:gd name="T42" fmla="*/ 830 w 1516"/>
                <a:gd name="T43" fmla="*/ 3 h 1519"/>
                <a:gd name="T44" fmla="*/ 970 w 1516"/>
                <a:gd name="T45" fmla="*/ 30 h 1519"/>
                <a:gd name="T46" fmla="*/ 1100 w 1516"/>
                <a:gd name="T47" fmla="*/ 82 h 1519"/>
                <a:gd name="T48" fmla="*/ 1216 w 1516"/>
                <a:gd name="T49" fmla="*/ 154 h 1519"/>
                <a:gd name="T50" fmla="*/ 1317 w 1516"/>
                <a:gd name="T51" fmla="*/ 248 h 1519"/>
                <a:gd name="T52" fmla="*/ 1401 w 1516"/>
                <a:gd name="T53" fmla="*/ 357 h 1519"/>
                <a:gd name="T54" fmla="*/ 1464 w 1516"/>
                <a:gd name="T55" fmla="*/ 480 h 1519"/>
                <a:gd name="T56" fmla="*/ 1503 w 1516"/>
                <a:gd name="T57" fmla="*/ 615 h 1519"/>
                <a:gd name="T58" fmla="*/ 1516 w 1516"/>
                <a:gd name="T59" fmla="*/ 759 h 1519"/>
                <a:gd name="T60" fmla="*/ 1503 w 1516"/>
                <a:gd name="T61" fmla="*/ 904 h 1519"/>
                <a:gd name="T62" fmla="*/ 1464 w 1516"/>
                <a:gd name="T63" fmla="*/ 1039 h 1519"/>
                <a:gd name="T64" fmla="*/ 1401 w 1516"/>
                <a:gd name="T65" fmla="*/ 1162 h 1519"/>
                <a:gd name="T66" fmla="*/ 1317 w 1516"/>
                <a:gd name="T67" fmla="*/ 1271 h 1519"/>
                <a:gd name="T68" fmla="*/ 1216 w 1516"/>
                <a:gd name="T69" fmla="*/ 1364 h 1519"/>
                <a:gd name="T70" fmla="*/ 1100 w 1516"/>
                <a:gd name="T71" fmla="*/ 1437 h 1519"/>
                <a:gd name="T72" fmla="*/ 970 w 1516"/>
                <a:gd name="T73" fmla="*/ 1488 h 1519"/>
                <a:gd name="T74" fmla="*/ 830 w 1516"/>
                <a:gd name="T75" fmla="*/ 1516 h 1519"/>
                <a:gd name="T76" fmla="*/ 685 w 1516"/>
                <a:gd name="T77" fmla="*/ 1516 h 1519"/>
                <a:gd name="T78" fmla="*/ 545 w 1516"/>
                <a:gd name="T79" fmla="*/ 1488 h 1519"/>
                <a:gd name="T80" fmla="*/ 416 w 1516"/>
                <a:gd name="T81" fmla="*/ 1437 h 1519"/>
                <a:gd name="T82" fmla="*/ 300 w 1516"/>
                <a:gd name="T83" fmla="*/ 1364 h 1519"/>
                <a:gd name="T84" fmla="*/ 198 w 1516"/>
                <a:gd name="T85" fmla="*/ 1271 h 1519"/>
                <a:gd name="T86" fmla="*/ 115 w 1516"/>
                <a:gd name="T87" fmla="*/ 1162 h 1519"/>
                <a:gd name="T88" fmla="*/ 52 w 1516"/>
                <a:gd name="T89" fmla="*/ 1039 h 1519"/>
                <a:gd name="T90" fmla="*/ 13 w 1516"/>
                <a:gd name="T91" fmla="*/ 904 h 1519"/>
                <a:gd name="T92" fmla="*/ 0 w 1516"/>
                <a:gd name="T93" fmla="*/ 759 h 1519"/>
                <a:gd name="T94" fmla="*/ 13 w 1516"/>
                <a:gd name="T95" fmla="*/ 615 h 1519"/>
                <a:gd name="T96" fmla="*/ 52 w 1516"/>
                <a:gd name="T97" fmla="*/ 480 h 1519"/>
                <a:gd name="T98" fmla="*/ 115 w 1516"/>
                <a:gd name="T99" fmla="*/ 357 h 1519"/>
                <a:gd name="T100" fmla="*/ 198 w 1516"/>
                <a:gd name="T101" fmla="*/ 248 h 1519"/>
                <a:gd name="T102" fmla="*/ 300 w 1516"/>
                <a:gd name="T103" fmla="*/ 154 h 1519"/>
                <a:gd name="T104" fmla="*/ 416 w 1516"/>
                <a:gd name="T105" fmla="*/ 82 h 1519"/>
                <a:gd name="T106" fmla="*/ 545 w 1516"/>
                <a:gd name="T107" fmla="*/ 30 h 1519"/>
                <a:gd name="T108" fmla="*/ 685 w 1516"/>
                <a:gd name="T109" fmla="*/ 3 h 1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516" h="1519">
                  <a:moveTo>
                    <a:pt x="1100" y="528"/>
                  </a:moveTo>
                  <a:lnTo>
                    <a:pt x="1080" y="529"/>
                  </a:lnTo>
                  <a:lnTo>
                    <a:pt x="1061" y="535"/>
                  </a:lnTo>
                  <a:lnTo>
                    <a:pt x="1044" y="545"/>
                  </a:lnTo>
                  <a:lnTo>
                    <a:pt x="644" y="838"/>
                  </a:lnTo>
                  <a:lnTo>
                    <a:pt x="553" y="709"/>
                  </a:lnTo>
                  <a:lnTo>
                    <a:pt x="540" y="695"/>
                  </a:lnTo>
                  <a:lnTo>
                    <a:pt x="524" y="684"/>
                  </a:lnTo>
                  <a:lnTo>
                    <a:pt x="506" y="676"/>
                  </a:lnTo>
                  <a:lnTo>
                    <a:pt x="488" y="673"/>
                  </a:lnTo>
                  <a:lnTo>
                    <a:pt x="469" y="674"/>
                  </a:lnTo>
                  <a:lnTo>
                    <a:pt x="450" y="678"/>
                  </a:lnTo>
                  <a:lnTo>
                    <a:pt x="431" y="688"/>
                  </a:lnTo>
                  <a:lnTo>
                    <a:pt x="417" y="701"/>
                  </a:lnTo>
                  <a:lnTo>
                    <a:pt x="406" y="718"/>
                  </a:lnTo>
                  <a:lnTo>
                    <a:pt x="399" y="735"/>
                  </a:lnTo>
                  <a:lnTo>
                    <a:pt x="395" y="754"/>
                  </a:lnTo>
                  <a:lnTo>
                    <a:pt x="396" y="773"/>
                  </a:lnTo>
                  <a:lnTo>
                    <a:pt x="402" y="791"/>
                  </a:lnTo>
                  <a:lnTo>
                    <a:pt x="411" y="809"/>
                  </a:lnTo>
                  <a:lnTo>
                    <a:pt x="552" y="1010"/>
                  </a:lnTo>
                  <a:lnTo>
                    <a:pt x="563" y="1024"/>
                  </a:lnTo>
                  <a:lnTo>
                    <a:pt x="577" y="1035"/>
                  </a:lnTo>
                  <a:lnTo>
                    <a:pt x="592" y="1042"/>
                  </a:lnTo>
                  <a:lnTo>
                    <a:pt x="610" y="1047"/>
                  </a:lnTo>
                  <a:lnTo>
                    <a:pt x="616" y="1048"/>
                  </a:lnTo>
                  <a:lnTo>
                    <a:pt x="623" y="1048"/>
                  </a:lnTo>
                  <a:lnTo>
                    <a:pt x="641" y="1046"/>
                  </a:lnTo>
                  <a:lnTo>
                    <a:pt x="659" y="1040"/>
                  </a:lnTo>
                  <a:lnTo>
                    <a:pt x="674" y="1031"/>
                  </a:lnTo>
                  <a:lnTo>
                    <a:pt x="1147" y="686"/>
                  </a:lnTo>
                  <a:lnTo>
                    <a:pt x="1161" y="673"/>
                  </a:lnTo>
                  <a:lnTo>
                    <a:pt x="1172" y="656"/>
                  </a:lnTo>
                  <a:lnTo>
                    <a:pt x="1179" y="638"/>
                  </a:lnTo>
                  <a:lnTo>
                    <a:pt x="1182" y="620"/>
                  </a:lnTo>
                  <a:lnTo>
                    <a:pt x="1181" y="600"/>
                  </a:lnTo>
                  <a:lnTo>
                    <a:pt x="1176" y="581"/>
                  </a:lnTo>
                  <a:lnTo>
                    <a:pt x="1166" y="564"/>
                  </a:lnTo>
                  <a:lnTo>
                    <a:pt x="1151" y="549"/>
                  </a:lnTo>
                  <a:lnTo>
                    <a:pt x="1136" y="538"/>
                  </a:lnTo>
                  <a:lnTo>
                    <a:pt x="1118" y="532"/>
                  </a:lnTo>
                  <a:lnTo>
                    <a:pt x="1100" y="528"/>
                  </a:lnTo>
                  <a:close/>
                  <a:moveTo>
                    <a:pt x="758" y="0"/>
                  </a:moveTo>
                  <a:lnTo>
                    <a:pt x="830" y="3"/>
                  </a:lnTo>
                  <a:lnTo>
                    <a:pt x="902" y="13"/>
                  </a:lnTo>
                  <a:lnTo>
                    <a:pt x="970" y="30"/>
                  </a:lnTo>
                  <a:lnTo>
                    <a:pt x="1037" y="53"/>
                  </a:lnTo>
                  <a:lnTo>
                    <a:pt x="1100" y="82"/>
                  </a:lnTo>
                  <a:lnTo>
                    <a:pt x="1160" y="116"/>
                  </a:lnTo>
                  <a:lnTo>
                    <a:pt x="1216" y="154"/>
                  </a:lnTo>
                  <a:lnTo>
                    <a:pt x="1269" y="198"/>
                  </a:lnTo>
                  <a:lnTo>
                    <a:pt x="1317" y="248"/>
                  </a:lnTo>
                  <a:lnTo>
                    <a:pt x="1361" y="299"/>
                  </a:lnTo>
                  <a:lnTo>
                    <a:pt x="1401" y="357"/>
                  </a:lnTo>
                  <a:lnTo>
                    <a:pt x="1435" y="417"/>
                  </a:lnTo>
                  <a:lnTo>
                    <a:pt x="1464" y="480"/>
                  </a:lnTo>
                  <a:lnTo>
                    <a:pt x="1485" y="546"/>
                  </a:lnTo>
                  <a:lnTo>
                    <a:pt x="1503" y="615"/>
                  </a:lnTo>
                  <a:lnTo>
                    <a:pt x="1513" y="686"/>
                  </a:lnTo>
                  <a:lnTo>
                    <a:pt x="1516" y="759"/>
                  </a:lnTo>
                  <a:lnTo>
                    <a:pt x="1513" y="832"/>
                  </a:lnTo>
                  <a:lnTo>
                    <a:pt x="1503" y="904"/>
                  </a:lnTo>
                  <a:lnTo>
                    <a:pt x="1485" y="972"/>
                  </a:lnTo>
                  <a:lnTo>
                    <a:pt x="1464" y="1039"/>
                  </a:lnTo>
                  <a:lnTo>
                    <a:pt x="1435" y="1102"/>
                  </a:lnTo>
                  <a:lnTo>
                    <a:pt x="1401" y="1162"/>
                  </a:lnTo>
                  <a:lnTo>
                    <a:pt x="1361" y="1218"/>
                  </a:lnTo>
                  <a:lnTo>
                    <a:pt x="1317" y="1271"/>
                  </a:lnTo>
                  <a:lnTo>
                    <a:pt x="1269" y="1320"/>
                  </a:lnTo>
                  <a:lnTo>
                    <a:pt x="1216" y="1364"/>
                  </a:lnTo>
                  <a:lnTo>
                    <a:pt x="1160" y="1403"/>
                  </a:lnTo>
                  <a:lnTo>
                    <a:pt x="1100" y="1437"/>
                  </a:lnTo>
                  <a:lnTo>
                    <a:pt x="1037" y="1466"/>
                  </a:lnTo>
                  <a:lnTo>
                    <a:pt x="970" y="1488"/>
                  </a:lnTo>
                  <a:lnTo>
                    <a:pt x="902" y="1505"/>
                  </a:lnTo>
                  <a:lnTo>
                    <a:pt x="830" y="1516"/>
                  </a:lnTo>
                  <a:lnTo>
                    <a:pt x="758" y="1519"/>
                  </a:lnTo>
                  <a:lnTo>
                    <a:pt x="685" y="1516"/>
                  </a:lnTo>
                  <a:lnTo>
                    <a:pt x="614" y="1505"/>
                  </a:lnTo>
                  <a:lnTo>
                    <a:pt x="545" y="1488"/>
                  </a:lnTo>
                  <a:lnTo>
                    <a:pt x="479" y="1466"/>
                  </a:lnTo>
                  <a:lnTo>
                    <a:pt x="416" y="1437"/>
                  </a:lnTo>
                  <a:lnTo>
                    <a:pt x="356" y="1403"/>
                  </a:lnTo>
                  <a:lnTo>
                    <a:pt x="300" y="1364"/>
                  </a:lnTo>
                  <a:lnTo>
                    <a:pt x="247" y="1320"/>
                  </a:lnTo>
                  <a:lnTo>
                    <a:pt x="198" y="1271"/>
                  </a:lnTo>
                  <a:lnTo>
                    <a:pt x="155" y="1218"/>
                  </a:lnTo>
                  <a:lnTo>
                    <a:pt x="115" y="1162"/>
                  </a:lnTo>
                  <a:lnTo>
                    <a:pt x="81" y="1102"/>
                  </a:lnTo>
                  <a:lnTo>
                    <a:pt x="52" y="1039"/>
                  </a:lnTo>
                  <a:lnTo>
                    <a:pt x="29" y="972"/>
                  </a:lnTo>
                  <a:lnTo>
                    <a:pt x="13" y="904"/>
                  </a:lnTo>
                  <a:lnTo>
                    <a:pt x="3" y="832"/>
                  </a:lnTo>
                  <a:lnTo>
                    <a:pt x="0" y="759"/>
                  </a:lnTo>
                  <a:lnTo>
                    <a:pt x="3" y="686"/>
                  </a:lnTo>
                  <a:lnTo>
                    <a:pt x="13" y="615"/>
                  </a:lnTo>
                  <a:lnTo>
                    <a:pt x="29" y="546"/>
                  </a:lnTo>
                  <a:lnTo>
                    <a:pt x="52" y="480"/>
                  </a:lnTo>
                  <a:lnTo>
                    <a:pt x="81" y="417"/>
                  </a:lnTo>
                  <a:lnTo>
                    <a:pt x="115" y="357"/>
                  </a:lnTo>
                  <a:lnTo>
                    <a:pt x="155" y="299"/>
                  </a:lnTo>
                  <a:lnTo>
                    <a:pt x="198" y="248"/>
                  </a:lnTo>
                  <a:lnTo>
                    <a:pt x="247" y="198"/>
                  </a:lnTo>
                  <a:lnTo>
                    <a:pt x="300" y="154"/>
                  </a:lnTo>
                  <a:lnTo>
                    <a:pt x="356" y="116"/>
                  </a:lnTo>
                  <a:lnTo>
                    <a:pt x="416" y="82"/>
                  </a:lnTo>
                  <a:lnTo>
                    <a:pt x="479" y="53"/>
                  </a:lnTo>
                  <a:lnTo>
                    <a:pt x="545" y="30"/>
                  </a:lnTo>
                  <a:lnTo>
                    <a:pt x="614" y="13"/>
                  </a:lnTo>
                  <a:lnTo>
                    <a:pt x="685" y="3"/>
                  </a:lnTo>
                  <a:lnTo>
                    <a:pt x="75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64760793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A0532C-C35D-20CD-F416-093AA60505E8}"/>
              </a:ext>
            </a:extLst>
          </p:cNvPr>
          <p:cNvSpPr>
            <a:spLocks noGrp="1"/>
          </p:cNvSpPr>
          <p:nvPr>
            <p:ph type="title"/>
          </p:nvPr>
        </p:nvSpPr>
        <p:spPr/>
        <p:txBody>
          <a:bodyPr/>
          <a:lstStyle/>
          <a:p>
            <a:r>
              <a:rPr lang="en-US" dirty="0"/>
              <a:t>Unified ERP Vision</a:t>
            </a:r>
          </a:p>
        </p:txBody>
      </p:sp>
      <p:grpSp>
        <p:nvGrpSpPr>
          <p:cNvPr id="3" name="Group 2">
            <a:extLst>
              <a:ext uri="{FF2B5EF4-FFF2-40B4-BE49-F238E27FC236}">
                <a16:creationId xmlns:a16="http://schemas.microsoft.com/office/drawing/2014/main" id="{E1A0DE4D-1796-2050-0D81-36A011D99214}"/>
              </a:ext>
            </a:extLst>
          </p:cNvPr>
          <p:cNvGrpSpPr/>
          <p:nvPr/>
        </p:nvGrpSpPr>
        <p:grpSpPr>
          <a:xfrm>
            <a:off x="1507524" y="1226128"/>
            <a:ext cx="9227532" cy="4941374"/>
            <a:chOff x="372893" y="369765"/>
            <a:chExt cx="8398214" cy="4343009"/>
          </a:xfrm>
          <a:solidFill>
            <a:schemeClr val="accent5"/>
          </a:solidFill>
        </p:grpSpPr>
        <p:sp>
          <p:nvSpPr>
            <p:cNvPr id="4" name="Rectangle: Rounded Corners 3">
              <a:extLst>
                <a:ext uri="{FF2B5EF4-FFF2-40B4-BE49-F238E27FC236}">
                  <a16:creationId xmlns:a16="http://schemas.microsoft.com/office/drawing/2014/main" id="{C7589215-1464-CEAC-5A73-DC9F21FC0823}"/>
                </a:ext>
              </a:extLst>
            </p:cNvPr>
            <p:cNvSpPr/>
            <p:nvPr/>
          </p:nvSpPr>
          <p:spPr bwMode="auto">
            <a:xfrm>
              <a:off x="372893" y="369765"/>
              <a:ext cx="8398214" cy="4343009"/>
            </a:xfrm>
            <a:prstGeom prst="roundRect">
              <a:avLst>
                <a:gd name="adj" fmla="val 3158"/>
              </a:avLst>
            </a:prstGeom>
            <a:grpFill/>
            <a:ln w="9525">
              <a:noFill/>
              <a:round/>
              <a:headEnd/>
              <a:tailEnd/>
            </a:ln>
          </p:spPr>
          <p:txBody>
            <a:bodyPr vert="horz" wrap="square" lIns="91440" tIns="45720" rIns="91440" bIns="45720" numCol="1" rtlCol="0" anchor="t" anchorCtr="0" compatLnSpc="1">
              <a:prstTxWarp prst="textNoShape">
                <a:avLst/>
              </a:prstTxWarp>
            </a:bodyPr>
            <a:lstStyle/>
            <a:p>
              <a:pPr algn="ctr"/>
              <a:endParaRPr lang="en-US"/>
            </a:p>
          </p:txBody>
        </p:sp>
        <p:grpSp>
          <p:nvGrpSpPr>
            <p:cNvPr id="5" name="Group 4">
              <a:extLst>
                <a:ext uri="{FF2B5EF4-FFF2-40B4-BE49-F238E27FC236}">
                  <a16:creationId xmlns:a16="http://schemas.microsoft.com/office/drawing/2014/main" id="{ED44A6DF-D639-7A53-9095-EEFF017F4904}"/>
                </a:ext>
              </a:extLst>
            </p:cNvPr>
            <p:cNvGrpSpPr/>
            <p:nvPr/>
          </p:nvGrpSpPr>
          <p:grpSpPr>
            <a:xfrm>
              <a:off x="609601" y="588351"/>
              <a:ext cx="7924799" cy="3905837"/>
              <a:chOff x="609600" y="588351"/>
              <a:chExt cx="7924799" cy="3905837"/>
            </a:xfrm>
            <a:grpFill/>
          </p:grpSpPr>
          <p:sp>
            <p:nvSpPr>
              <p:cNvPr id="6" name="Rounded Rectangle 40">
                <a:extLst>
                  <a:ext uri="{FF2B5EF4-FFF2-40B4-BE49-F238E27FC236}">
                    <a16:creationId xmlns:a16="http://schemas.microsoft.com/office/drawing/2014/main" id="{0E95153D-9D6A-6908-3241-167448AC2FDD}"/>
                  </a:ext>
                </a:extLst>
              </p:cNvPr>
              <p:cNvSpPr/>
              <p:nvPr/>
            </p:nvSpPr>
            <p:spPr>
              <a:xfrm>
                <a:off x="609600" y="588351"/>
                <a:ext cx="1865549" cy="3905836"/>
              </a:xfrm>
              <a:prstGeom prst="roundRect">
                <a:avLst>
                  <a:gd name="adj" fmla="val 7679"/>
                </a:avLst>
              </a:prstGeom>
              <a:grpFill/>
              <a:ln>
                <a:noFill/>
              </a:ln>
              <a:effectLst>
                <a:outerShdw blurRad="508000" dist="508000" dir="11400000" sx="90000" sy="90000" algn="tr"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dirty="0">
                  <a:solidFill>
                    <a:schemeClr val="tx1">
                      <a:lumMod val="75000"/>
                      <a:lumOff val="25000"/>
                    </a:schemeClr>
                  </a:solidFill>
                </a:endParaRPr>
              </a:p>
            </p:txBody>
          </p:sp>
          <p:sp>
            <p:nvSpPr>
              <p:cNvPr id="7" name="Rounded Rectangle 40">
                <a:extLst>
                  <a:ext uri="{FF2B5EF4-FFF2-40B4-BE49-F238E27FC236}">
                    <a16:creationId xmlns:a16="http://schemas.microsoft.com/office/drawing/2014/main" id="{5BC079CE-CAAE-9026-610C-B35BAD15395D}"/>
                  </a:ext>
                </a:extLst>
              </p:cNvPr>
              <p:cNvSpPr/>
              <p:nvPr/>
            </p:nvSpPr>
            <p:spPr>
              <a:xfrm rot="10800000">
                <a:off x="6668850" y="588351"/>
                <a:ext cx="1865549" cy="3905837"/>
              </a:xfrm>
              <a:prstGeom prst="roundRect">
                <a:avLst>
                  <a:gd name="adj" fmla="val 7679"/>
                </a:avLst>
              </a:prstGeom>
              <a:grpFill/>
              <a:ln>
                <a:noFill/>
              </a:ln>
              <a:effectLst>
                <a:outerShdw blurRad="508000" dist="647700" dir="3600000" sx="90000" sy="90000" algn="tr"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b="1" dirty="0">
                  <a:solidFill>
                    <a:schemeClr val="tx1">
                      <a:lumMod val="75000"/>
                      <a:lumOff val="25000"/>
                    </a:schemeClr>
                  </a:solidFill>
                </a:endParaRPr>
              </a:p>
            </p:txBody>
          </p:sp>
        </p:grpSp>
      </p:grpSp>
      <p:sp>
        <p:nvSpPr>
          <p:cNvPr id="12" name="TextBox 11">
            <a:extLst>
              <a:ext uri="{FF2B5EF4-FFF2-40B4-BE49-F238E27FC236}">
                <a16:creationId xmlns:a16="http://schemas.microsoft.com/office/drawing/2014/main" id="{76652AA9-AA8E-6DDB-28AD-AE921B2B93BD}"/>
              </a:ext>
            </a:extLst>
          </p:cNvPr>
          <p:cNvSpPr txBox="1"/>
          <p:nvPr/>
        </p:nvSpPr>
        <p:spPr>
          <a:xfrm>
            <a:off x="2305428" y="2328665"/>
            <a:ext cx="7586717" cy="2246769"/>
          </a:xfrm>
          <a:prstGeom prst="rect">
            <a:avLst/>
          </a:prstGeom>
          <a:noFill/>
        </p:spPr>
        <p:txBody>
          <a:bodyPr wrap="square">
            <a:spAutoFit/>
          </a:bodyPr>
          <a:lstStyle/>
          <a:p>
            <a:pPr marL="285750" indent="-285750">
              <a:buFont typeface="Arial" panose="020B0604020202020204" pitchFamily="34" charset="0"/>
              <a:buChar char="•"/>
            </a:pPr>
            <a:r>
              <a:rPr lang="en-US" sz="2000" dirty="0">
                <a:solidFill>
                  <a:schemeClr val="bg1"/>
                </a:solidFill>
              </a:rPr>
              <a:t>Aligns with USG Strategic Plan</a:t>
            </a:r>
          </a:p>
          <a:p>
            <a:pPr marL="285750" indent="-285750">
              <a:buFont typeface="Arial" panose="020B0604020202020204" pitchFamily="34" charset="0"/>
              <a:buChar char="•"/>
            </a:pPr>
            <a:r>
              <a:rPr lang="en-US" sz="2000" dirty="0">
                <a:solidFill>
                  <a:schemeClr val="bg1"/>
                </a:solidFill>
              </a:rPr>
              <a:t>Replaces legacy systems with SaaS ERP: Workday</a:t>
            </a:r>
          </a:p>
          <a:p>
            <a:pPr marL="285750" indent="-285750">
              <a:buFont typeface="Arial" panose="020B0604020202020204" pitchFamily="34" charset="0"/>
              <a:buChar char="•"/>
            </a:pPr>
            <a:r>
              <a:rPr lang="en-US" sz="2000" dirty="0">
                <a:solidFill>
                  <a:schemeClr val="bg1"/>
                </a:solidFill>
              </a:rPr>
              <a:t>Standardizes and streamlines processes</a:t>
            </a:r>
          </a:p>
          <a:p>
            <a:pPr marL="285750" indent="-285750">
              <a:buFont typeface="Arial" panose="020B0604020202020204" pitchFamily="34" charset="0"/>
              <a:buChar char="•"/>
            </a:pPr>
            <a:r>
              <a:rPr lang="en-US" sz="2000" dirty="0">
                <a:solidFill>
                  <a:schemeClr val="bg1"/>
                </a:solidFill>
              </a:rPr>
              <a:t>Improves operational efficiency</a:t>
            </a:r>
          </a:p>
          <a:p>
            <a:pPr marL="285750" indent="-285750">
              <a:buFont typeface="Arial" panose="020B0604020202020204" pitchFamily="34" charset="0"/>
              <a:buChar char="•"/>
            </a:pPr>
            <a:r>
              <a:rPr lang="en-US" sz="2000" dirty="0">
                <a:solidFill>
                  <a:schemeClr val="bg1"/>
                </a:solidFill>
              </a:rPr>
              <a:t>Enables data-driven decisions</a:t>
            </a:r>
          </a:p>
          <a:p>
            <a:pPr marL="285750" indent="-285750">
              <a:buFont typeface="Arial" panose="020B0604020202020204" pitchFamily="34" charset="0"/>
              <a:buChar char="•"/>
            </a:pPr>
            <a:r>
              <a:rPr lang="en-US" sz="2000" dirty="0">
                <a:solidFill>
                  <a:schemeClr val="bg1"/>
                </a:solidFill>
              </a:rPr>
              <a:t>Enhances student outcomes</a:t>
            </a:r>
          </a:p>
          <a:p>
            <a:pPr marL="285750" indent="-285750">
              <a:buFont typeface="Arial" panose="020B0604020202020204" pitchFamily="34" charset="0"/>
              <a:buChar char="•"/>
            </a:pPr>
            <a:r>
              <a:rPr lang="en-US" sz="2000" dirty="0">
                <a:solidFill>
                  <a:schemeClr val="bg1"/>
                </a:solidFill>
              </a:rPr>
              <a:t>Supports long-term excellence in higher education</a:t>
            </a:r>
          </a:p>
        </p:txBody>
      </p:sp>
      <p:sp>
        <p:nvSpPr>
          <p:cNvPr id="14" name="TextBox 13">
            <a:extLst>
              <a:ext uri="{FF2B5EF4-FFF2-40B4-BE49-F238E27FC236}">
                <a16:creationId xmlns:a16="http://schemas.microsoft.com/office/drawing/2014/main" id="{52661B58-C4D2-CD8E-0222-FD7476F70902}"/>
              </a:ext>
            </a:extLst>
          </p:cNvPr>
          <p:cNvSpPr txBox="1"/>
          <p:nvPr/>
        </p:nvSpPr>
        <p:spPr>
          <a:xfrm>
            <a:off x="2552699" y="4846996"/>
            <a:ext cx="7086600" cy="923330"/>
          </a:xfrm>
          <a:prstGeom prst="rect">
            <a:avLst/>
          </a:prstGeom>
          <a:noFill/>
        </p:spPr>
        <p:txBody>
          <a:bodyPr wrap="square">
            <a:spAutoFit/>
          </a:bodyPr>
          <a:lstStyle/>
          <a:p>
            <a:pPr marL="0" indent="0" algn="ctr">
              <a:buNone/>
            </a:pPr>
            <a:r>
              <a:rPr lang="en-US" sz="1800" i="1" dirty="0">
                <a:solidFill>
                  <a:schemeClr val="bg1"/>
                </a:solidFill>
              </a:rPr>
              <a:t>This transformation will drive consistency, agility, and innovation across all USG institutions – empowering better service delivery and positioning USG as a model for modern higher education systems.</a:t>
            </a:r>
          </a:p>
        </p:txBody>
      </p:sp>
      <p:grpSp>
        <p:nvGrpSpPr>
          <p:cNvPr id="15" name="Group 14">
            <a:extLst>
              <a:ext uri="{FF2B5EF4-FFF2-40B4-BE49-F238E27FC236}">
                <a16:creationId xmlns:a16="http://schemas.microsoft.com/office/drawing/2014/main" id="{634B9A27-BC92-DBF7-5F99-FC619D4DEED0}"/>
              </a:ext>
            </a:extLst>
          </p:cNvPr>
          <p:cNvGrpSpPr/>
          <p:nvPr/>
        </p:nvGrpSpPr>
        <p:grpSpPr>
          <a:xfrm>
            <a:off x="5712025" y="1470141"/>
            <a:ext cx="795657" cy="586962"/>
            <a:chOff x="-427038" y="3409950"/>
            <a:chExt cx="1082676" cy="903288"/>
          </a:xfrm>
          <a:solidFill>
            <a:schemeClr val="bg1"/>
          </a:solidFill>
        </p:grpSpPr>
        <p:sp>
          <p:nvSpPr>
            <p:cNvPr id="16" name="Freeform 14">
              <a:extLst>
                <a:ext uri="{FF2B5EF4-FFF2-40B4-BE49-F238E27FC236}">
                  <a16:creationId xmlns:a16="http://schemas.microsoft.com/office/drawing/2014/main" id="{809DB49B-5AD9-F9E4-448D-FDEE981D0B40}"/>
                </a:ext>
              </a:extLst>
            </p:cNvPr>
            <p:cNvSpPr>
              <a:spLocks noEditPoints="1"/>
            </p:cNvSpPr>
            <p:nvPr/>
          </p:nvSpPr>
          <p:spPr bwMode="auto">
            <a:xfrm>
              <a:off x="-427038" y="3409950"/>
              <a:ext cx="1082676" cy="903288"/>
            </a:xfrm>
            <a:custGeom>
              <a:avLst/>
              <a:gdLst>
                <a:gd name="T0" fmla="*/ 5990 w 6010"/>
                <a:gd name="T1" fmla="*/ 2447 h 5000"/>
                <a:gd name="T2" fmla="*/ 3105 w 6010"/>
                <a:gd name="T3" fmla="*/ 803 h 5000"/>
                <a:gd name="T4" fmla="*/ 3105 w 6010"/>
                <a:gd name="T5" fmla="*/ 0 h 5000"/>
                <a:gd name="T6" fmla="*/ 2905 w 6010"/>
                <a:gd name="T7" fmla="*/ 0 h 5000"/>
                <a:gd name="T8" fmla="*/ 2905 w 6010"/>
                <a:gd name="T9" fmla="*/ 803 h 5000"/>
                <a:gd name="T10" fmla="*/ 20 w 6010"/>
                <a:gd name="T11" fmla="*/ 2447 h 5000"/>
                <a:gd name="T12" fmla="*/ 20 w 6010"/>
                <a:gd name="T13" fmla="*/ 2553 h 5000"/>
                <a:gd name="T14" fmla="*/ 2905 w 6010"/>
                <a:gd name="T15" fmla="*/ 4197 h 5000"/>
                <a:gd name="T16" fmla="*/ 2905 w 6010"/>
                <a:gd name="T17" fmla="*/ 5000 h 5000"/>
                <a:gd name="T18" fmla="*/ 3105 w 6010"/>
                <a:gd name="T19" fmla="*/ 5000 h 5000"/>
                <a:gd name="T20" fmla="*/ 3105 w 6010"/>
                <a:gd name="T21" fmla="*/ 4197 h 5000"/>
                <a:gd name="T22" fmla="*/ 5990 w 6010"/>
                <a:gd name="T23" fmla="*/ 2553 h 5000"/>
                <a:gd name="T24" fmla="*/ 5990 w 6010"/>
                <a:gd name="T25" fmla="*/ 2447 h 5000"/>
                <a:gd name="T26" fmla="*/ 224 w 6010"/>
                <a:gd name="T27" fmla="*/ 2500 h 5000"/>
                <a:gd name="T28" fmla="*/ 1947 w 6010"/>
                <a:gd name="T29" fmla="*/ 1172 h 5000"/>
                <a:gd name="T30" fmla="*/ 1310 w 6010"/>
                <a:gd name="T31" fmla="*/ 2400 h 5000"/>
                <a:gd name="T32" fmla="*/ 505 w 6010"/>
                <a:gd name="T33" fmla="*/ 2400 h 5000"/>
                <a:gd name="T34" fmla="*/ 505 w 6010"/>
                <a:gd name="T35" fmla="*/ 2600 h 5000"/>
                <a:gd name="T36" fmla="*/ 1310 w 6010"/>
                <a:gd name="T37" fmla="*/ 2600 h 5000"/>
                <a:gd name="T38" fmla="*/ 1947 w 6010"/>
                <a:gd name="T39" fmla="*/ 3828 h 5000"/>
                <a:gd name="T40" fmla="*/ 224 w 6010"/>
                <a:gd name="T41" fmla="*/ 2500 h 5000"/>
                <a:gd name="T42" fmla="*/ 2905 w 6010"/>
                <a:gd name="T43" fmla="*/ 3400 h 5000"/>
                <a:gd name="T44" fmla="*/ 2905 w 6010"/>
                <a:gd name="T45" fmla="*/ 3995 h 5000"/>
                <a:gd name="T46" fmla="*/ 1510 w 6010"/>
                <a:gd name="T47" fmla="*/ 2600 h 5000"/>
                <a:gd name="T48" fmla="*/ 2105 w 6010"/>
                <a:gd name="T49" fmla="*/ 2600 h 5000"/>
                <a:gd name="T50" fmla="*/ 2105 w 6010"/>
                <a:gd name="T51" fmla="*/ 2400 h 5000"/>
                <a:gd name="T52" fmla="*/ 1510 w 6010"/>
                <a:gd name="T53" fmla="*/ 2400 h 5000"/>
                <a:gd name="T54" fmla="*/ 2905 w 6010"/>
                <a:gd name="T55" fmla="*/ 1005 h 5000"/>
                <a:gd name="T56" fmla="*/ 2905 w 6010"/>
                <a:gd name="T57" fmla="*/ 1600 h 5000"/>
                <a:gd name="T58" fmla="*/ 3105 w 6010"/>
                <a:gd name="T59" fmla="*/ 1600 h 5000"/>
                <a:gd name="T60" fmla="*/ 3105 w 6010"/>
                <a:gd name="T61" fmla="*/ 1005 h 5000"/>
                <a:gd name="T62" fmla="*/ 4500 w 6010"/>
                <a:gd name="T63" fmla="*/ 2400 h 5000"/>
                <a:gd name="T64" fmla="*/ 3905 w 6010"/>
                <a:gd name="T65" fmla="*/ 2400 h 5000"/>
                <a:gd name="T66" fmla="*/ 3905 w 6010"/>
                <a:gd name="T67" fmla="*/ 2600 h 5000"/>
                <a:gd name="T68" fmla="*/ 4500 w 6010"/>
                <a:gd name="T69" fmla="*/ 2600 h 5000"/>
                <a:gd name="T70" fmla="*/ 3105 w 6010"/>
                <a:gd name="T71" fmla="*/ 3995 h 5000"/>
                <a:gd name="T72" fmla="*/ 3105 w 6010"/>
                <a:gd name="T73" fmla="*/ 3400 h 5000"/>
                <a:gd name="T74" fmla="*/ 2905 w 6010"/>
                <a:gd name="T75" fmla="*/ 3400 h 5000"/>
                <a:gd name="T76" fmla="*/ 5786 w 6010"/>
                <a:gd name="T77" fmla="*/ 2500 h 5000"/>
                <a:gd name="T78" fmla="*/ 4063 w 6010"/>
                <a:gd name="T79" fmla="*/ 3828 h 5000"/>
                <a:gd name="T80" fmla="*/ 4700 w 6010"/>
                <a:gd name="T81" fmla="*/ 2600 h 5000"/>
                <a:gd name="T82" fmla="*/ 5505 w 6010"/>
                <a:gd name="T83" fmla="*/ 2600 h 5000"/>
                <a:gd name="T84" fmla="*/ 5505 w 6010"/>
                <a:gd name="T85" fmla="*/ 2400 h 5000"/>
                <a:gd name="T86" fmla="*/ 4700 w 6010"/>
                <a:gd name="T87" fmla="*/ 2400 h 5000"/>
                <a:gd name="T88" fmla="*/ 4063 w 6010"/>
                <a:gd name="T89" fmla="*/ 1172 h 5000"/>
                <a:gd name="T90" fmla="*/ 5786 w 6010"/>
                <a:gd name="T91" fmla="*/ 2500 h 5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6010" h="5000">
                  <a:moveTo>
                    <a:pt x="5990" y="2447"/>
                  </a:moveTo>
                  <a:cubicBezTo>
                    <a:pt x="5365" y="1450"/>
                    <a:pt x="4281" y="832"/>
                    <a:pt x="3105" y="803"/>
                  </a:cubicBezTo>
                  <a:cubicBezTo>
                    <a:pt x="3105" y="0"/>
                    <a:pt x="3105" y="0"/>
                    <a:pt x="3105" y="0"/>
                  </a:cubicBezTo>
                  <a:cubicBezTo>
                    <a:pt x="2905" y="0"/>
                    <a:pt x="2905" y="0"/>
                    <a:pt x="2905" y="0"/>
                  </a:cubicBezTo>
                  <a:cubicBezTo>
                    <a:pt x="2905" y="803"/>
                    <a:pt x="2905" y="803"/>
                    <a:pt x="2905" y="803"/>
                  </a:cubicBezTo>
                  <a:cubicBezTo>
                    <a:pt x="1729" y="832"/>
                    <a:pt x="645" y="1450"/>
                    <a:pt x="20" y="2447"/>
                  </a:cubicBezTo>
                  <a:cubicBezTo>
                    <a:pt x="0" y="2479"/>
                    <a:pt x="0" y="2521"/>
                    <a:pt x="20" y="2553"/>
                  </a:cubicBezTo>
                  <a:cubicBezTo>
                    <a:pt x="645" y="3550"/>
                    <a:pt x="1729" y="4168"/>
                    <a:pt x="2905" y="4197"/>
                  </a:cubicBezTo>
                  <a:cubicBezTo>
                    <a:pt x="2905" y="5000"/>
                    <a:pt x="2905" y="5000"/>
                    <a:pt x="2905" y="5000"/>
                  </a:cubicBezTo>
                  <a:cubicBezTo>
                    <a:pt x="3105" y="5000"/>
                    <a:pt x="3105" y="5000"/>
                    <a:pt x="3105" y="5000"/>
                  </a:cubicBezTo>
                  <a:cubicBezTo>
                    <a:pt x="3105" y="4197"/>
                    <a:pt x="3105" y="4197"/>
                    <a:pt x="3105" y="4197"/>
                  </a:cubicBezTo>
                  <a:cubicBezTo>
                    <a:pt x="4281" y="4168"/>
                    <a:pt x="5365" y="3550"/>
                    <a:pt x="5990" y="2553"/>
                  </a:cubicBezTo>
                  <a:cubicBezTo>
                    <a:pt x="6010" y="2521"/>
                    <a:pt x="6010" y="2479"/>
                    <a:pt x="5990" y="2447"/>
                  </a:cubicBezTo>
                  <a:close/>
                  <a:moveTo>
                    <a:pt x="224" y="2500"/>
                  </a:moveTo>
                  <a:cubicBezTo>
                    <a:pt x="632" y="1876"/>
                    <a:pt x="1239" y="1408"/>
                    <a:pt x="1947" y="1172"/>
                  </a:cubicBezTo>
                  <a:cubicBezTo>
                    <a:pt x="1570" y="1472"/>
                    <a:pt x="1338" y="1919"/>
                    <a:pt x="1310" y="2400"/>
                  </a:cubicBezTo>
                  <a:cubicBezTo>
                    <a:pt x="505" y="2400"/>
                    <a:pt x="505" y="2400"/>
                    <a:pt x="505" y="2400"/>
                  </a:cubicBezTo>
                  <a:cubicBezTo>
                    <a:pt x="505" y="2600"/>
                    <a:pt x="505" y="2600"/>
                    <a:pt x="505" y="2600"/>
                  </a:cubicBezTo>
                  <a:cubicBezTo>
                    <a:pt x="1310" y="2600"/>
                    <a:pt x="1310" y="2600"/>
                    <a:pt x="1310" y="2600"/>
                  </a:cubicBezTo>
                  <a:cubicBezTo>
                    <a:pt x="1338" y="3081"/>
                    <a:pt x="1570" y="3528"/>
                    <a:pt x="1947" y="3828"/>
                  </a:cubicBezTo>
                  <a:cubicBezTo>
                    <a:pt x="1239" y="3592"/>
                    <a:pt x="632" y="3124"/>
                    <a:pt x="224" y="2500"/>
                  </a:cubicBezTo>
                  <a:close/>
                  <a:moveTo>
                    <a:pt x="2905" y="3400"/>
                  </a:moveTo>
                  <a:cubicBezTo>
                    <a:pt x="2905" y="3995"/>
                    <a:pt x="2905" y="3995"/>
                    <a:pt x="2905" y="3995"/>
                  </a:cubicBezTo>
                  <a:cubicBezTo>
                    <a:pt x="2157" y="3944"/>
                    <a:pt x="1561" y="3348"/>
                    <a:pt x="1510" y="2600"/>
                  </a:cubicBezTo>
                  <a:cubicBezTo>
                    <a:pt x="2105" y="2600"/>
                    <a:pt x="2105" y="2600"/>
                    <a:pt x="2105" y="2600"/>
                  </a:cubicBezTo>
                  <a:cubicBezTo>
                    <a:pt x="2105" y="2400"/>
                    <a:pt x="2105" y="2400"/>
                    <a:pt x="2105" y="2400"/>
                  </a:cubicBezTo>
                  <a:cubicBezTo>
                    <a:pt x="1510" y="2400"/>
                    <a:pt x="1510" y="2400"/>
                    <a:pt x="1510" y="2400"/>
                  </a:cubicBezTo>
                  <a:cubicBezTo>
                    <a:pt x="1561" y="1652"/>
                    <a:pt x="2157" y="1056"/>
                    <a:pt x="2905" y="1005"/>
                  </a:cubicBezTo>
                  <a:cubicBezTo>
                    <a:pt x="2905" y="1600"/>
                    <a:pt x="2905" y="1600"/>
                    <a:pt x="2905" y="1600"/>
                  </a:cubicBezTo>
                  <a:cubicBezTo>
                    <a:pt x="3105" y="1600"/>
                    <a:pt x="3105" y="1600"/>
                    <a:pt x="3105" y="1600"/>
                  </a:cubicBezTo>
                  <a:cubicBezTo>
                    <a:pt x="3105" y="1005"/>
                    <a:pt x="3105" y="1005"/>
                    <a:pt x="3105" y="1005"/>
                  </a:cubicBezTo>
                  <a:cubicBezTo>
                    <a:pt x="3853" y="1056"/>
                    <a:pt x="4449" y="1652"/>
                    <a:pt x="4500" y="2400"/>
                  </a:cubicBezTo>
                  <a:cubicBezTo>
                    <a:pt x="3905" y="2400"/>
                    <a:pt x="3905" y="2400"/>
                    <a:pt x="3905" y="2400"/>
                  </a:cubicBezTo>
                  <a:cubicBezTo>
                    <a:pt x="3905" y="2600"/>
                    <a:pt x="3905" y="2600"/>
                    <a:pt x="3905" y="2600"/>
                  </a:cubicBezTo>
                  <a:cubicBezTo>
                    <a:pt x="4500" y="2600"/>
                    <a:pt x="4500" y="2600"/>
                    <a:pt x="4500" y="2600"/>
                  </a:cubicBezTo>
                  <a:cubicBezTo>
                    <a:pt x="4449" y="3348"/>
                    <a:pt x="3853" y="3944"/>
                    <a:pt x="3105" y="3995"/>
                  </a:cubicBezTo>
                  <a:cubicBezTo>
                    <a:pt x="3105" y="3400"/>
                    <a:pt x="3105" y="3400"/>
                    <a:pt x="3105" y="3400"/>
                  </a:cubicBezTo>
                  <a:lnTo>
                    <a:pt x="2905" y="3400"/>
                  </a:lnTo>
                  <a:close/>
                  <a:moveTo>
                    <a:pt x="5786" y="2500"/>
                  </a:moveTo>
                  <a:cubicBezTo>
                    <a:pt x="5378" y="3124"/>
                    <a:pt x="4771" y="3592"/>
                    <a:pt x="4063" y="3828"/>
                  </a:cubicBezTo>
                  <a:cubicBezTo>
                    <a:pt x="4440" y="3528"/>
                    <a:pt x="4672" y="3081"/>
                    <a:pt x="4700" y="2600"/>
                  </a:cubicBezTo>
                  <a:cubicBezTo>
                    <a:pt x="5505" y="2600"/>
                    <a:pt x="5505" y="2600"/>
                    <a:pt x="5505" y="2600"/>
                  </a:cubicBezTo>
                  <a:cubicBezTo>
                    <a:pt x="5505" y="2400"/>
                    <a:pt x="5505" y="2400"/>
                    <a:pt x="5505" y="2400"/>
                  </a:cubicBezTo>
                  <a:cubicBezTo>
                    <a:pt x="4700" y="2400"/>
                    <a:pt x="4700" y="2400"/>
                    <a:pt x="4700" y="2400"/>
                  </a:cubicBezTo>
                  <a:cubicBezTo>
                    <a:pt x="4672" y="1919"/>
                    <a:pt x="4440" y="1472"/>
                    <a:pt x="4063" y="1172"/>
                  </a:cubicBezTo>
                  <a:cubicBezTo>
                    <a:pt x="4771" y="1408"/>
                    <a:pt x="5378" y="1876"/>
                    <a:pt x="5786" y="25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15">
              <a:extLst>
                <a:ext uri="{FF2B5EF4-FFF2-40B4-BE49-F238E27FC236}">
                  <a16:creationId xmlns:a16="http://schemas.microsoft.com/office/drawing/2014/main" id="{CB211BD9-9FB0-5553-C18E-831CFBA28426}"/>
                </a:ext>
              </a:extLst>
            </p:cNvPr>
            <p:cNvSpPr>
              <a:spLocks noEditPoints="1"/>
            </p:cNvSpPr>
            <p:nvPr/>
          </p:nvSpPr>
          <p:spPr bwMode="auto">
            <a:xfrm>
              <a:off x="-12700" y="3735388"/>
              <a:ext cx="252413" cy="252413"/>
            </a:xfrm>
            <a:custGeom>
              <a:avLst/>
              <a:gdLst>
                <a:gd name="T0" fmla="*/ 700 w 1400"/>
                <a:gd name="T1" fmla="*/ 0 h 1400"/>
                <a:gd name="T2" fmla="*/ 0 w 1400"/>
                <a:gd name="T3" fmla="*/ 700 h 1400"/>
                <a:gd name="T4" fmla="*/ 700 w 1400"/>
                <a:gd name="T5" fmla="*/ 1400 h 1400"/>
                <a:gd name="T6" fmla="*/ 1400 w 1400"/>
                <a:gd name="T7" fmla="*/ 700 h 1400"/>
                <a:gd name="T8" fmla="*/ 700 w 1400"/>
                <a:gd name="T9" fmla="*/ 0 h 1400"/>
                <a:gd name="T10" fmla="*/ 700 w 1400"/>
                <a:gd name="T11" fmla="*/ 1200 h 1400"/>
                <a:gd name="T12" fmla="*/ 200 w 1400"/>
                <a:gd name="T13" fmla="*/ 700 h 1400"/>
                <a:gd name="T14" fmla="*/ 700 w 1400"/>
                <a:gd name="T15" fmla="*/ 200 h 1400"/>
                <a:gd name="T16" fmla="*/ 1200 w 1400"/>
                <a:gd name="T17" fmla="*/ 700 h 1400"/>
                <a:gd name="T18" fmla="*/ 700 w 1400"/>
                <a:gd name="T19" fmla="*/ 1200 h 1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00" h="1400">
                  <a:moveTo>
                    <a:pt x="700" y="0"/>
                  </a:moveTo>
                  <a:cubicBezTo>
                    <a:pt x="313" y="0"/>
                    <a:pt x="0" y="313"/>
                    <a:pt x="0" y="700"/>
                  </a:cubicBezTo>
                  <a:cubicBezTo>
                    <a:pt x="0" y="1086"/>
                    <a:pt x="314" y="1400"/>
                    <a:pt x="700" y="1400"/>
                  </a:cubicBezTo>
                  <a:cubicBezTo>
                    <a:pt x="1087" y="1400"/>
                    <a:pt x="1400" y="1087"/>
                    <a:pt x="1400" y="700"/>
                  </a:cubicBezTo>
                  <a:cubicBezTo>
                    <a:pt x="1400" y="313"/>
                    <a:pt x="1087" y="0"/>
                    <a:pt x="700" y="0"/>
                  </a:cubicBezTo>
                  <a:close/>
                  <a:moveTo>
                    <a:pt x="700" y="1200"/>
                  </a:moveTo>
                  <a:cubicBezTo>
                    <a:pt x="424" y="1200"/>
                    <a:pt x="200" y="976"/>
                    <a:pt x="200" y="700"/>
                  </a:cubicBezTo>
                  <a:cubicBezTo>
                    <a:pt x="200" y="424"/>
                    <a:pt x="424" y="200"/>
                    <a:pt x="700" y="200"/>
                  </a:cubicBezTo>
                  <a:cubicBezTo>
                    <a:pt x="976" y="200"/>
                    <a:pt x="1200" y="424"/>
                    <a:pt x="1200" y="700"/>
                  </a:cubicBezTo>
                  <a:cubicBezTo>
                    <a:pt x="1200" y="976"/>
                    <a:pt x="976" y="1200"/>
                    <a:pt x="700" y="120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6">
              <a:extLst>
                <a:ext uri="{FF2B5EF4-FFF2-40B4-BE49-F238E27FC236}">
                  <a16:creationId xmlns:a16="http://schemas.microsoft.com/office/drawing/2014/main" id="{B67BC675-BA89-7F4D-7822-B8D83259411C}"/>
                </a:ext>
              </a:extLst>
            </p:cNvPr>
            <p:cNvSpPr>
              <a:spLocks/>
            </p:cNvSpPr>
            <p:nvPr/>
          </p:nvSpPr>
          <p:spPr bwMode="auto">
            <a:xfrm>
              <a:off x="-336550" y="3409950"/>
              <a:ext cx="161925" cy="161925"/>
            </a:xfrm>
            <a:custGeom>
              <a:avLst/>
              <a:gdLst>
                <a:gd name="T0" fmla="*/ 100 w 900"/>
                <a:gd name="T1" fmla="*/ 0 h 900"/>
                <a:gd name="T2" fmla="*/ 0 w 900"/>
                <a:gd name="T3" fmla="*/ 100 h 900"/>
                <a:gd name="T4" fmla="*/ 0 w 900"/>
                <a:gd name="T5" fmla="*/ 900 h 900"/>
                <a:gd name="T6" fmla="*/ 200 w 900"/>
                <a:gd name="T7" fmla="*/ 900 h 900"/>
                <a:gd name="T8" fmla="*/ 200 w 900"/>
                <a:gd name="T9" fmla="*/ 200 h 900"/>
                <a:gd name="T10" fmla="*/ 900 w 900"/>
                <a:gd name="T11" fmla="*/ 200 h 900"/>
                <a:gd name="T12" fmla="*/ 900 w 900"/>
                <a:gd name="T13" fmla="*/ 0 h 900"/>
                <a:gd name="T14" fmla="*/ 100 w 900"/>
                <a:gd name="T15" fmla="*/ 0 h 9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0" h="900">
                  <a:moveTo>
                    <a:pt x="100" y="0"/>
                  </a:moveTo>
                  <a:cubicBezTo>
                    <a:pt x="45" y="0"/>
                    <a:pt x="0" y="45"/>
                    <a:pt x="0" y="100"/>
                  </a:cubicBezTo>
                  <a:cubicBezTo>
                    <a:pt x="0" y="900"/>
                    <a:pt x="0" y="900"/>
                    <a:pt x="0" y="900"/>
                  </a:cubicBezTo>
                  <a:cubicBezTo>
                    <a:pt x="200" y="900"/>
                    <a:pt x="200" y="900"/>
                    <a:pt x="200" y="900"/>
                  </a:cubicBezTo>
                  <a:cubicBezTo>
                    <a:pt x="200" y="200"/>
                    <a:pt x="200" y="200"/>
                    <a:pt x="200" y="200"/>
                  </a:cubicBezTo>
                  <a:cubicBezTo>
                    <a:pt x="900" y="200"/>
                    <a:pt x="900" y="200"/>
                    <a:pt x="900" y="200"/>
                  </a:cubicBezTo>
                  <a:cubicBezTo>
                    <a:pt x="900" y="0"/>
                    <a:pt x="900" y="0"/>
                    <a:pt x="900" y="0"/>
                  </a:cubicBezTo>
                  <a:lnTo>
                    <a:pt x="10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a:extLst>
                <a:ext uri="{FF2B5EF4-FFF2-40B4-BE49-F238E27FC236}">
                  <a16:creationId xmlns:a16="http://schemas.microsoft.com/office/drawing/2014/main" id="{5A6A9679-53AF-8A4E-BE82-0B62966E03D1}"/>
                </a:ext>
              </a:extLst>
            </p:cNvPr>
            <p:cNvSpPr>
              <a:spLocks/>
            </p:cNvSpPr>
            <p:nvPr/>
          </p:nvSpPr>
          <p:spPr bwMode="auto">
            <a:xfrm>
              <a:off x="401637" y="3409950"/>
              <a:ext cx="161925" cy="161925"/>
            </a:xfrm>
            <a:custGeom>
              <a:avLst/>
              <a:gdLst>
                <a:gd name="T0" fmla="*/ 800 w 900"/>
                <a:gd name="T1" fmla="*/ 0 h 900"/>
                <a:gd name="T2" fmla="*/ 0 w 900"/>
                <a:gd name="T3" fmla="*/ 0 h 900"/>
                <a:gd name="T4" fmla="*/ 0 w 900"/>
                <a:gd name="T5" fmla="*/ 200 h 900"/>
                <a:gd name="T6" fmla="*/ 700 w 900"/>
                <a:gd name="T7" fmla="*/ 200 h 900"/>
                <a:gd name="T8" fmla="*/ 700 w 900"/>
                <a:gd name="T9" fmla="*/ 900 h 900"/>
                <a:gd name="T10" fmla="*/ 900 w 900"/>
                <a:gd name="T11" fmla="*/ 900 h 900"/>
                <a:gd name="T12" fmla="*/ 900 w 900"/>
                <a:gd name="T13" fmla="*/ 100 h 900"/>
                <a:gd name="T14" fmla="*/ 800 w 900"/>
                <a:gd name="T15" fmla="*/ 0 h 9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0" h="900">
                  <a:moveTo>
                    <a:pt x="800" y="0"/>
                  </a:moveTo>
                  <a:cubicBezTo>
                    <a:pt x="0" y="0"/>
                    <a:pt x="0" y="0"/>
                    <a:pt x="0" y="0"/>
                  </a:cubicBezTo>
                  <a:cubicBezTo>
                    <a:pt x="0" y="200"/>
                    <a:pt x="0" y="200"/>
                    <a:pt x="0" y="200"/>
                  </a:cubicBezTo>
                  <a:cubicBezTo>
                    <a:pt x="700" y="200"/>
                    <a:pt x="700" y="200"/>
                    <a:pt x="700" y="200"/>
                  </a:cubicBezTo>
                  <a:cubicBezTo>
                    <a:pt x="700" y="900"/>
                    <a:pt x="700" y="900"/>
                    <a:pt x="700" y="900"/>
                  </a:cubicBezTo>
                  <a:cubicBezTo>
                    <a:pt x="900" y="900"/>
                    <a:pt x="900" y="900"/>
                    <a:pt x="900" y="900"/>
                  </a:cubicBezTo>
                  <a:cubicBezTo>
                    <a:pt x="900" y="100"/>
                    <a:pt x="900" y="100"/>
                    <a:pt x="900" y="100"/>
                  </a:cubicBezTo>
                  <a:cubicBezTo>
                    <a:pt x="900" y="45"/>
                    <a:pt x="855" y="0"/>
                    <a:pt x="80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a:extLst>
                <a:ext uri="{FF2B5EF4-FFF2-40B4-BE49-F238E27FC236}">
                  <a16:creationId xmlns:a16="http://schemas.microsoft.com/office/drawing/2014/main" id="{9F826801-4457-60EE-3A44-45BA7C58EF95}"/>
                </a:ext>
              </a:extLst>
            </p:cNvPr>
            <p:cNvSpPr>
              <a:spLocks/>
            </p:cNvSpPr>
            <p:nvPr/>
          </p:nvSpPr>
          <p:spPr bwMode="auto">
            <a:xfrm>
              <a:off x="401637" y="4151313"/>
              <a:ext cx="161925" cy="161925"/>
            </a:xfrm>
            <a:custGeom>
              <a:avLst/>
              <a:gdLst>
                <a:gd name="T0" fmla="*/ 700 w 900"/>
                <a:gd name="T1" fmla="*/ 0 h 900"/>
                <a:gd name="T2" fmla="*/ 700 w 900"/>
                <a:gd name="T3" fmla="*/ 700 h 900"/>
                <a:gd name="T4" fmla="*/ 0 w 900"/>
                <a:gd name="T5" fmla="*/ 700 h 900"/>
                <a:gd name="T6" fmla="*/ 0 w 900"/>
                <a:gd name="T7" fmla="*/ 900 h 900"/>
                <a:gd name="T8" fmla="*/ 800 w 900"/>
                <a:gd name="T9" fmla="*/ 900 h 900"/>
                <a:gd name="T10" fmla="*/ 900 w 900"/>
                <a:gd name="T11" fmla="*/ 800 h 900"/>
                <a:gd name="T12" fmla="*/ 900 w 900"/>
                <a:gd name="T13" fmla="*/ 0 h 900"/>
                <a:gd name="T14" fmla="*/ 700 w 900"/>
                <a:gd name="T15" fmla="*/ 0 h 9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0" h="900">
                  <a:moveTo>
                    <a:pt x="700" y="0"/>
                  </a:moveTo>
                  <a:cubicBezTo>
                    <a:pt x="700" y="700"/>
                    <a:pt x="700" y="700"/>
                    <a:pt x="700" y="700"/>
                  </a:cubicBezTo>
                  <a:cubicBezTo>
                    <a:pt x="0" y="700"/>
                    <a:pt x="0" y="700"/>
                    <a:pt x="0" y="700"/>
                  </a:cubicBezTo>
                  <a:cubicBezTo>
                    <a:pt x="0" y="900"/>
                    <a:pt x="0" y="900"/>
                    <a:pt x="0" y="900"/>
                  </a:cubicBezTo>
                  <a:cubicBezTo>
                    <a:pt x="800" y="900"/>
                    <a:pt x="800" y="900"/>
                    <a:pt x="800" y="900"/>
                  </a:cubicBezTo>
                  <a:cubicBezTo>
                    <a:pt x="855" y="900"/>
                    <a:pt x="900" y="855"/>
                    <a:pt x="900" y="800"/>
                  </a:cubicBezTo>
                  <a:cubicBezTo>
                    <a:pt x="900" y="0"/>
                    <a:pt x="900" y="0"/>
                    <a:pt x="900" y="0"/>
                  </a:cubicBezTo>
                  <a:lnTo>
                    <a:pt x="70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9">
              <a:extLst>
                <a:ext uri="{FF2B5EF4-FFF2-40B4-BE49-F238E27FC236}">
                  <a16:creationId xmlns:a16="http://schemas.microsoft.com/office/drawing/2014/main" id="{D4329995-B00F-A9D9-952F-1ECBF00838F6}"/>
                </a:ext>
              </a:extLst>
            </p:cNvPr>
            <p:cNvSpPr>
              <a:spLocks/>
            </p:cNvSpPr>
            <p:nvPr/>
          </p:nvSpPr>
          <p:spPr bwMode="auto">
            <a:xfrm>
              <a:off x="-336550" y="4151313"/>
              <a:ext cx="161925" cy="161925"/>
            </a:xfrm>
            <a:custGeom>
              <a:avLst/>
              <a:gdLst>
                <a:gd name="T0" fmla="*/ 200 w 900"/>
                <a:gd name="T1" fmla="*/ 700 h 900"/>
                <a:gd name="T2" fmla="*/ 200 w 900"/>
                <a:gd name="T3" fmla="*/ 0 h 900"/>
                <a:gd name="T4" fmla="*/ 0 w 900"/>
                <a:gd name="T5" fmla="*/ 0 h 900"/>
                <a:gd name="T6" fmla="*/ 0 w 900"/>
                <a:gd name="T7" fmla="*/ 800 h 900"/>
                <a:gd name="T8" fmla="*/ 100 w 900"/>
                <a:gd name="T9" fmla="*/ 900 h 900"/>
                <a:gd name="T10" fmla="*/ 900 w 900"/>
                <a:gd name="T11" fmla="*/ 900 h 900"/>
                <a:gd name="T12" fmla="*/ 900 w 900"/>
                <a:gd name="T13" fmla="*/ 700 h 900"/>
                <a:gd name="T14" fmla="*/ 200 w 900"/>
                <a:gd name="T15" fmla="*/ 700 h 9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0" h="900">
                  <a:moveTo>
                    <a:pt x="200" y="700"/>
                  </a:moveTo>
                  <a:cubicBezTo>
                    <a:pt x="200" y="0"/>
                    <a:pt x="200" y="0"/>
                    <a:pt x="200" y="0"/>
                  </a:cubicBezTo>
                  <a:cubicBezTo>
                    <a:pt x="0" y="0"/>
                    <a:pt x="0" y="0"/>
                    <a:pt x="0" y="0"/>
                  </a:cubicBezTo>
                  <a:cubicBezTo>
                    <a:pt x="0" y="800"/>
                    <a:pt x="0" y="800"/>
                    <a:pt x="0" y="800"/>
                  </a:cubicBezTo>
                  <a:cubicBezTo>
                    <a:pt x="0" y="855"/>
                    <a:pt x="45" y="900"/>
                    <a:pt x="100" y="900"/>
                  </a:cubicBezTo>
                  <a:cubicBezTo>
                    <a:pt x="900" y="900"/>
                    <a:pt x="900" y="900"/>
                    <a:pt x="900" y="900"/>
                  </a:cubicBezTo>
                  <a:cubicBezTo>
                    <a:pt x="900" y="700"/>
                    <a:pt x="900" y="700"/>
                    <a:pt x="900" y="700"/>
                  </a:cubicBezTo>
                  <a:lnTo>
                    <a:pt x="200" y="70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97534009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8C9CD5-C704-F53C-74E3-DFE33C42BF46}"/>
              </a:ext>
            </a:extLst>
          </p:cNvPr>
          <p:cNvSpPr>
            <a:spLocks noGrp="1"/>
          </p:cNvSpPr>
          <p:nvPr>
            <p:ph type="title"/>
          </p:nvPr>
        </p:nvSpPr>
        <p:spPr/>
        <p:txBody>
          <a:bodyPr>
            <a:normAutofit/>
          </a:bodyPr>
          <a:lstStyle/>
          <a:p>
            <a:r>
              <a:rPr lang="en-US" dirty="0"/>
              <a:t>Unified ERP Guiding Principles</a:t>
            </a:r>
          </a:p>
        </p:txBody>
      </p:sp>
      <p:graphicFrame>
        <p:nvGraphicFramePr>
          <p:cNvPr id="4" name="Content Placeholder 3">
            <a:extLst>
              <a:ext uri="{FF2B5EF4-FFF2-40B4-BE49-F238E27FC236}">
                <a16:creationId xmlns:a16="http://schemas.microsoft.com/office/drawing/2014/main" id="{FD3AE38B-9BAD-A407-E4AD-7C7C1B30AA31}"/>
              </a:ext>
            </a:extLst>
          </p:cNvPr>
          <p:cNvGraphicFramePr>
            <a:graphicFrameLocks noGrp="1"/>
          </p:cNvGraphicFramePr>
          <p:nvPr>
            <p:ph idx="1"/>
          </p:nvPr>
        </p:nvGraphicFramePr>
        <p:xfrm>
          <a:off x="838200" y="1432284"/>
          <a:ext cx="10515600" cy="1833880"/>
        </p:xfrm>
        <a:graphic>
          <a:graphicData uri="http://schemas.openxmlformats.org/drawingml/2006/table">
            <a:tbl>
              <a:tblPr firstRow="1" bandRow="1">
                <a:tableStyleId>{5C22544A-7EE6-4342-B048-85BDC9FD1C3A}</a:tableStyleId>
              </a:tblPr>
              <a:tblGrid>
                <a:gridCol w="5257800">
                  <a:extLst>
                    <a:ext uri="{9D8B030D-6E8A-4147-A177-3AD203B41FA5}">
                      <a16:colId xmlns:a16="http://schemas.microsoft.com/office/drawing/2014/main" val="3381601500"/>
                    </a:ext>
                  </a:extLst>
                </a:gridCol>
                <a:gridCol w="5257800">
                  <a:extLst>
                    <a:ext uri="{9D8B030D-6E8A-4147-A177-3AD203B41FA5}">
                      <a16:colId xmlns:a16="http://schemas.microsoft.com/office/drawing/2014/main" val="330351504"/>
                    </a:ext>
                  </a:extLst>
                </a:gridCol>
              </a:tblGrid>
              <a:tr h="370840">
                <a:tc>
                  <a:txBody>
                    <a:bodyPr/>
                    <a:lstStyle/>
                    <a:p>
                      <a:r>
                        <a:rPr lang="en-US"/>
                        <a:t>Single</a:t>
                      </a:r>
                    </a:p>
                  </a:txBody>
                  <a:tcPr/>
                </a:tc>
                <a:tc>
                  <a:txBody>
                    <a:bodyPr/>
                    <a:lstStyle/>
                    <a:p>
                      <a:r>
                        <a:rPr lang="en-US"/>
                        <a:t>Standard</a:t>
                      </a:r>
                    </a:p>
                  </a:txBody>
                  <a:tcPr/>
                </a:tc>
                <a:extLst>
                  <a:ext uri="{0D108BD9-81ED-4DB2-BD59-A6C34878D82A}">
                    <a16:rowId xmlns:a16="http://schemas.microsoft.com/office/drawing/2014/main" val="2558915968"/>
                  </a:ext>
                </a:extLst>
              </a:tr>
              <a:tr h="370840">
                <a:tc>
                  <a:txBody>
                    <a:bodyPr/>
                    <a:lstStyle/>
                    <a:p>
                      <a:r>
                        <a:rPr lang="en-US"/>
                        <a:t>We are moving toward a unified system that eliminates duplication and fragmentation. Every decision should reinforce the goal of having a single, authoritative source for data and processes.</a:t>
                      </a:r>
                    </a:p>
                  </a:txBody>
                  <a:tcPr/>
                </a:tc>
                <a:tc>
                  <a:txBody>
                    <a:bodyPr/>
                    <a:lstStyle/>
                    <a:p>
                      <a:r>
                        <a:rPr lang="en-US"/>
                        <a:t>Standardization enables efficiency, scalability, and shared best practices. While local needs matter, the default should be to adopt common processes and configurations.</a:t>
                      </a:r>
                    </a:p>
                    <a:p>
                      <a:endParaRPr lang="en-US"/>
                    </a:p>
                  </a:txBody>
                  <a:tcPr/>
                </a:tc>
                <a:extLst>
                  <a:ext uri="{0D108BD9-81ED-4DB2-BD59-A6C34878D82A}">
                    <a16:rowId xmlns:a16="http://schemas.microsoft.com/office/drawing/2014/main" val="2351518805"/>
                  </a:ext>
                </a:extLst>
              </a:tr>
            </a:tbl>
          </a:graphicData>
        </a:graphic>
      </p:graphicFrame>
      <p:graphicFrame>
        <p:nvGraphicFramePr>
          <p:cNvPr id="5" name="Content Placeholder 3">
            <a:extLst>
              <a:ext uri="{FF2B5EF4-FFF2-40B4-BE49-F238E27FC236}">
                <a16:creationId xmlns:a16="http://schemas.microsoft.com/office/drawing/2014/main" id="{EC39A9C9-7757-6468-E3BD-5E5D3C2F2F45}"/>
              </a:ext>
            </a:extLst>
          </p:cNvPr>
          <p:cNvGraphicFramePr>
            <a:graphicFrameLocks/>
          </p:cNvGraphicFramePr>
          <p:nvPr/>
        </p:nvGraphicFramePr>
        <p:xfrm>
          <a:off x="838200" y="3761106"/>
          <a:ext cx="10515600" cy="1833880"/>
        </p:xfrm>
        <a:graphic>
          <a:graphicData uri="http://schemas.openxmlformats.org/drawingml/2006/table">
            <a:tbl>
              <a:tblPr firstRow="1" bandRow="1">
                <a:tableStyleId>{5C22544A-7EE6-4342-B048-85BDC9FD1C3A}</a:tableStyleId>
              </a:tblPr>
              <a:tblGrid>
                <a:gridCol w="5257800">
                  <a:extLst>
                    <a:ext uri="{9D8B030D-6E8A-4147-A177-3AD203B41FA5}">
                      <a16:colId xmlns:a16="http://schemas.microsoft.com/office/drawing/2014/main" val="3381601500"/>
                    </a:ext>
                  </a:extLst>
                </a:gridCol>
                <a:gridCol w="5257800">
                  <a:extLst>
                    <a:ext uri="{9D8B030D-6E8A-4147-A177-3AD203B41FA5}">
                      <a16:colId xmlns:a16="http://schemas.microsoft.com/office/drawing/2014/main" val="330351504"/>
                    </a:ext>
                  </a:extLst>
                </a:gridCol>
              </a:tblGrid>
              <a:tr h="370840">
                <a:tc>
                  <a:txBody>
                    <a:bodyPr/>
                    <a:lstStyle/>
                    <a:p>
                      <a:r>
                        <a:rPr lang="en-US"/>
                        <a:t>Simple</a:t>
                      </a:r>
                    </a:p>
                  </a:txBody>
                  <a:tcPr/>
                </a:tc>
                <a:tc>
                  <a:txBody>
                    <a:bodyPr/>
                    <a:lstStyle/>
                    <a:p>
                      <a:r>
                        <a:rPr lang="en-US"/>
                        <a:t>Success</a:t>
                      </a:r>
                    </a:p>
                  </a:txBody>
                  <a:tcPr/>
                </a:tc>
                <a:extLst>
                  <a:ext uri="{0D108BD9-81ED-4DB2-BD59-A6C34878D82A}">
                    <a16:rowId xmlns:a16="http://schemas.microsoft.com/office/drawing/2014/main" val="2558915968"/>
                  </a:ext>
                </a:extLst>
              </a:tr>
              <a:tr h="370840">
                <a:tc>
                  <a:txBody>
                    <a:bodyPr/>
                    <a:lstStyle/>
                    <a:p>
                      <a:r>
                        <a:rPr lang="en-US"/>
                        <a:t>Complexity creates risk and confusion. Our goal is to design processes and solutions that are easy to understand, use, and maintain.</a:t>
                      </a:r>
                    </a:p>
                    <a:p>
                      <a:endParaRPr lang="en-US"/>
                    </a:p>
                  </a:txBody>
                  <a:tcPr/>
                </a:tc>
                <a:tc>
                  <a:txBody>
                    <a:bodyPr/>
                    <a:lstStyle/>
                    <a:p>
                      <a:r>
                        <a:rPr lang="en-US"/>
                        <a:t>Every decision should move us closer to a successful implementation and long-term sustainability. Success is measured by adoption, usability, and value delivered – not just by going live.</a:t>
                      </a:r>
                    </a:p>
                  </a:txBody>
                  <a:tcPr/>
                </a:tc>
                <a:extLst>
                  <a:ext uri="{0D108BD9-81ED-4DB2-BD59-A6C34878D82A}">
                    <a16:rowId xmlns:a16="http://schemas.microsoft.com/office/drawing/2014/main" val="2351518805"/>
                  </a:ext>
                </a:extLst>
              </a:tr>
            </a:tbl>
          </a:graphicData>
        </a:graphic>
      </p:graphicFrame>
    </p:spTree>
    <p:extLst>
      <p:ext uri="{BB962C8B-B14F-4D97-AF65-F5344CB8AC3E}">
        <p14:creationId xmlns:p14="http://schemas.microsoft.com/office/powerpoint/2010/main" val="410065514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27C7F-BF6E-0315-A757-E0941589C408}"/>
              </a:ext>
            </a:extLst>
          </p:cNvPr>
          <p:cNvSpPr>
            <a:spLocks noGrp="1"/>
          </p:cNvSpPr>
          <p:nvPr>
            <p:ph type="title"/>
          </p:nvPr>
        </p:nvSpPr>
        <p:spPr/>
        <p:txBody>
          <a:bodyPr/>
          <a:lstStyle/>
          <a:p>
            <a:r>
              <a:rPr lang="en-US"/>
              <a:t>Program Scope</a:t>
            </a:r>
          </a:p>
        </p:txBody>
      </p:sp>
      <p:sp>
        <p:nvSpPr>
          <p:cNvPr id="11" name="L-Shape 10">
            <a:extLst>
              <a:ext uri="{FF2B5EF4-FFF2-40B4-BE49-F238E27FC236}">
                <a16:creationId xmlns:a16="http://schemas.microsoft.com/office/drawing/2014/main" id="{CE930E99-5A18-DFCF-A4FC-A625A41ADF6B}"/>
              </a:ext>
            </a:extLst>
          </p:cNvPr>
          <p:cNvSpPr/>
          <p:nvPr/>
        </p:nvSpPr>
        <p:spPr bwMode="gray">
          <a:xfrm>
            <a:off x="1159933" y="2073265"/>
            <a:ext cx="3985010" cy="3588911"/>
          </a:xfrm>
          <a:prstGeom prst="corner">
            <a:avLst>
              <a:gd name="adj1" fmla="val 27522"/>
              <a:gd name="adj2" fmla="val 226407"/>
            </a:avLst>
          </a:prstGeom>
          <a:noFill/>
          <a:ln w="9525" algn="ctr">
            <a:solidFill>
              <a:srgbClr val="000000"/>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000" b="1" i="0" u="none" strike="noStrike" kern="0" cap="none" spc="0" normalizeH="0" baseline="0" noProof="0">
              <a:ln>
                <a:noFill/>
              </a:ln>
              <a:solidFill>
                <a:srgbClr val="FFFFFF"/>
              </a:solidFill>
              <a:effectLst/>
              <a:uLnTx/>
              <a:uFillTx/>
              <a:ea typeface="Verdana" panose="020B0604030504040204" pitchFamily="34" charset="0"/>
              <a:cs typeface="Verdana" panose="020B0604030504040204" pitchFamily="34" charset="0"/>
            </a:endParaRPr>
          </a:p>
        </p:txBody>
      </p:sp>
      <p:sp>
        <p:nvSpPr>
          <p:cNvPr id="12" name="Rectangle 11">
            <a:extLst>
              <a:ext uri="{FF2B5EF4-FFF2-40B4-BE49-F238E27FC236}">
                <a16:creationId xmlns:a16="http://schemas.microsoft.com/office/drawing/2014/main" id="{BD20BE7B-B798-96E8-B2EE-6C315B41A43E}"/>
              </a:ext>
            </a:extLst>
          </p:cNvPr>
          <p:cNvSpPr/>
          <p:nvPr/>
        </p:nvSpPr>
        <p:spPr>
          <a:xfrm>
            <a:off x="2383277" y="1693724"/>
            <a:ext cx="1685552" cy="367188"/>
          </a:xfrm>
          <a:prstGeom prst="rect">
            <a:avLst/>
          </a:prstGeom>
          <a:solidFill>
            <a:srgbClr val="FFFFFF"/>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000000"/>
                </a:solidFill>
                <a:effectLst/>
                <a:uLnTx/>
                <a:uFillTx/>
                <a:ea typeface="Verdana" panose="020B0604030504040204" pitchFamily="34" charset="0"/>
                <a:cs typeface="Verdana" panose="020B0604030504040204" pitchFamily="34" charset="0"/>
              </a:rPr>
              <a:t>Workday HCM</a:t>
            </a:r>
          </a:p>
        </p:txBody>
      </p:sp>
      <p:grpSp>
        <p:nvGrpSpPr>
          <p:cNvPr id="180" name="Group 179">
            <a:extLst>
              <a:ext uri="{FF2B5EF4-FFF2-40B4-BE49-F238E27FC236}">
                <a16:creationId xmlns:a16="http://schemas.microsoft.com/office/drawing/2014/main" id="{24ACF16B-D9A9-FCD5-A1B2-AA8AAD349949}"/>
              </a:ext>
            </a:extLst>
          </p:cNvPr>
          <p:cNvGrpSpPr/>
          <p:nvPr/>
        </p:nvGrpSpPr>
        <p:grpSpPr>
          <a:xfrm>
            <a:off x="1328951" y="3328084"/>
            <a:ext cx="1126892" cy="1020071"/>
            <a:chOff x="3167375" y="1544314"/>
            <a:chExt cx="1126892" cy="1020071"/>
          </a:xfrm>
        </p:grpSpPr>
        <p:sp>
          <p:nvSpPr>
            <p:cNvPr id="20" name="Rectangle 19">
              <a:extLst>
                <a:ext uri="{FF2B5EF4-FFF2-40B4-BE49-F238E27FC236}">
                  <a16:creationId xmlns:a16="http://schemas.microsoft.com/office/drawing/2014/main" id="{7366E922-EA6D-4A3F-59C6-EC3D5AF138E4}"/>
                </a:ext>
              </a:extLst>
            </p:cNvPr>
            <p:cNvSpPr/>
            <p:nvPr/>
          </p:nvSpPr>
          <p:spPr>
            <a:xfrm>
              <a:off x="3167375" y="1544314"/>
              <a:ext cx="1103097" cy="1020071"/>
            </a:xfrm>
            <a:prstGeom prst="rect">
              <a:avLst/>
            </a:prstGeom>
            <a:solidFill>
              <a:srgbClr val="FFFFFF"/>
            </a:solidFill>
            <a:ln w="28575" cap="flat" cmpd="sng" algn="ctr">
              <a:solidFill>
                <a:srgbClr val="00336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21" name="TextBox 20">
              <a:extLst>
                <a:ext uri="{FF2B5EF4-FFF2-40B4-BE49-F238E27FC236}">
                  <a16:creationId xmlns:a16="http://schemas.microsoft.com/office/drawing/2014/main" id="{0BA855D0-6A49-6D51-DB6D-996AE0B461C7}"/>
                </a:ext>
              </a:extLst>
            </p:cNvPr>
            <p:cNvSpPr txBox="1"/>
            <p:nvPr/>
          </p:nvSpPr>
          <p:spPr>
            <a:xfrm>
              <a:off x="3185899" y="2161745"/>
              <a:ext cx="1108368" cy="400110"/>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b="1" kern="0">
                  <a:solidFill>
                    <a:srgbClr val="787878"/>
                  </a:solidFill>
                  <a:ea typeface="Verdana" panose="020B0604030504040204" pitchFamily="34" charset="0"/>
                  <a:cs typeface="Verdana" panose="020B0604030504040204" pitchFamily="34" charset="0"/>
                </a:rPr>
                <a:t>Time &amp; Absence</a:t>
              </a:r>
              <a:endParaRPr kumimoji="0" lang="ro-RO"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endParaRPr>
            </a:p>
          </p:txBody>
        </p:sp>
        <p:grpSp>
          <p:nvGrpSpPr>
            <p:cNvPr id="15" name="Group 324">
              <a:extLst>
                <a:ext uri="{FF2B5EF4-FFF2-40B4-BE49-F238E27FC236}">
                  <a16:creationId xmlns:a16="http://schemas.microsoft.com/office/drawing/2014/main" id="{9A11CC6B-14AE-60CE-D788-E4AE851916FC}"/>
                </a:ext>
              </a:extLst>
            </p:cNvPr>
            <p:cNvGrpSpPr>
              <a:grpSpLocks noChangeAspect="1"/>
            </p:cNvGrpSpPr>
            <p:nvPr/>
          </p:nvGrpSpPr>
          <p:grpSpPr bwMode="auto">
            <a:xfrm>
              <a:off x="3856953" y="1618621"/>
              <a:ext cx="364748" cy="368122"/>
              <a:chOff x="3562" y="1749"/>
              <a:chExt cx="340" cy="341"/>
            </a:xfrm>
            <a:solidFill>
              <a:srgbClr val="003366"/>
            </a:solidFill>
          </p:grpSpPr>
          <p:sp>
            <p:nvSpPr>
              <p:cNvPr id="16" name="Freeform 325">
                <a:extLst>
                  <a:ext uri="{FF2B5EF4-FFF2-40B4-BE49-F238E27FC236}">
                    <a16:creationId xmlns:a16="http://schemas.microsoft.com/office/drawing/2014/main" id="{E417F165-00B4-FA47-589F-4AAD4770A18C}"/>
                  </a:ext>
                </a:extLst>
              </p:cNvPr>
              <p:cNvSpPr>
                <a:spLocks noEditPoints="1"/>
              </p:cNvSpPr>
              <p:nvPr/>
            </p:nvSpPr>
            <p:spPr bwMode="auto">
              <a:xfrm>
                <a:off x="3654" y="1828"/>
                <a:ext cx="156" cy="170"/>
              </a:xfrm>
              <a:custGeom>
                <a:avLst/>
                <a:gdLst>
                  <a:gd name="T0" fmla="*/ 170 w 234"/>
                  <a:gd name="T1" fmla="*/ 0 h 256"/>
                  <a:gd name="T2" fmla="*/ 64 w 234"/>
                  <a:gd name="T3" fmla="*/ 53 h 256"/>
                  <a:gd name="T4" fmla="*/ 0 w 234"/>
                  <a:gd name="T5" fmla="*/ 64 h 256"/>
                  <a:gd name="T6" fmla="*/ 64 w 234"/>
                  <a:gd name="T7" fmla="*/ 256 h 256"/>
                  <a:gd name="T8" fmla="*/ 74 w 234"/>
                  <a:gd name="T9" fmla="*/ 170 h 256"/>
                  <a:gd name="T10" fmla="*/ 170 w 234"/>
                  <a:gd name="T11" fmla="*/ 181 h 256"/>
                  <a:gd name="T12" fmla="*/ 234 w 234"/>
                  <a:gd name="T13" fmla="*/ 256 h 256"/>
                  <a:gd name="T14" fmla="*/ 181 w 234"/>
                  <a:gd name="T15" fmla="*/ 64 h 256"/>
                  <a:gd name="T16" fmla="*/ 32 w 234"/>
                  <a:gd name="T17" fmla="*/ 234 h 256"/>
                  <a:gd name="T18" fmla="*/ 32 w 234"/>
                  <a:gd name="T19" fmla="*/ 213 h 256"/>
                  <a:gd name="T20" fmla="*/ 32 w 234"/>
                  <a:gd name="T21" fmla="*/ 234 h 256"/>
                  <a:gd name="T22" fmla="*/ 21 w 234"/>
                  <a:gd name="T23" fmla="*/ 181 h 256"/>
                  <a:gd name="T24" fmla="*/ 42 w 234"/>
                  <a:gd name="T25" fmla="*/ 181 h 256"/>
                  <a:gd name="T26" fmla="*/ 32 w 234"/>
                  <a:gd name="T27" fmla="*/ 149 h 256"/>
                  <a:gd name="T28" fmla="*/ 32 w 234"/>
                  <a:gd name="T29" fmla="*/ 128 h 256"/>
                  <a:gd name="T30" fmla="*/ 32 w 234"/>
                  <a:gd name="T31" fmla="*/ 149 h 256"/>
                  <a:gd name="T32" fmla="*/ 21 w 234"/>
                  <a:gd name="T33" fmla="*/ 96 h 256"/>
                  <a:gd name="T34" fmla="*/ 42 w 234"/>
                  <a:gd name="T35" fmla="*/ 96 h 256"/>
                  <a:gd name="T36" fmla="*/ 74 w 234"/>
                  <a:gd name="T37" fmla="*/ 149 h 256"/>
                  <a:gd name="T38" fmla="*/ 74 w 234"/>
                  <a:gd name="T39" fmla="*/ 128 h 256"/>
                  <a:gd name="T40" fmla="*/ 74 w 234"/>
                  <a:gd name="T41" fmla="*/ 149 h 256"/>
                  <a:gd name="T42" fmla="*/ 64 w 234"/>
                  <a:gd name="T43" fmla="*/ 96 h 256"/>
                  <a:gd name="T44" fmla="*/ 85 w 234"/>
                  <a:gd name="T45" fmla="*/ 96 h 256"/>
                  <a:gd name="T46" fmla="*/ 117 w 234"/>
                  <a:gd name="T47" fmla="*/ 149 h 256"/>
                  <a:gd name="T48" fmla="*/ 117 w 234"/>
                  <a:gd name="T49" fmla="*/ 128 h 256"/>
                  <a:gd name="T50" fmla="*/ 117 w 234"/>
                  <a:gd name="T51" fmla="*/ 149 h 256"/>
                  <a:gd name="T52" fmla="*/ 128 w 234"/>
                  <a:gd name="T53" fmla="*/ 64 h 256"/>
                  <a:gd name="T54" fmla="*/ 117 w 234"/>
                  <a:gd name="T55" fmla="*/ 85 h 256"/>
                  <a:gd name="T56" fmla="*/ 106 w 234"/>
                  <a:gd name="T57" fmla="*/ 64 h 256"/>
                  <a:gd name="T58" fmla="*/ 85 w 234"/>
                  <a:gd name="T59" fmla="*/ 53 h 256"/>
                  <a:gd name="T60" fmla="*/ 106 w 234"/>
                  <a:gd name="T61" fmla="*/ 42 h 256"/>
                  <a:gd name="T62" fmla="*/ 117 w 234"/>
                  <a:gd name="T63" fmla="*/ 21 h 256"/>
                  <a:gd name="T64" fmla="*/ 128 w 234"/>
                  <a:gd name="T65" fmla="*/ 42 h 256"/>
                  <a:gd name="T66" fmla="*/ 149 w 234"/>
                  <a:gd name="T67" fmla="*/ 53 h 256"/>
                  <a:gd name="T68" fmla="*/ 160 w 234"/>
                  <a:gd name="T69" fmla="*/ 149 h 256"/>
                  <a:gd name="T70" fmla="*/ 160 w 234"/>
                  <a:gd name="T71" fmla="*/ 128 h 256"/>
                  <a:gd name="T72" fmla="*/ 160 w 234"/>
                  <a:gd name="T73" fmla="*/ 149 h 256"/>
                  <a:gd name="T74" fmla="*/ 149 w 234"/>
                  <a:gd name="T75" fmla="*/ 96 h 256"/>
                  <a:gd name="T76" fmla="*/ 170 w 234"/>
                  <a:gd name="T77" fmla="*/ 96 h 256"/>
                  <a:gd name="T78" fmla="*/ 202 w 234"/>
                  <a:gd name="T79" fmla="*/ 85 h 256"/>
                  <a:gd name="T80" fmla="*/ 202 w 234"/>
                  <a:gd name="T81" fmla="*/ 106 h 256"/>
                  <a:gd name="T82" fmla="*/ 202 w 234"/>
                  <a:gd name="T83" fmla="*/ 85 h 256"/>
                  <a:gd name="T84" fmla="*/ 213 w 234"/>
                  <a:gd name="T85" fmla="*/ 138 h 256"/>
                  <a:gd name="T86" fmla="*/ 192 w 234"/>
                  <a:gd name="T87" fmla="*/ 138 h 256"/>
                  <a:gd name="T88" fmla="*/ 202 w 234"/>
                  <a:gd name="T89" fmla="*/ 170 h 256"/>
                  <a:gd name="T90" fmla="*/ 202 w 234"/>
                  <a:gd name="T91" fmla="*/ 192 h 256"/>
                  <a:gd name="T92" fmla="*/ 202 w 234"/>
                  <a:gd name="T93" fmla="*/ 170 h 256"/>
                  <a:gd name="T94" fmla="*/ 213 w 234"/>
                  <a:gd name="T95" fmla="*/ 224 h 256"/>
                  <a:gd name="T96" fmla="*/ 192 w 234"/>
                  <a:gd name="T97" fmla="*/ 22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34" h="256">
                    <a:moveTo>
                      <a:pt x="170" y="53"/>
                    </a:moveTo>
                    <a:cubicBezTo>
                      <a:pt x="170" y="0"/>
                      <a:pt x="170" y="0"/>
                      <a:pt x="170" y="0"/>
                    </a:cubicBezTo>
                    <a:cubicBezTo>
                      <a:pt x="64" y="0"/>
                      <a:pt x="64" y="0"/>
                      <a:pt x="64" y="0"/>
                    </a:cubicBezTo>
                    <a:cubicBezTo>
                      <a:pt x="64" y="53"/>
                      <a:pt x="64" y="53"/>
                      <a:pt x="64" y="53"/>
                    </a:cubicBezTo>
                    <a:cubicBezTo>
                      <a:pt x="64" y="59"/>
                      <a:pt x="59" y="64"/>
                      <a:pt x="53" y="64"/>
                    </a:cubicBezTo>
                    <a:cubicBezTo>
                      <a:pt x="0" y="64"/>
                      <a:pt x="0" y="64"/>
                      <a:pt x="0" y="64"/>
                    </a:cubicBezTo>
                    <a:cubicBezTo>
                      <a:pt x="0" y="256"/>
                      <a:pt x="0" y="256"/>
                      <a:pt x="0" y="256"/>
                    </a:cubicBezTo>
                    <a:cubicBezTo>
                      <a:pt x="64" y="256"/>
                      <a:pt x="64" y="256"/>
                      <a:pt x="64" y="256"/>
                    </a:cubicBezTo>
                    <a:cubicBezTo>
                      <a:pt x="64" y="181"/>
                      <a:pt x="64" y="181"/>
                      <a:pt x="64" y="181"/>
                    </a:cubicBezTo>
                    <a:cubicBezTo>
                      <a:pt x="64" y="175"/>
                      <a:pt x="68" y="170"/>
                      <a:pt x="74" y="170"/>
                    </a:cubicBezTo>
                    <a:cubicBezTo>
                      <a:pt x="160" y="170"/>
                      <a:pt x="160" y="170"/>
                      <a:pt x="160" y="170"/>
                    </a:cubicBezTo>
                    <a:cubicBezTo>
                      <a:pt x="166" y="170"/>
                      <a:pt x="170" y="175"/>
                      <a:pt x="170" y="181"/>
                    </a:cubicBezTo>
                    <a:cubicBezTo>
                      <a:pt x="170" y="256"/>
                      <a:pt x="170" y="256"/>
                      <a:pt x="170" y="256"/>
                    </a:cubicBezTo>
                    <a:cubicBezTo>
                      <a:pt x="234" y="256"/>
                      <a:pt x="234" y="256"/>
                      <a:pt x="234" y="256"/>
                    </a:cubicBezTo>
                    <a:cubicBezTo>
                      <a:pt x="234" y="64"/>
                      <a:pt x="234" y="64"/>
                      <a:pt x="234" y="64"/>
                    </a:cubicBezTo>
                    <a:cubicBezTo>
                      <a:pt x="181" y="64"/>
                      <a:pt x="181" y="64"/>
                      <a:pt x="181" y="64"/>
                    </a:cubicBezTo>
                    <a:cubicBezTo>
                      <a:pt x="175" y="64"/>
                      <a:pt x="170" y="59"/>
                      <a:pt x="170" y="53"/>
                    </a:cubicBezTo>
                    <a:close/>
                    <a:moveTo>
                      <a:pt x="32" y="234"/>
                    </a:moveTo>
                    <a:cubicBezTo>
                      <a:pt x="26" y="234"/>
                      <a:pt x="21" y="230"/>
                      <a:pt x="21" y="224"/>
                    </a:cubicBezTo>
                    <a:cubicBezTo>
                      <a:pt x="21" y="218"/>
                      <a:pt x="26" y="213"/>
                      <a:pt x="32" y="213"/>
                    </a:cubicBezTo>
                    <a:cubicBezTo>
                      <a:pt x="38" y="213"/>
                      <a:pt x="42" y="218"/>
                      <a:pt x="42" y="224"/>
                    </a:cubicBezTo>
                    <a:cubicBezTo>
                      <a:pt x="42" y="230"/>
                      <a:pt x="38" y="234"/>
                      <a:pt x="32" y="234"/>
                    </a:cubicBezTo>
                    <a:close/>
                    <a:moveTo>
                      <a:pt x="32" y="192"/>
                    </a:moveTo>
                    <a:cubicBezTo>
                      <a:pt x="26" y="192"/>
                      <a:pt x="21" y="187"/>
                      <a:pt x="21" y="181"/>
                    </a:cubicBezTo>
                    <a:cubicBezTo>
                      <a:pt x="21" y="175"/>
                      <a:pt x="26" y="170"/>
                      <a:pt x="32" y="170"/>
                    </a:cubicBezTo>
                    <a:cubicBezTo>
                      <a:pt x="38" y="170"/>
                      <a:pt x="42" y="175"/>
                      <a:pt x="42" y="181"/>
                    </a:cubicBezTo>
                    <a:cubicBezTo>
                      <a:pt x="42" y="187"/>
                      <a:pt x="38" y="192"/>
                      <a:pt x="32" y="192"/>
                    </a:cubicBezTo>
                    <a:close/>
                    <a:moveTo>
                      <a:pt x="32" y="149"/>
                    </a:moveTo>
                    <a:cubicBezTo>
                      <a:pt x="26" y="149"/>
                      <a:pt x="21" y="144"/>
                      <a:pt x="21" y="138"/>
                    </a:cubicBezTo>
                    <a:cubicBezTo>
                      <a:pt x="21" y="132"/>
                      <a:pt x="26" y="128"/>
                      <a:pt x="32" y="128"/>
                    </a:cubicBezTo>
                    <a:cubicBezTo>
                      <a:pt x="38" y="128"/>
                      <a:pt x="42" y="132"/>
                      <a:pt x="42" y="138"/>
                    </a:cubicBezTo>
                    <a:cubicBezTo>
                      <a:pt x="42" y="144"/>
                      <a:pt x="38" y="149"/>
                      <a:pt x="32" y="149"/>
                    </a:cubicBezTo>
                    <a:close/>
                    <a:moveTo>
                      <a:pt x="32" y="106"/>
                    </a:moveTo>
                    <a:cubicBezTo>
                      <a:pt x="26" y="106"/>
                      <a:pt x="21" y="102"/>
                      <a:pt x="21" y="96"/>
                    </a:cubicBezTo>
                    <a:cubicBezTo>
                      <a:pt x="21" y="90"/>
                      <a:pt x="26" y="85"/>
                      <a:pt x="32" y="85"/>
                    </a:cubicBezTo>
                    <a:cubicBezTo>
                      <a:pt x="38" y="85"/>
                      <a:pt x="42" y="90"/>
                      <a:pt x="42" y="96"/>
                    </a:cubicBezTo>
                    <a:cubicBezTo>
                      <a:pt x="42" y="102"/>
                      <a:pt x="38" y="106"/>
                      <a:pt x="32" y="106"/>
                    </a:cubicBezTo>
                    <a:close/>
                    <a:moveTo>
                      <a:pt x="74" y="149"/>
                    </a:moveTo>
                    <a:cubicBezTo>
                      <a:pt x="68" y="149"/>
                      <a:pt x="64" y="144"/>
                      <a:pt x="64" y="138"/>
                    </a:cubicBezTo>
                    <a:cubicBezTo>
                      <a:pt x="64" y="132"/>
                      <a:pt x="68" y="128"/>
                      <a:pt x="74" y="128"/>
                    </a:cubicBezTo>
                    <a:cubicBezTo>
                      <a:pt x="80" y="128"/>
                      <a:pt x="85" y="132"/>
                      <a:pt x="85" y="138"/>
                    </a:cubicBezTo>
                    <a:cubicBezTo>
                      <a:pt x="85" y="144"/>
                      <a:pt x="80" y="149"/>
                      <a:pt x="74" y="149"/>
                    </a:cubicBezTo>
                    <a:close/>
                    <a:moveTo>
                      <a:pt x="74" y="106"/>
                    </a:moveTo>
                    <a:cubicBezTo>
                      <a:pt x="68" y="106"/>
                      <a:pt x="64" y="102"/>
                      <a:pt x="64" y="96"/>
                    </a:cubicBezTo>
                    <a:cubicBezTo>
                      <a:pt x="64" y="90"/>
                      <a:pt x="68" y="85"/>
                      <a:pt x="74" y="85"/>
                    </a:cubicBezTo>
                    <a:cubicBezTo>
                      <a:pt x="80" y="85"/>
                      <a:pt x="85" y="90"/>
                      <a:pt x="85" y="96"/>
                    </a:cubicBezTo>
                    <a:cubicBezTo>
                      <a:pt x="85" y="102"/>
                      <a:pt x="80" y="106"/>
                      <a:pt x="74" y="106"/>
                    </a:cubicBezTo>
                    <a:close/>
                    <a:moveTo>
                      <a:pt x="117" y="149"/>
                    </a:moveTo>
                    <a:cubicBezTo>
                      <a:pt x="111" y="149"/>
                      <a:pt x="106" y="144"/>
                      <a:pt x="106" y="138"/>
                    </a:cubicBezTo>
                    <a:cubicBezTo>
                      <a:pt x="106" y="132"/>
                      <a:pt x="111" y="128"/>
                      <a:pt x="117" y="128"/>
                    </a:cubicBezTo>
                    <a:cubicBezTo>
                      <a:pt x="123" y="128"/>
                      <a:pt x="128" y="132"/>
                      <a:pt x="128" y="138"/>
                    </a:cubicBezTo>
                    <a:cubicBezTo>
                      <a:pt x="128" y="144"/>
                      <a:pt x="123" y="149"/>
                      <a:pt x="117" y="149"/>
                    </a:cubicBezTo>
                    <a:close/>
                    <a:moveTo>
                      <a:pt x="138" y="64"/>
                    </a:moveTo>
                    <a:cubicBezTo>
                      <a:pt x="128" y="64"/>
                      <a:pt x="128" y="64"/>
                      <a:pt x="128" y="64"/>
                    </a:cubicBezTo>
                    <a:cubicBezTo>
                      <a:pt x="128" y="74"/>
                      <a:pt x="128" y="74"/>
                      <a:pt x="128" y="74"/>
                    </a:cubicBezTo>
                    <a:cubicBezTo>
                      <a:pt x="128" y="80"/>
                      <a:pt x="123" y="85"/>
                      <a:pt x="117" y="85"/>
                    </a:cubicBezTo>
                    <a:cubicBezTo>
                      <a:pt x="111" y="85"/>
                      <a:pt x="106" y="80"/>
                      <a:pt x="106" y="74"/>
                    </a:cubicBezTo>
                    <a:cubicBezTo>
                      <a:pt x="106" y="64"/>
                      <a:pt x="106" y="64"/>
                      <a:pt x="106" y="64"/>
                    </a:cubicBezTo>
                    <a:cubicBezTo>
                      <a:pt x="96" y="64"/>
                      <a:pt x="96" y="64"/>
                      <a:pt x="96" y="64"/>
                    </a:cubicBezTo>
                    <a:cubicBezTo>
                      <a:pt x="90" y="64"/>
                      <a:pt x="85" y="59"/>
                      <a:pt x="85" y="53"/>
                    </a:cubicBezTo>
                    <a:cubicBezTo>
                      <a:pt x="85" y="47"/>
                      <a:pt x="90" y="42"/>
                      <a:pt x="96" y="42"/>
                    </a:cubicBezTo>
                    <a:cubicBezTo>
                      <a:pt x="106" y="42"/>
                      <a:pt x="106" y="42"/>
                      <a:pt x="106" y="42"/>
                    </a:cubicBezTo>
                    <a:cubicBezTo>
                      <a:pt x="106" y="32"/>
                      <a:pt x="106" y="32"/>
                      <a:pt x="106" y="32"/>
                    </a:cubicBezTo>
                    <a:cubicBezTo>
                      <a:pt x="106" y="26"/>
                      <a:pt x="111" y="21"/>
                      <a:pt x="117" y="21"/>
                    </a:cubicBezTo>
                    <a:cubicBezTo>
                      <a:pt x="123" y="21"/>
                      <a:pt x="128" y="26"/>
                      <a:pt x="128" y="32"/>
                    </a:cubicBezTo>
                    <a:cubicBezTo>
                      <a:pt x="128" y="42"/>
                      <a:pt x="128" y="42"/>
                      <a:pt x="128" y="42"/>
                    </a:cubicBezTo>
                    <a:cubicBezTo>
                      <a:pt x="138" y="42"/>
                      <a:pt x="138" y="42"/>
                      <a:pt x="138" y="42"/>
                    </a:cubicBezTo>
                    <a:cubicBezTo>
                      <a:pt x="144" y="42"/>
                      <a:pt x="149" y="47"/>
                      <a:pt x="149" y="53"/>
                    </a:cubicBezTo>
                    <a:cubicBezTo>
                      <a:pt x="149" y="59"/>
                      <a:pt x="144" y="64"/>
                      <a:pt x="138" y="64"/>
                    </a:cubicBezTo>
                    <a:close/>
                    <a:moveTo>
                      <a:pt x="160" y="149"/>
                    </a:moveTo>
                    <a:cubicBezTo>
                      <a:pt x="154" y="149"/>
                      <a:pt x="149" y="144"/>
                      <a:pt x="149" y="138"/>
                    </a:cubicBezTo>
                    <a:cubicBezTo>
                      <a:pt x="149" y="132"/>
                      <a:pt x="154" y="128"/>
                      <a:pt x="160" y="128"/>
                    </a:cubicBezTo>
                    <a:cubicBezTo>
                      <a:pt x="166" y="128"/>
                      <a:pt x="170" y="132"/>
                      <a:pt x="170" y="138"/>
                    </a:cubicBezTo>
                    <a:cubicBezTo>
                      <a:pt x="170" y="144"/>
                      <a:pt x="166" y="149"/>
                      <a:pt x="160" y="149"/>
                    </a:cubicBezTo>
                    <a:close/>
                    <a:moveTo>
                      <a:pt x="160" y="106"/>
                    </a:moveTo>
                    <a:cubicBezTo>
                      <a:pt x="154" y="106"/>
                      <a:pt x="149" y="102"/>
                      <a:pt x="149" y="96"/>
                    </a:cubicBezTo>
                    <a:cubicBezTo>
                      <a:pt x="149" y="90"/>
                      <a:pt x="154" y="85"/>
                      <a:pt x="160" y="85"/>
                    </a:cubicBezTo>
                    <a:cubicBezTo>
                      <a:pt x="166" y="85"/>
                      <a:pt x="170" y="90"/>
                      <a:pt x="170" y="96"/>
                    </a:cubicBezTo>
                    <a:cubicBezTo>
                      <a:pt x="170" y="102"/>
                      <a:pt x="166" y="106"/>
                      <a:pt x="160" y="106"/>
                    </a:cubicBezTo>
                    <a:close/>
                    <a:moveTo>
                      <a:pt x="202" y="85"/>
                    </a:moveTo>
                    <a:cubicBezTo>
                      <a:pt x="208" y="85"/>
                      <a:pt x="213" y="90"/>
                      <a:pt x="213" y="96"/>
                    </a:cubicBezTo>
                    <a:cubicBezTo>
                      <a:pt x="213" y="102"/>
                      <a:pt x="208" y="106"/>
                      <a:pt x="202" y="106"/>
                    </a:cubicBezTo>
                    <a:cubicBezTo>
                      <a:pt x="196" y="106"/>
                      <a:pt x="192" y="102"/>
                      <a:pt x="192" y="96"/>
                    </a:cubicBezTo>
                    <a:cubicBezTo>
                      <a:pt x="192" y="90"/>
                      <a:pt x="196" y="85"/>
                      <a:pt x="202" y="85"/>
                    </a:cubicBezTo>
                    <a:close/>
                    <a:moveTo>
                      <a:pt x="202" y="128"/>
                    </a:moveTo>
                    <a:cubicBezTo>
                      <a:pt x="208" y="128"/>
                      <a:pt x="213" y="132"/>
                      <a:pt x="213" y="138"/>
                    </a:cubicBezTo>
                    <a:cubicBezTo>
                      <a:pt x="213" y="144"/>
                      <a:pt x="208" y="149"/>
                      <a:pt x="202" y="149"/>
                    </a:cubicBezTo>
                    <a:cubicBezTo>
                      <a:pt x="196" y="149"/>
                      <a:pt x="192" y="144"/>
                      <a:pt x="192" y="138"/>
                    </a:cubicBezTo>
                    <a:cubicBezTo>
                      <a:pt x="192" y="132"/>
                      <a:pt x="196" y="128"/>
                      <a:pt x="202" y="128"/>
                    </a:cubicBezTo>
                    <a:close/>
                    <a:moveTo>
                      <a:pt x="202" y="170"/>
                    </a:moveTo>
                    <a:cubicBezTo>
                      <a:pt x="208" y="170"/>
                      <a:pt x="213" y="175"/>
                      <a:pt x="213" y="181"/>
                    </a:cubicBezTo>
                    <a:cubicBezTo>
                      <a:pt x="213" y="187"/>
                      <a:pt x="208" y="192"/>
                      <a:pt x="202" y="192"/>
                    </a:cubicBezTo>
                    <a:cubicBezTo>
                      <a:pt x="196" y="192"/>
                      <a:pt x="192" y="187"/>
                      <a:pt x="192" y="181"/>
                    </a:cubicBezTo>
                    <a:cubicBezTo>
                      <a:pt x="192" y="175"/>
                      <a:pt x="196" y="170"/>
                      <a:pt x="202" y="170"/>
                    </a:cubicBezTo>
                    <a:close/>
                    <a:moveTo>
                      <a:pt x="202" y="213"/>
                    </a:moveTo>
                    <a:cubicBezTo>
                      <a:pt x="208" y="213"/>
                      <a:pt x="213" y="218"/>
                      <a:pt x="213" y="224"/>
                    </a:cubicBezTo>
                    <a:cubicBezTo>
                      <a:pt x="213" y="230"/>
                      <a:pt x="208" y="234"/>
                      <a:pt x="202" y="234"/>
                    </a:cubicBezTo>
                    <a:cubicBezTo>
                      <a:pt x="196" y="234"/>
                      <a:pt x="192" y="230"/>
                      <a:pt x="192" y="224"/>
                    </a:cubicBezTo>
                    <a:cubicBezTo>
                      <a:pt x="192" y="218"/>
                      <a:pt x="196" y="213"/>
                      <a:pt x="202" y="21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17" name="Rectangle 326">
                <a:extLst>
                  <a:ext uri="{FF2B5EF4-FFF2-40B4-BE49-F238E27FC236}">
                    <a16:creationId xmlns:a16="http://schemas.microsoft.com/office/drawing/2014/main" id="{85FF1004-548A-D1A0-715D-702FF3716266}"/>
                  </a:ext>
                </a:extLst>
              </p:cNvPr>
              <p:cNvSpPr>
                <a:spLocks noChangeArrowheads="1"/>
              </p:cNvSpPr>
              <p:nvPr/>
            </p:nvSpPr>
            <p:spPr bwMode="auto">
              <a:xfrm>
                <a:off x="3739" y="1955"/>
                <a:ext cx="14" cy="4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18" name="Freeform 327">
                <a:extLst>
                  <a:ext uri="{FF2B5EF4-FFF2-40B4-BE49-F238E27FC236}">
                    <a16:creationId xmlns:a16="http://schemas.microsoft.com/office/drawing/2014/main" id="{F5E073A9-A041-CC7B-B914-E7765141EB81}"/>
                  </a:ext>
                </a:extLst>
              </p:cNvPr>
              <p:cNvSpPr>
                <a:spLocks noEditPoints="1"/>
              </p:cNvSpPr>
              <p:nvPr/>
            </p:nvSpPr>
            <p:spPr bwMode="auto">
              <a:xfrm>
                <a:off x="3562" y="1749"/>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5 w 512"/>
                  <a:gd name="T11" fmla="*/ 182 h 512"/>
                  <a:gd name="T12" fmla="*/ 395 w 512"/>
                  <a:gd name="T13" fmla="*/ 384 h 512"/>
                  <a:gd name="T14" fmla="*/ 384 w 512"/>
                  <a:gd name="T15" fmla="*/ 395 h 512"/>
                  <a:gd name="T16" fmla="*/ 128 w 512"/>
                  <a:gd name="T17" fmla="*/ 395 h 512"/>
                  <a:gd name="T18" fmla="*/ 117 w 512"/>
                  <a:gd name="T19" fmla="*/ 384 h 512"/>
                  <a:gd name="T20" fmla="*/ 117 w 512"/>
                  <a:gd name="T21" fmla="*/ 182 h 512"/>
                  <a:gd name="T22" fmla="*/ 107 w 512"/>
                  <a:gd name="T23" fmla="*/ 171 h 512"/>
                  <a:gd name="T24" fmla="*/ 117 w 512"/>
                  <a:gd name="T25" fmla="*/ 160 h 512"/>
                  <a:gd name="T26" fmla="*/ 181 w 512"/>
                  <a:gd name="T27" fmla="*/ 160 h 512"/>
                  <a:gd name="T28" fmla="*/ 181 w 512"/>
                  <a:gd name="T29" fmla="*/ 107 h 512"/>
                  <a:gd name="T30" fmla="*/ 192 w 512"/>
                  <a:gd name="T31" fmla="*/ 96 h 512"/>
                  <a:gd name="T32" fmla="*/ 320 w 512"/>
                  <a:gd name="T33" fmla="*/ 96 h 512"/>
                  <a:gd name="T34" fmla="*/ 331 w 512"/>
                  <a:gd name="T35" fmla="*/ 107 h 512"/>
                  <a:gd name="T36" fmla="*/ 331 w 512"/>
                  <a:gd name="T37" fmla="*/ 160 h 512"/>
                  <a:gd name="T38" fmla="*/ 395 w 512"/>
                  <a:gd name="T39" fmla="*/ 160 h 512"/>
                  <a:gd name="T40" fmla="*/ 405 w 512"/>
                  <a:gd name="T41" fmla="*/ 171 h 512"/>
                  <a:gd name="T42" fmla="*/ 395 w 512"/>
                  <a:gd name="T43"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95" y="182"/>
                    </a:moveTo>
                    <a:cubicBezTo>
                      <a:pt x="395" y="384"/>
                      <a:pt x="395" y="384"/>
                      <a:pt x="395" y="384"/>
                    </a:cubicBezTo>
                    <a:cubicBezTo>
                      <a:pt x="395" y="390"/>
                      <a:pt x="390" y="395"/>
                      <a:pt x="384" y="395"/>
                    </a:cubicBezTo>
                    <a:cubicBezTo>
                      <a:pt x="128" y="395"/>
                      <a:pt x="128" y="395"/>
                      <a:pt x="128" y="395"/>
                    </a:cubicBezTo>
                    <a:cubicBezTo>
                      <a:pt x="122" y="395"/>
                      <a:pt x="117" y="390"/>
                      <a:pt x="117" y="384"/>
                    </a:cubicBezTo>
                    <a:cubicBezTo>
                      <a:pt x="117" y="182"/>
                      <a:pt x="117" y="182"/>
                      <a:pt x="117" y="182"/>
                    </a:cubicBezTo>
                    <a:cubicBezTo>
                      <a:pt x="111" y="182"/>
                      <a:pt x="107" y="177"/>
                      <a:pt x="107" y="171"/>
                    </a:cubicBezTo>
                    <a:cubicBezTo>
                      <a:pt x="107" y="165"/>
                      <a:pt x="111" y="160"/>
                      <a:pt x="117" y="160"/>
                    </a:cubicBezTo>
                    <a:cubicBezTo>
                      <a:pt x="181" y="160"/>
                      <a:pt x="181" y="160"/>
                      <a:pt x="181" y="160"/>
                    </a:cubicBezTo>
                    <a:cubicBezTo>
                      <a:pt x="181" y="107"/>
                      <a:pt x="181" y="107"/>
                      <a:pt x="181" y="107"/>
                    </a:cubicBezTo>
                    <a:cubicBezTo>
                      <a:pt x="181" y="101"/>
                      <a:pt x="186" y="96"/>
                      <a:pt x="192" y="96"/>
                    </a:cubicBezTo>
                    <a:cubicBezTo>
                      <a:pt x="320" y="96"/>
                      <a:pt x="320" y="96"/>
                      <a:pt x="320" y="96"/>
                    </a:cubicBezTo>
                    <a:cubicBezTo>
                      <a:pt x="326" y="96"/>
                      <a:pt x="331" y="101"/>
                      <a:pt x="331" y="107"/>
                    </a:cubicBezTo>
                    <a:cubicBezTo>
                      <a:pt x="331" y="160"/>
                      <a:pt x="331" y="160"/>
                      <a:pt x="331" y="160"/>
                    </a:cubicBezTo>
                    <a:cubicBezTo>
                      <a:pt x="395" y="160"/>
                      <a:pt x="395" y="160"/>
                      <a:pt x="395" y="160"/>
                    </a:cubicBezTo>
                    <a:cubicBezTo>
                      <a:pt x="401" y="160"/>
                      <a:pt x="405" y="165"/>
                      <a:pt x="405" y="171"/>
                    </a:cubicBezTo>
                    <a:cubicBezTo>
                      <a:pt x="405" y="177"/>
                      <a:pt x="401" y="182"/>
                      <a:pt x="395" y="18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19" name="Rectangle 328">
                <a:extLst>
                  <a:ext uri="{FF2B5EF4-FFF2-40B4-BE49-F238E27FC236}">
                    <a16:creationId xmlns:a16="http://schemas.microsoft.com/office/drawing/2014/main" id="{84F857EC-731F-3BC0-32E1-39F5C3C1C248}"/>
                  </a:ext>
                </a:extLst>
              </p:cNvPr>
              <p:cNvSpPr>
                <a:spLocks noChangeArrowheads="1"/>
              </p:cNvSpPr>
              <p:nvPr/>
            </p:nvSpPr>
            <p:spPr bwMode="auto">
              <a:xfrm>
                <a:off x="3711" y="1955"/>
                <a:ext cx="14" cy="4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grpSp>
      </p:grpSp>
      <p:grpSp>
        <p:nvGrpSpPr>
          <p:cNvPr id="189" name="Group 188">
            <a:extLst>
              <a:ext uri="{FF2B5EF4-FFF2-40B4-BE49-F238E27FC236}">
                <a16:creationId xmlns:a16="http://schemas.microsoft.com/office/drawing/2014/main" id="{96012473-BD97-E2B2-70E8-F1CAF09D19C1}"/>
              </a:ext>
            </a:extLst>
          </p:cNvPr>
          <p:cNvGrpSpPr/>
          <p:nvPr/>
        </p:nvGrpSpPr>
        <p:grpSpPr>
          <a:xfrm>
            <a:off x="2576709" y="2190639"/>
            <a:ext cx="1106144" cy="1021516"/>
            <a:chOff x="589001" y="1544314"/>
            <a:chExt cx="1106144" cy="1021516"/>
          </a:xfrm>
        </p:grpSpPr>
        <p:sp>
          <p:nvSpPr>
            <p:cNvPr id="38" name="Rectangle 37">
              <a:extLst>
                <a:ext uri="{FF2B5EF4-FFF2-40B4-BE49-F238E27FC236}">
                  <a16:creationId xmlns:a16="http://schemas.microsoft.com/office/drawing/2014/main" id="{35556BCA-F979-1DBF-11C9-C92F3A4D9C38}"/>
                </a:ext>
              </a:extLst>
            </p:cNvPr>
            <p:cNvSpPr/>
            <p:nvPr/>
          </p:nvSpPr>
          <p:spPr>
            <a:xfrm>
              <a:off x="589001" y="1544314"/>
              <a:ext cx="1103097" cy="1020071"/>
            </a:xfrm>
            <a:prstGeom prst="rect">
              <a:avLst/>
            </a:prstGeom>
            <a:solidFill>
              <a:srgbClr val="FFFFFF"/>
            </a:solidFill>
            <a:ln w="28575" cap="flat" cmpd="sng" algn="ctr">
              <a:solidFill>
                <a:srgbClr val="00336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39" name="TextBox 38">
              <a:extLst>
                <a:ext uri="{FF2B5EF4-FFF2-40B4-BE49-F238E27FC236}">
                  <a16:creationId xmlns:a16="http://schemas.microsoft.com/office/drawing/2014/main" id="{40AA7348-ADFB-08C7-EAA2-A4D0ADDBF0EF}"/>
                </a:ext>
              </a:extLst>
            </p:cNvPr>
            <p:cNvSpPr txBox="1"/>
            <p:nvPr/>
          </p:nvSpPr>
          <p:spPr>
            <a:xfrm>
              <a:off x="607772" y="2011832"/>
              <a:ext cx="1087373" cy="553998"/>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b="1" kern="0">
                  <a:solidFill>
                    <a:srgbClr val="787878"/>
                  </a:solidFill>
                  <a:ea typeface="Verdana" panose="020B0604030504040204" pitchFamily="34" charset="0"/>
                  <a:cs typeface="Verdana" panose="020B0604030504040204" pitchFamily="34" charset="0"/>
                </a:rPr>
                <a:t>Core HCM, Onboarding, &amp; Academics</a:t>
              </a:r>
              <a:endPar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endParaRPr>
            </a:p>
          </p:txBody>
        </p:sp>
        <p:sp>
          <p:nvSpPr>
            <p:cNvPr id="37" name="Freeform 756">
              <a:extLst>
                <a:ext uri="{FF2B5EF4-FFF2-40B4-BE49-F238E27FC236}">
                  <a16:creationId xmlns:a16="http://schemas.microsoft.com/office/drawing/2014/main" id="{894DB6F8-DDAC-50BF-199E-AFA65B53929F}"/>
                </a:ext>
              </a:extLst>
            </p:cNvPr>
            <p:cNvSpPr>
              <a:spLocks noChangeAspect="1" noEditPoints="1"/>
            </p:cNvSpPr>
            <p:nvPr/>
          </p:nvSpPr>
          <p:spPr bwMode="auto">
            <a:xfrm>
              <a:off x="1249930" y="1601293"/>
              <a:ext cx="369676" cy="369676"/>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3366"/>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grpSp>
      <p:grpSp>
        <p:nvGrpSpPr>
          <p:cNvPr id="175" name="Group 174">
            <a:extLst>
              <a:ext uri="{FF2B5EF4-FFF2-40B4-BE49-F238E27FC236}">
                <a16:creationId xmlns:a16="http://schemas.microsoft.com/office/drawing/2014/main" id="{EEB4B766-77CE-CD9B-636E-604A8AA7205F}"/>
              </a:ext>
            </a:extLst>
          </p:cNvPr>
          <p:cNvGrpSpPr/>
          <p:nvPr/>
        </p:nvGrpSpPr>
        <p:grpSpPr>
          <a:xfrm>
            <a:off x="3854769" y="3328555"/>
            <a:ext cx="1169842" cy="1050959"/>
            <a:chOff x="5745750" y="1542607"/>
            <a:chExt cx="1169842" cy="1050959"/>
          </a:xfrm>
        </p:grpSpPr>
        <p:sp>
          <p:nvSpPr>
            <p:cNvPr id="92" name="Rectangle 91">
              <a:extLst>
                <a:ext uri="{FF2B5EF4-FFF2-40B4-BE49-F238E27FC236}">
                  <a16:creationId xmlns:a16="http://schemas.microsoft.com/office/drawing/2014/main" id="{1C7E9DDD-209A-9519-F735-9A5FB89D805F}"/>
                </a:ext>
              </a:extLst>
            </p:cNvPr>
            <p:cNvSpPr/>
            <p:nvPr/>
          </p:nvSpPr>
          <p:spPr>
            <a:xfrm>
              <a:off x="5745750" y="1542607"/>
              <a:ext cx="1114463" cy="1024305"/>
            </a:xfrm>
            <a:prstGeom prst="rect">
              <a:avLst/>
            </a:prstGeom>
            <a:solidFill>
              <a:srgbClr val="FFFFFF"/>
            </a:solidFill>
            <a:ln w="28575" cap="flat" cmpd="sng" algn="ctr">
              <a:solidFill>
                <a:srgbClr val="00336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93" name="TextBox 92">
              <a:extLst>
                <a:ext uri="{FF2B5EF4-FFF2-40B4-BE49-F238E27FC236}">
                  <a16:creationId xmlns:a16="http://schemas.microsoft.com/office/drawing/2014/main" id="{1A1B2BF5-F779-2656-8989-2A99C4B90A72}"/>
                </a:ext>
              </a:extLst>
            </p:cNvPr>
            <p:cNvSpPr txBox="1"/>
            <p:nvPr/>
          </p:nvSpPr>
          <p:spPr>
            <a:xfrm>
              <a:off x="5779888" y="2039568"/>
              <a:ext cx="1135704" cy="553998"/>
            </a:xfrm>
            <a:prstGeom prst="rect">
              <a:avLst/>
            </a:prstGeom>
            <a:noFill/>
            <a:ln>
              <a:noFill/>
            </a:ln>
          </p:spPr>
          <p:txBody>
            <a:bodyPr wrap="square" rtlCol="0">
              <a:spAutoFit/>
            </a:bodyPr>
            <a:lstStyle/>
            <a:p>
              <a:pPr lvl="0" algn="ctr">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Talent Performance &amp; Learning</a:t>
              </a:r>
            </a:p>
          </p:txBody>
        </p:sp>
        <p:sp>
          <p:nvSpPr>
            <p:cNvPr id="94" name="Freeform 806">
              <a:extLst>
                <a:ext uri="{FF2B5EF4-FFF2-40B4-BE49-F238E27FC236}">
                  <a16:creationId xmlns:a16="http://schemas.microsoft.com/office/drawing/2014/main" id="{12F0E1C4-9BC3-9F32-5026-5BDB57B1F970}"/>
                </a:ext>
              </a:extLst>
            </p:cNvPr>
            <p:cNvSpPr>
              <a:spLocks noChangeAspect="1" noEditPoints="1"/>
            </p:cNvSpPr>
            <p:nvPr/>
          </p:nvSpPr>
          <p:spPr bwMode="auto">
            <a:xfrm>
              <a:off x="6446021" y="1606087"/>
              <a:ext cx="373485" cy="369676"/>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rgbClr val="003366"/>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grpSp>
      <p:grpSp>
        <p:nvGrpSpPr>
          <p:cNvPr id="181" name="Group 180">
            <a:extLst>
              <a:ext uri="{FF2B5EF4-FFF2-40B4-BE49-F238E27FC236}">
                <a16:creationId xmlns:a16="http://schemas.microsoft.com/office/drawing/2014/main" id="{B44F6748-29FF-313E-9788-5AB5AE8C735D}"/>
              </a:ext>
            </a:extLst>
          </p:cNvPr>
          <p:cNvGrpSpPr/>
          <p:nvPr/>
        </p:nvGrpSpPr>
        <p:grpSpPr>
          <a:xfrm>
            <a:off x="3844532" y="2190639"/>
            <a:ext cx="1173536" cy="1020071"/>
            <a:chOff x="1856824" y="1544314"/>
            <a:chExt cx="1173536" cy="1020071"/>
          </a:xfrm>
        </p:grpSpPr>
        <p:sp>
          <p:nvSpPr>
            <p:cNvPr id="103" name="Rectangle 102">
              <a:extLst>
                <a:ext uri="{FF2B5EF4-FFF2-40B4-BE49-F238E27FC236}">
                  <a16:creationId xmlns:a16="http://schemas.microsoft.com/office/drawing/2014/main" id="{FACDA552-CB87-4718-3088-16866401390E}"/>
                </a:ext>
              </a:extLst>
            </p:cNvPr>
            <p:cNvSpPr/>
            <p:nvPr/>
          </p:nvSpPr>
          <p:spPr>
            <a:xfrm>
              <a:off x="1878188" y="1544314"/>
              <a:ext cx="1103097" cy="1020071"/>
            </a:xfrm>
            <a:prstGeom prst="rect">
              <a:avLst/>
            </a:prstGeom>
            <a:solidFill>
              <a:srgbClr val="FFFFFF"/>
            </a:solidFill>
            <a:ln w="28575" cap="flat" cmpd="sng" algn="ctr">
              <a:solidFill>
                <a:srgbClr val="00336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104" name="TextBox 103">
              <a:extLst>
                <a:ext uri="{FF2B5EF4-FFF2-40B4-BE49-F238E27FC236}">
                  <a16:creationId xmlns:a16="http://schemas.microsoft.com/office/drawing/2014/main" id="{F3CDB156-4630-0D72-EBE7-052F88DE0BED}"/>
                </a:ext>
              </a:extLst>
            </p:cNvPr>
            <p:cNvSpPr txBox="1"/>
            <p:nvPr/>
          </p:nvSpPr>
          <p:spPr>
            <a:xfrm>
              <a:off x="1856824" y="2274491"/>
              <a:ext cx="1173536" cy="246221"/>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b="1" kern="0">
                  <a:solidFill>
                    <a:srgbClr val="787878"/>
                  </a:solidFill>
                  <a:ea typeface="Verdana" panose="020B0604030504040204" pitchFamily="34" charset="0"/>
                  <a:cs typeface="Verdana" panose="020B0604030504040204" pitchFamily="34" charset="0"/>
                </a:rPr>
                <a:t>Compensation</a:t>
              </a:r>
              <a:endPar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endParaRPr>
            </a:p>
          </p:txBody>
        </p:sp>
        <p:sp>
          <p:nvSpPr>
            <p:cNvPr id="102" name="Freeform 564">
              <a:extLst>
                <a:ext uri="{FF2B5EF4-FFF2-40B4-BE49-F238E27FC236}">
                  <a16:creationId xmlns:a16="http://schemas.microsoft.com/office/drawing/2014/main" id="{9908C184-7B73-D661-42A2-9F82CA47920D}"/>
                </a:ext>
              </a:extLst>
            </p:cNvPr>
            <p:cNvSpPr>
              <a:spLocks noChangeAspect="1" noEditPoints="1"/>
            </p:cNvSpPr>
            <p:nvPr/>
          </p:nvSpPr>
          <p:spPr bwMode="auto">
            <a:xfrm>
              <a:off x="2548010" y="1617350"/>
              <a:ext cx="370106" cy="36902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08 w 512"/>
                <a:gd name="T11" fmla="*/ 357 h 512"/>
                <a:gd name="T12" fmla="*/ 298 w 512"/>
                <a:gd name="T13" fmla="*/ 362 h 512"/>
                <a:gd name="T14" fmla="*/ 293 w 512"/>
                <a:gd name="T15" fmla="*/ 361 h 512"/>
                <a:gd name="T16" fmla="*/ 265 w 512"/>
                <a:gd name="T17" fmla="*/ 356 h 512"/>
                <a:gd name="T18" fmla="*/ 240 w 512"/>
                <a:gd name="T19" fmla="*/ 351 h 512"/>
                <a:gd name="T20" fmla="*/ 219 w 512"/>
                <a:gd name="T21" fmla="*/ 318 h 512"/>
                <a:gd name="T22" fmla="*/ 221 w 512"/>
                <a:gd name="T23" fmla="*/ 290 h 512"/>
                <a:gd name="T24" fmla="*/ 240 w 512"/>
                <a:gd name="T25" fmla="*/ 246 h 512"/>
                <a:gd name="T26" fmla="*/ 235 w 512"/>
                <a:gd name="T27" fmla="*/ 191 h 512"/>
                <a:gd name="T28" fmla="*/ 203 w 512"/>
                <a:gd name="T29" fmla="*/ 177 h 512"/>
                <a:gd name="T30" fmla="*/ 170 w 512"/>
                <a:gd name="T31" fmla="*/ 191 h 512"/>
                <a:gd name="T32" fmla="*/ 165 w 512"/>
                <a:gd name="T33" fmla="*/ 246 h 512"/>
                <a:gd name="T34" fmla="*/ 184 w 512"/>
                <a:gd name="T35" fmla="*/ 290 h 512"/>
                <a:gd name="T36" fmla="*/ 185 w 512"/>
                <a:gd name="T37" fmla="*/ 318 h 512"/>
                <a:gd name="T38" fmla="*/ 164 w 512"/>
                <a:gd name="T39" fmla="*/ 351 h 512"/>
                <a:gd name="T40" fmla="*/ 139 w 512"/>
                <a:gd name="T41" fmla="*/ 356 h 512"/>
                <a:gd name="T42" fmla="*/ 111 w 512"/>
                <a:gd name="T43" fmla="*/ 361 h 512"/>
                <a:gd name="T44" fmla="*/ 97 w 512"/>
                <a:gd name="T45" fmla="*/ 357 h 512"/>
                <a:gd name="T46" fmla="*/ 101 w 512"/>
                <a:gd name="T47" fmla="*/ 342 h 512"/>
                <a:gd name="T48" fmla="*/ 137 w 512"/>
                <a:gd name="T49" fmla="*/ 334 h 512"/>
                <a:gd name="T50" fmla="*/ 155 w 512"/>
                <a:gd name="T51" fmla="*/ 331 h 512"/>
                <a:gd name="T52" fmla="*/ 166 w 512"/>
                <a:gd name="T53" fmla="*/ 302 h 512"/>
                <a:gd name="T54" fmla="*/ 144 w 512"/>
                <a:gd name="T55" fmla="*/ 251 h 512"/>
                <a:gd name="T56" fmla="*/ 153 w 512"/>
                <a:gd name="T57" fmla="*/ 177 h 512"/>
                <a:gd name="T58" fmla="*/ 203 w 512"/>
                <a:gd name="T59" fmla="*/ 155 h 512"/>
                <a:gd name="T60" fmla="*/ 251 w 512"/>
                <a:gd name="T61" fmla="*/ 177 h 512"/>
                <a:gd name="T62" fmla="*/ 261 w 512"/>
                <a:gd name="T63" fmla="*/ 251 h 512"/>
                <a:gd name="T64" fmla="*/ 239 w 512"/>
                <a:gd name="T65" fmla="*/ 302 h 512"/>
                <a:gd name="T66" fmla="*/ 250 w 512"/>
                <a:gd name="T67" fmla="*/ 331 h 512"/>
                <a:gd name="T68" fmla="*/ 267 w 512"/>
                <a:gd name="T69" fmla="*/ 334 h 512"/>
                <a:gd name="T70" fmla="*/ 303 w 512"/>
                <a:gd name="T71" fmla="*/ 342 h 512"/>
                <a:gd name="T72" fmla="*/ 308 w 512"/>
                <a:gd name="T73" fmla="*/ 357 h 512"/>
                <a:gd name="T74" fmla="*/ 405 w 512"/>
                <a:gd name="T75" fmla="*/ 288 h 512"/>
                <a:gd name="T76" fmla="*/ 298 w 512"/>
                <a:gd name="T77" fmla="*/ 288 h 512"/>
                <a:gd name="T78" fmla="*/ 288 w 512"/>
                <a:gd name="T79" fmla="*/ 277 h 512"/>
                <a:gd name="T80" fmla="*/ 298 w 512"/>
                <a:gd name="T81" fmla="*/ 266 h 512"/>
                <a:gd name="T82" fmla="*/ 405 w 512"/>
                <a:gd name="T83" fmla="*/ 266 h 512"/>
                <a:gd name="T84" fmla="*/ 416 w 512"/>
                <a:gd name="T85" fmla="*/ 277 h 512"/>
                <a:gd name="T86" fmla="*/ 405 w 512"/>
                <a:gd name="T87" fmla="*/ 288 h 512"/>
                <a:gd name="T88" fmla="*/ 405 w 512"/>
                <a:gd name="T89" fmla="*/ 245 h 512"/>
                <a:gd name="T90" fmla="*/ 298 w 512"/>
                <a:gd name="T91" fmla="*/ 245 h 512"/>
                <a:gd name="T92" fmla="*/ 288 w 512"/>
                <a:gd name="T93" fmla="*/ 234 h 512"/>
                <a:gd name="T94" fmla="*/ 298 w 512"/>
                <a:gd name="T95" fmla="*/ 224 h 512"/>
                <a:gd name="T96" fmla="*/ 405 w 512"/>
                <a:gd name="T97" fmla="*/ 224 h 512"/>
                <a:gd name="T98" fmla="*/ 416 w 512"/>
                <a:gd name="T99" fmla="*/ 234 h 512"/>
                <a:gd name="T100" fmla="*/ 405 w 512"/>
                <a:gd name="T101" fmla="*/ 245 h 512"/>
                <a:gd name="T102" fmla="*/ 405 w 512"/>
                <a:gd name="T103" fmla="*/ 202 h 512"/>
                <a:gd name="T104" fmla="*/ 298 w 512"/>
                <a:gd name="T105" fmla="*/ 202 h 512"/>
                <a:gd name="T106" fmla="*/ 288 w 512"/>
                <a:gd name="T107" fmla="*/ 192 h 512"/>
                <a:gd name="T108" fmla="*/ 298 w 512"/>
                <a:gd name="T109" fmla="*/ 181 h 512"/>
                <a:gd name="T110" fmla="*/ 405 w 512"/>
                <a:gd name="T111" fmla="*/ 181 h 512"/>
                <a:gd name="T112" fmla="*/ 416 w 512"/>
                <a:gd name="T113" fmla="*/ 192 h 512"/>
                <a:gd name="T114" fmla="*/ 405 w 512"/>
                <a:gd name="T11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7"/>
                  </a:moveTo>
                  <a:cubicBezTo>
                    <a:pt x="306" y="360"/>
                    <a:pt x="302" y="362"/>
                    <a:pt x="298" y="362"/>
                  </a:cubicBezTo>
                  <a:cubicBezTo>
                    <a:pt x="296" y="362"/>
                    <a:pt x="295" y="362"/>
                    <a:pt x="293" y="361"/>
                  </a:cubicBezTo>
                  <a:cubicBezTo>
                    <a:pt x="286" y="357"/>
                    <a:pt x="275" y="356"/>
                    <a:pt x="265" y="356"/>
                  </a:cubicBezTo>
                  <a:cubicBezTo>
                    <a:pt x="255" y="355"/>
                    <a:pt x="247" y="354"/>
                    <a:pt x="240" y="351"/>
                  </a:cubicBezTo>
                  <a:cubicBezTo>
                    <a:pt x="227" y="344"/>
                    <a:pt x="221" y="324"/>
                    <a:pt x="219" y="318"/>
                  </a:cubicBezTo>
                  <a:cubicBezTo>
                    <a:pt x="217" y="309"/>
                    <a:pt x="216" y="297"/>
                    <a:pt x="221" y="290"/>
                  </a:cubicBezTo>
                  <a:cubicBezTo>
                    <a:pt x="228" y="280"/>
                    <a:pt x="236" y="261"/>
                    <a:pt x="240" y="246"/>
                  </a:cubicBezTo>
                  <a:cubicBezTo>
                    <a:pt x="246" y="221"/>
                    <a:pt x="244" y="202"/>
                    <a:pt x="235" y="191"/>
                  </a:cubicBezTo>
                  <a:cubicBezTo>
                    <a:pt x="223" y="176"/>
                    <a:pt x="203" y="176"/>
                    <a:pt x="203" y="177"/>
                  </a:cubicBezTo>
                  <a:cubicBezTo>
                    <a:pt x="202" y="176"/>
                    <a:pt x="181" y="176"/>
                    <a:pt x="170" y="191"/>
                  </a:cubicBezTo>
                  <a:cubicBezTo>
                    <a:pt x="160" y="202"/>
                    <a:pt x="159" y="221"/>
                    <a:pt x="165" y="246"/>
                  </a:cubicBezTo>
                  <a:cubicBezTo>
                    <a:pt x="168" y="261"/>
                    <a:pt x="176" y="280"/>
                    <a:pt x="184" y="290"/>
                  </a:cubicBezTo>
                  <a:cubicBezTo>
                    <a:pt x="189" y="297"/>
                    <a:pt x="187" y="309"/>
                    <a:pt x="185" y="318"/>
                  </a:cubicBezTo>
                  <a:cubicBezTo>
                    <a:pt x="184" y="324"/>
                    <a:pt x="178" y="344"/>
                    <a:pt x="164" y="351"/>
                  </a:cubicBezTo>
                  <a:cubicBezTo>
                    <a:pt x="158" y="354"/>
                    <a:pt x="149" y="355"/>
                    <a:pt x="139" y="356"/>
                  </a:cubicBezTo>
                  <a:cubicBezTo>
                    <a:pt x="129" y="356"/>
                    <a:pt x="118" y="357"/>
                    <a:pt x="111" y="361"/>
                  </a:cubicBezTo>
                  <a:cubicBezTo>
                    <a:pt x="106" y="364"/>
                    <a:pt x="100" y="362"/>
                    <a:pt x="97" y="357"/>
                  </a:cubicBezTo>
                  <a:cubicBezTo>
                    <a:pt x="94" y="351"/>
                    <a:pt x="96" y="345"/>
                    <a:pt x="101" y="342"/>
                  </a:cubicBezTo>
                  <a:cubicBezTo>
                    <a:pt x="112" y="337"/>
                    <a:pt x="125" y="335"/>
                    <a:pt x="137" y="334"/>
                  </a:cubicBezTo>
                  <a:cubicBezTo>
                    <a:pt x="144" y="334"/>
                    <a:pt x="152" y="333"/>
                    <a:pt x="155" y="331"/>
                  </a:cubicBezTo>
                  <a:cubicBezTo>
                    <a:pt x="161" y="328"/>
                    <a:pt x="167" y="308"/>
                    <a:pt x="166" y="302"/>
                  </a:cubicBezTo>
                  <a:cubicBezTo>
                    <a:pt x="157" y="289"/>
                    <a:pt x="148" y="269"/>
                    <a:pt x="144" y="251"/>
                  </a:cubicBezTo>
                  <a:cubicBezTo>
                    <a:pt x="136" y="219"/>
                    <a:pt x="139" y="194"/>
                    <a:pt x="153" y="177"/>
                  </a:cubicBezTo>
                  <a:cubicBezTo>
                    <a:pt x="172" y="155"/>
                    <a:pt x="201" y="155"/>
                    <a:pt x="203" y="155"/>
                  </a:cubicBezTo>
                  <a:cubicBezTo>
                    <a:pt x="203" y="155"/>
                    <a:pt x="233" y="155"/>
                    <a:pt x="251" y="177"/>
                  </a:cubicBezTo>
                  <a:cubicBezTo>
                    <a:pt x="265" y="194"/>
                    <a:pt x="268" y="219"/>
                    <a:pt x="261" y="251"/>
                  </a:cubicBezTo>
                  <a:cubicBezTo>
                    <a:pt x="256" y="269"/>
                    <a:pt x="247" y="289"/>
                    <a:pt x="239" y="302"/>
                  </a:cubicBezTo>
                  <a:cubicBezTo>
                    <a:pt x="237" y="308"/>
                    <a:pt x="243" y="328"/>
                    <a:pt x="250" y="331"/>
                  </a:cubicBezTo>
                  <a:cubicBezTo>
                    <a:pt x="252" y="333"/>
                    <a:pt x="260" y="334"/>
                    <a:pt x="267" y="334"/>
                  </a:cubicBezTo>
                  <a:cubicBezTo>
                    <a:pt x="279" y="335"/>
                    <a:pt x="293" y="337"/>
                    <a:pt x="303" y="342"/>
                  </a:cubicBezTo>
                  <a:cubicBezTo>
                    <a:pt x="308" y="345"/>
                    <a:pt x="310" y="351"/>
                    <a:pt x="308" y="357"/>
                  </a:cubicBezTo>
                  <a:close/>
                  <a:moveTo>
                    <a:pt x="405" y="288"/>
                  </a:moveTo>
                  <a:cubicBezTo>
                    <a:pt x="298" y="288"/>
                    <a:pt x="298" y="288"/>
                    <a:pt x="298" y="288"/>
                  </a:cubicBezTo>
                  <a:cubicBezTo>
                    <a:pt x="292" y="288"/>
                    <a:pt x="288" y="283"/>
                    <a:pt x="288" y="277"/>
                  </a:cubicBezTo>
                  <a:cubicBezTo>
                    <a:pt x="288" y="271"/>
                    <a:pt x="292" y="266"/>
                    <a:pt x="298" y="266"/>
                  </a:cubicBezTo>
                  <a:cubicBezTo>
                    <a:pt x="405" y="266"/>
                    <a:pt x="405" y="266"/>
                    <a:pt x="405" y="266"/>
                  </a:cubicBezTo>
                  <a:cubicBezTo>
                    <a:pt x="411" y="266"/>
                    <a:pt x="416" y="271"/>
                    <a:pt x="416" y="277"/>
                  </a:cubicBezTo>
                  <a:cubicBezTo>
                    <a:pt x="416" y="283"/>
                    <a:pt x="411" y="288"/>
                    <a:pt x="405" y="288"/>
                  </a:cubicBezTo>
                  <a:close/>
                  <a:moveTo>
                    <a:pt x="405" y="245"/>
                  </a:moveTo>
                  <a:cubicBezTo>
                    <a:pt x="298" y="245"/>
                    <a:pt x="298" y="245"/>
                    <a:pt x="298" y="245"/>
                  </a:cubicBezTo>
                  <a:cubicBezTo>
                    <a:pt x="292" y="245"/>
                    <a:pt x="288" y="240"/>
                    <a:pt x="288" y="234"/>
                  </a:cubicBezTo>
                  <a:cubicBezTo>
                    <a:pt x="288" y="228"/>
                    <a:pt x="292" y="224"/>
                    <a:pt x="298" y="224"/>
                  </a:cubicBezTo>
                  <a:cubicBezTo>
                    <a:pt x="405" y="224"/>
                    <a:pt x="405" y="224"/>
                    <a:pt x="405" y="224"/>
                  </a:cubicBezTo>
                  <a:cubicBezTo>
                    <a:pt x="411" y="224"/>
                    <a:pt x="416" y="228"/>
                    <a:pt x="416" y="234"/>
                  </a:cubicBezTo>
                  <a:cubicBezTo>
                    <a:pt x="416" y="240"/>
                    <a:pt x="411" y="245"/>
                    <a:pt x="405" y="245"/>
                  </a:cubicBezTo>
                  <a:close/>
                  <a:moveTo>
                    <a:pt x="405" y="202"/>
                  </a:moveTo>
                  <a:cubicBezTo>
                    <a:pt x="298" y="202"/>
                    <a:pt x="298" y="202"/>
                    <a:pt x="298" y="202"/>
                  </a:cubicBezTo>
                  <a:cubicBezTo>
                    <a:pt x="292" y="202"/>
                    <a:pt x="288" y="198"/>
                    <a:pt x="288" y="192"/>
                  </a:cubicBezTo>
                  <a:cubicBezTo>
                    <a:pt x="288" y="186"/>
                    <a:pt x="292" y="181"/>
                    <a:pt x="298" y="181"/>
                  </a:cubicBezTo>
                  <a:cubicBezTo>
                    <a:pt x="405" y="181"/>
                    <a:pt x="405" y="181"/>
                    <a:pt x="405" y="181"/>
                  </a:cubicBezTo>
                  <a:cubicBezTo>
                    <a:pt x="411" y="181"/>
                    <a:pt x="416" y="186"/>
                    <a:pt x="416" y="192"/>
                  </a:cubicBezTo>
                  <a:cubicBezTo>
                    <a:pt x="416" y="198"/>
                    <a:pt x="411" y="202"/>
                    <a:pt x="405" y="202"/>
                  </a:cubicBezTo>
                  <a:close/>
                </a:path>
              </a:pathLst>
            </a:custGeom>
            <a:solidFill>
              <a:srgbClr val="003366"/>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grpSp>
      <p:grpSp>
        <p:nvGrpSpPr>
          <p:cNvPr id="176" name="Group 175">
            <a:extLst>
              <a:ext uri="{FF2B5EF4-FFF2-40B4-BE49-F238E27FC236}">
                <a16:creationId xmlns:a16="http://schemas.microsoft.com/office/drawing/2014/main" id="{264FD51B-E550-4358-9D64-E1ABD6C11E54}"/>
              </a:ext>
            </a:extLst>
          </p:cNvPr>
          <p:cNvGrpSpPr/>
          <p:nvPr/>
        </p:nvGrpSpPr>
        <p:grpSpPr>
          <a:xfrm>
            <a:off x="3865663" y="4437542"/>
            <a:ext cx="1128567" cy="1024305"/>
            <a:chOff x="4456562" y="1544314"/>
            <a:chExt cx="1128567" cy="1024305"/>
          </a:xfrm>
        </p:grpSpPr>
        <p:sp>
          <p:nvSpPr>
            <p:cNvPr id="32" name="Rectangle 31">
              <a:extLst>
                <a:ext uri="{FF2B5EF4-FFF2-40B4-BE49-F238E27FC236}">
                  <a16:creationId xmlns:a16="http://schemas.microsoft.com/office/drawing/2014/main" id="{C7149A47-CF8C-8926-A288-CAF73684005D}"/>
                </a:ext>
              </a:extLst>
            </p:cNvPr>
            <p:cNvSpPr/>
            <p:nvPr/>
          </p:nvSpPr>
          <p:spPr>
            <a:xfrm>
              <a:off x="4456562" y="1544314"/>
              <a:ext cx="1103098" cy="1024305"/>
            </a:xfrm>
            <a:prstGeom prst="rect">
              <a:avLst/>
            </a:prstGeom>
            <a:solidFill>
              <a:srgbClr val="FFFFFF"/>
            </a:solidFill>
            <a:ln w="28575" cap="flat" cmpd="sng" algn="ctr">
              <a:solidFill>
                <a:srgbClr val="00336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34" name="Freeform 606">
              <a:extLst>
                <a:ext uri="{FF2B5EF4-FFF2-40B4-BE49-F238E27FC236}">
                  <a16:creationId xmlns:a16="http://schemas.microsoft.com/office/drawing/2014/main" id="{16E5074B-197C-B480-A1F9-5898E42139B5}"/>
                </a:ext>
              </a:extLst>
            </p:cNvPr>
            <p:cNvSpPr>
              <a:spLocks noChangeAspect="1" noEditPoints="1"/>
            </p:cNvSpPr>
            <p:nvPr/>
          </p:nvSpPr>
          <p:spPr bwMode="auto">
            <a:xfrm>
              <a:off x="5181665" y="1619222"/>
              <a:ext cx="367982" cy="367982"/>
            </a:xfrm>
            <a:custGeom>
              <a:avLst/>
              <a:gdLst>
                <a:gd name="T0" fmla="*/ 330 w 512"/>
                <a:gd name="T1" fmla="*/ 117 h 512"/>
                <a:gd name="T2" fmla="*/ 352 w 512"/>
                <a:gd name="T3" fmla="*/ 117 h 512"/>
                <a:gd name="T4" fmla="*/ 352 w 512"/>
                <a:gd name="T5" fmla="*/ 394 h 512"/>
                <a:gd name="T6" fmla="*/ 160 w 512"/>
                <a:gd name="T7" fmla="*/ 394 h 512"/>
                <a:gd name="T8" fmla="*/ 160 w 512"/>
                <a:gd name="T9" fmla="*/ 117 h 512"/>
                <a:gd name="T10" fmla="*/ 245 w 512"/>
                <a:gd name="T11" fmla="*/ 117 h 512"/>
                <a:gd name="T12" fmla="*/ 245 w 512"/>
                <a:gd name="T13" fmla="*/ 288 h 512"/>
                <a:gd name="T14" fmla="*/ 252 w 512"/>
                <a:gd name="T15" fmla="*/ 298 h 512"/>
                <a:gd name="T16" fmla="*/ 263 w 512"/>
                <a:gd name="T17" fmla="*/ 295 h 512"/>
                <a:gd name="T18" fmla="*/ 288 w 512"/>
                <a:gd name="T19" fmla="*/ 271 h 512"/>
                <a:gd name="T20" fmla="*/ 312 w 512"/>
                <a:gd name="T21" fmla="*/ 295 h 512"/>
                <a:gd name="T22" fmla="*/ 320 w 512"/>
                <a:gd name="T23" fmla="*/ 298 h 512"/>
                <a:gd name="T24" fmla="*/ 324 w 512"/>
                <a:gd name="T25" fmla="*/ 298 h 512"/>
                <a:gd name="T26" fmla="*/ 330 w 512"/>
                <a:gd name="T27" fmla="*/ 288 h 512"/>
                <a:gd name="T28" fmla="*/ 330 w 512"/>
                <a:gd name="T29" fmla="*/ 117 h 512"/>
                <a:gd name="T30" fmla="*/ 295 w 512"/>
                <a:gd name="T31" fmla="*/ 248 h 512"/>
                <a:gd name="T32" fmla="*/ 309 w 512"/>
                <a:gd name="T33" fmla="*/ 262 h 512"/>
                <a:gd name="T34" fmla="*/ 309 w 512"/>
                <a:gd name="T35" fmla="*/ 117 h 512"/>
                <a:gd name="T36" fmla="*/ 266 w 512"/>
                <a:gd name="T37" fmla="*/ 117 h 512"/>
                <a:gd name="T38" fmla="*/ 266 w 512"/>
                <a:gd name="T39" fmla="*/ 262 h 512"/>
                <a:gd name="T40" fmla="*/ 280 w 512"/>
                <a:gd name="T41" fmla="*/ 248 h 512"/>
                <a:gd name="T42" fmla="*/ 295 w 512"/>
                <a:gd name="T43" fmla="*/ 248 h 512"/>
                <a:gd name="T44" fmla="*/ 512 w 512"/>
                <a:gd name="T45" fmla="*/ 256 h 512"/>
                <a:gd name="T46" fmla="*/ 256 w 512"/>
                <a:gd name="T47" fmla="*/ 512 h 512"/>
                <a:gd name="T48" fmla="*/ 0 w 512"/>
                <a:gd name="T49" fmla="*/ 256 h 512"/>
                <a:gd name="T50" fmla="*/ 256 w 512"/>
                <a:gd name="T51" fmla="*/ 0 h 512"/>
                <a:gd name="T52" fmla="*/ 512 w 512"/>
                <a:gd name="T53" fmla="*/ 256 h 512"/>
                <a:gd name="T54" fmla="*/ 373 w 512"/>
                <a:gd name="T55" fmla="*/ 106 h 512"/>
                <a:gd name="T56" fmla="*/ 362 w 512"/>
                <a:gd name="T57" fmla="*/ 96 h 512"/>
                <a:gd name="T58" fmla="*/ 149 w 512"/>
                <a:gd name="T59" fmla="*/ 96 h 512"/>
                <a:gd name="T60" fmla="*/ 138 w 512"/>
                <a:gd name="T61" fmla="*/ 106 h 512"/>
                <a:gd name="T62" fmla="*/ 138 w 512"/>
                <a:gd name="T63" fmla="*/ 405 h 512"/>
                <a:gd name="T64" fmla="*/ 149 w 512"/>
                <a:gd name="T65" fmla="*/ 416 h 512"/>
                <a:gd name="T66" fmla="*/ 362 w 512"/>
                <a:gd name="T67" fmla="*/ 416 h 512"/>
                <a:gd name="T68" fmla="*/ 373 w 512"/>
                <a:gd name="T69" fmla="*/ 405 h 512"/>
                <a:gd name="T70" fmla="*/ 373 w 512"/>
                <a:gd name="T71"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330" y="117"/>
                  </a:moveTo>
                  <a:cubicBezTo>
                    <a:pt x="352" y="117"/>
                    <a:pt x="352" y="117"/>
                    <a:pt x="352" y="117"/>
                  </a:cubicBezTo>
                  <a:cubicBezTo>
                    <a:pt x="352" y="394"/>
                    <a:pt x="352" y="394"/>
                    <a:pt x="352" y="394"/>
                  </a:cubicBezTo>
                  <a:cubicBezTo>
                    <a:pt x="160" y="394"/>
                    <a:pt x="160" y="394"/>
                    <a:pt x="160" y="394"/>
                  </a:cubicBezTo>
                  <a:cubicBezTo>
                    <a:pt x="160" y="117"/>
                    <a:pt x="160" y="117"/>
                    <a:pt x="160" y="117"/>
                  </a:cubicBezTo>
                  <a:cubicBezTo>
                    <a:pt x="245" y="117"/>
                    <a:pt x="245" y="117"/>
                    <a:pt x="245" y="117"/>
                  </a:cubicBezTo>
                  <a:cubicBezTo>
                    <a:pt x="245" y="288"/>
                    <a:pt x="245" y="288"/>
                    <a:pt x="245" y="288"/>
                  </a:cubicBezTo>
                  <a:cubicBezTo>
                    <a:pt x="245" y="292"/>
                    <a:pt x="248" y="296"/>
                    <a:pt x="252" y="298"/>
                  </a:cubicBezTo>
                  <a:cubicBezTo>
                    <a:pt x="256" y="299"/>
                    <a:pt x="260" y="298"/>
                    <a:pt x="263" y="295"/>
                  </a:cubicBezTo>
                  <a:cubicBezTo>
                    <a:pt x="288" y="271"/>
                    <a:pt x="288" y="271"/>
                    <a:pt x="288" y="271"/>
                  </a:cubicBezTo>
                  <a:cubicBezTo>
                    <a:pt x="312" y="295"/>
                    <a:pt x="312" y="295"/>
                    <a:pt x="312" y="295"/>
                  </a:cubicBezTo>
                  <a:cubicBezTo>
                    <a:pt x="314" y="297"/>
                    <a:pt x="317" y="298"/>
                    <a:pt x="320" y="298"/>
                  </a:cubicBezTo>
                  <a:cubicBezTo>
                    <a:pt x="321" y="298"/>
                    <a:pt x="322" y="298"/>
                    <a:pt x="324" y="298"/>
                  </a:cubicBezTo>
                  <a:cubicBezTo>
                    <a:pt x="328" y="296"/>
                    <a:pt x="330" y="292"/>
                    <a:pt x="330" y="288"/>
                  </a:cubicBezTo>
                  <a:lnTo>
                    <a:pt x="330" y="117"/>
                  </a:lnTo>
                  <a:close/>
                  <a:moveTo>
                    <a:pt x="295" y="248"/>
                  </a:moveTo>
                  <a:cubicBezTo>
                    <a:pt x="309" y="262"/>
                    <a:pt x="309" y="262"/>
                    <a:pt x="309" y="262"/>
                  </a:cubicBezTo>
                  <a:cubicBezTo>
                    <a:pt x="309" y="117"/>
                    <a:pt x="309" y="117"/>
                    <a:pt x="309" y="117"/>
                  </a:cubicBezTo>
                  <a:cubicBezTo>
                    <a:pt x="266" y="117"/>
                    <a:pt x="266" y="117"/>
                    <a:pt x="266" y="117"/>
                  </a:cubicBezTo>
                  <a:cubicBezTo>
                    <a:pt x="266" y="262"/>
                    <a:pt x="266" y="262"/>
                    <a:pt x="266" y="262"/>
                  </a:cubicBezTo>
                  <a:cubicBezTo>
                    <a:pt x="280" y="248"/>
                    <a:pt x="280" y="248"/>
                    <a:pt x="280" y="248"/>
                  </a:cubicBezTo>
                  <a:cubicBezTo>
                    <a:pt x="284" y="244"/>
                    <a:pt x="291" y="244"/>
                    <a:pt x="295" y="24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rgbClr val="003366"/>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135" name="TextBox 134">
              <a:extLst>
                <a:ext uri="{FF2B5EF4-FFF2-40B4-BE49-F238E27FC236}">
                  <a16:creationId xmlns:a16="http://schemas.microsoft.com/office/drawing/2014/main" id="{CD933AF3-8E4A-C8F1-AD65-B27EFBD2BBE2}"/>
                </a:ext>
              </a:extLst>
            </p:cNvPr>
            <p:cNvSpPr txBox="1"/>
            <p:nvPr/>
          </p:nvSpPr>
          <p:spPr>
            <a:xfrm>
              <a:off x="4480357" y="2271313"/>
              <a:ext cx="1104772" cy="246221"/>
            </a:xfrm>
            <a:prstGeom prst="rect">
              <a:avLst/>
            </a:prstGeom>
            <a:noFill/>
            <a:ln>
              <a:noFill/>
            </a:ln>
          </p:spPr>
          <p:txBody>
            <a:bodyPr wrap="square" rtlCol="0">
              <a:spAutoFit/>
            </a:bodyPr>
            <a:lstStyle/>
            <a:p>
              <a:pPr lvl="0" algn="ctr">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Benefits</a:t>
              </a:r>
            </a:p>
          </p:txBody>
        </p:sp>
      </p:grpSp>
      <p:grpSp>
        <p:nvGrpSpPr>
          <p:cNvPr id="25" name="Group 24">
            <a:extLst>
              <a:ext uri="{FF2B5EF4-FFF2-40B4-BE49-F238E27FC236}">
                <a16:creationId xmlns:a16="http://schemas.microsoft.com/office/drawing/2014/main" id="{12883CDB-86DA-D4E4-61C3-29A01C053E81}"/>
              </a:ext>
            </a:extLst>
          </p:cNvPr>
          <p:cNvGrpSpPr/>
          <p:nvPr/>
        </p:nvGrpSpPr>
        <p:grpSpPr>
          <a:xfrm>
            <a:off x="8101195" y="4437542"/>
            <a:ext cx="1103097" cy="1024305"/>
            <a:chOff x="582267" y="4998775"/>
            <a:chExt cx="1103097" cy="1024305"/>
          </a:xfrm>
        </p:grpSpPr>
        <p:sp>
          <p:nvSpPr>
            <p:cNvPr id="139" name="Rectangle 138">
              <a:extLst>
                <a:ext uri="{FF2B5EF4-FFF2-40B4-BE49-F238E27FC236}">
                  <a16:creationId xmlns:a16="http://schemas.microsoft.com/office/drawing/2014/main" id="{56439069-9A03-6E0E-2CA6-3C0AC0C1CB56}"/>
                </a:ext>
              </a:extLst>
            </p:cNvPr>
            <p:cNvSpPr/>
            <p:nvPr/>
          </p:nvSpPr>
          <p:spPr>
            <a:xfrm>
              <a:off x="582267" y="4998775"/>
              <a:ext cx="1103097" cy="1024305"/>
            </a:xfrm>
            <a:prstGeom prst="rect">
              <a:avLst/>
            </a:prstGeom>
            <a:solidFill>
              <a:srgbClr val="FFFFFF"/>
            </a:solidFill>
            <a:ln w="28575" cap="flat" cmpd="sng" algn="ctr">
              <a:solidFill>
                <a:srgbClr val="0D8390"/>
              </a:soli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140" name="TextBox 139">
              <a:extLst>
                <a:ext uri="{FF2B5EF4-FFF2-40B4-BE49-F238E27FC236}">
                  <a16:creationId xmlns:a16="http://schemas.microsoft.com/office/drawing/2014/main" id="{BF5716BA-7811-9613-0BF4-ECD048CC8421}"/>
                </a:ext>
              </a:extLst>
            </p:cNvPr>
            <p:cNvSpPr txBox="1"/>
            <p:nvPr/>
          </p:nvSpPr>
          <p:spPr>
            <a:xfrm>
              <a:off x="587605" y="5748209"/>
              <a:ext cx="1097222" cy="246221"/>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Budgets</a:t>
              </a:r>
            </a:p>
          </p:txBody>
        </p:sp>
        <p:sp>
          <p:nvSpPr>
            <p:cNvPr id="138" name="Freeform 45">
              <a:extLst>
                <a:ext uri="{FF2B5EF4-FFF2-40B4-BE49-F238E27FC236}">
                  <a16:creationId xmlns:a16="http://schemas.microsoft.com/office/drawing/2014/main" id="{3F8EC4AE-BBC0-071E-5CB8-BA92A7B12BA2}"/>
                </a:ext>
              </a:extLst>
            </p:cNvPr>
            <p:cNvSpPr>
              <a:spLocks noChangeAspect="1" noEditPoints="1"/>
            </p:cNvSpPr>
            <p:nvPr/>
          </p:nvSpPr>
          <p:spPr bwMode="auto">
            <a:xfrm>
              <a:off x="1253063" y="5065136"/>
              <a:ext cx="367631" cy="367631"/>
            </a:xfrm>
            <a:custGeom>
              <a:avLst/>
              <a:gdLst>
                <a:gd name="T0" fmla="*/ 181 w 512"/>
                <a:gd name="T1" fmla="*/ 352 h 512"/>
                <a:gd name="T2" fmla="*/ 202 w 512"/>
                <a:gd name="T3" fmla="*/ 330 h 512"/>
                <a:gd name="T4" fmla="*/ 160 w 512"/>
                <a:gd name="T5" fmla="*/ 394 h 512"/>
                <a:gd name="T6" fmla="*/ 181 w 512"/>
                <a:gd name="T7" fmla="*/ 373 h 512"/>
                <a:gd name="T8" fmla="*/ 160 w 512"/>
                <a:gd name="T9" fmla="*/ 394 h 512"/>
                <a:gd name="T10" fmla="*/ 224 w 512"/>
                <a:gd name="T11" fmla="*/ 330 h 512"/>
                <a:gd name="T12" fmla="*/ 245 w 512"/>
                <a:gd name="T13" fmla="*/ 352 h 512"/>
                <a:gd name="T14" fmla="*/ 202 w 512"/>
                <a:gd name="T15" fmla="*/ 394 h 512"/>
                <a:gd name="T16" fmla="*/ 224 w 512"/>
                <a:gd name="T17" fmla="*/ 373 h 512"/>
                <a:gd name="T18" fmla="*/ 202 w 512"/>
                <a:gd name="T19" fmla="*/ 394 h 512"/>
                <a:gd name="T20" fmla="*/ 138 w 512"/>
                <a:gd name="T21" fmla="*/ 330 h 512"/>
                <a:gd name="T22" fmla="*/ 149 w 512"/>
                <a:gd name="T23" fmla="*/ 352 h 512"/>
                <a:gd name="T24" fmla="*/ 160 w 512"/>
                <a:gd name="T25" fmla="*/ 330 h 512"/>
                <a:gd name="T26" fmla="*/ 149 w 512"/>
                <a:gd name="T27" fmla="*/ 213 h 512"/>
                <a:gd name="T28" fmla="*/ 341 w 512"/>
                <a:gd name="T29" fmla="*/ 213 h 512"/>
                <a:gd name="T30" fmla="*/ 243 w 512"/>
                <a:gd name="T31" fmla="*/ 264 h 512"/>
                <a:gd name="T32" fmla="*/ 245 w 512"/>
                <a:gd name="T33" fmla="*/ 277 h 512"/>
                <a:gd name="T34" fmla="*/ 256 w 512"/>
                <a:gd name="T35" fmla="*/ 263 h 512"/>
                <a:gd name="T36" fmla="*/ 278 w 512"/>
                <a:gd name="T37" fmla="*/ 236 h 512"/>
                <a:gd name="T38" fmla="*/ 253 w 512"/>
                <a:gd name="T39" fmla="*/ 206 h 512"/>
                <a:gd name="T40" fmla="*/ 236 w 512"/>
                <a:gd name="T41" fmla="*/ 195 h 512"/>
                <a:gd name="T42" fmla="*/ 238 w 512"/>
                <a:gd name="T43" fmla="*/ 183 h 512"/>
                <a:gd name="T44" fmla="*/ 257 w 512"/>
                <a:gd name="T45" fmla="*/ 182 h 512"/>
                <a:gd name="T46" fmla="*/ 277 w 512"/>
                <a:gd name="T47" fmla="*/ 170 h 512"/>
                <a:gd name="T48" fmla="*/ 256 w 512"/>
                <a:gd name="T49" fmla="*/ 163 h 512"/>
                <a:gd name="T50" fmla="*/ 245 w 512"/>
                <a:gd name="T51" fmla="*/ 149 h 512"/>
                <a:gd name="T52" fmla="*/ 225 w 512"/>
                <a:gd name="T53" fmla="*/ 171 h 512"/>
                <a:gd name="T54" fmla="*/ 217 w 512"/>
                <a:gd name="T55" fmla="*/ 203 h 512"/>
                <a:gd name="T56" fmla="*/ 238 w 512"/>
                <a:gd name="T57" fmla="*/ 220 h 512"/>
                <a:gd name="T58" fmla="*/ 255 w 512"/>
                <a:gd name="T59" fmla="*/ 231 h 512"/>
                <a:gd name="T60" fmla="*/ 253 w 512"/>
                <a:gd name="T61" fmla="*/ 244 h 512"/>
                <a:gd name="T62" fmla="*/ 230 w 512"/>
                <a:gd name="T63" fmla="*/ 245 h 512"/>
                <a:gd name="T64" fmla="*/ 213 w 512"/>
                <a:gd name="T65" fmla="*/ 258 h 512"/>
                <a:gd name="T66" fmla="*/ 330 w 512"/>
                <a:gd name="T67" fmla="*/ 373 h 512"/>
                <a:gd name="T68" fmla="*/ 352 w 512"/>
                <a:gd name="T69" fmla="*/ 394 h 512"/>
                <a:gd name="T70" fmla="*/ 341 w 512"/>
                <a:gd name="T71" fmla="*/ 373 h 512"/>
                <a:gd name="T72" fmla="*/ 330 w 512"/>
                <a:gd name="T73" fmla="*/ 330 h 512"/>
                <a:gd name="T74" fmla="*/ 309 w 512"/>
                <a:gd name="T75" fmla="*/ 352 h 512"/>
                <a:gd name="T76" fmla="*/ 330 w 512"/>
                <a:gd name="T77" fmla="*/ 330 h 512"/>
                <a:gd name="T78" fmla="*/ 256 w 512"/>
                <a:gd name="T79" fmla="*/ 512 h 512"/>
                <a:gd name="T80" fmla="*/ 256 w 512"/>
                <a:gd name="T81" fmla="*/ 0 h 512"/>
                <a:gd name="T82" fmla="*/ 373 w 512"/>
                <a:gd name="T83" fmla="*/ 362 h 512"/>
                <a:gd name="T84" fmla="*/ 352 w 512"/>
                <a:gd name="T85" fmla="*/ 352 h 512"/>
                <a:gd name="T86" fmla="*/ 341 w 512"/>
                <a:gd name="T87" fmla="*/ 309 h 512"/>
                <a:gd name="T88" fmla="*/ 362 w 512"/>
                <a:gd name="T89" fmla="*/ 213 h 512"/>
                <a:gd name="T90" fmla="*/ 128 w 512"/>
                <a:gd name="T91" fmla="*/ 213 h 512"/>
                <a:gd name="T92" fmla="*/ 128 w 512"/>
                <a:gd name="T93" fmla="*/ 309 h 512"/>
                <a:gd name="T94" fmla="*/ 117 w 512"/>
                <a:gd name="T95" fmla="*/ 362 h 512"/>
                <a:gd name="T96" fmla="*/ 138 w 512"/>
                <a:gd name="T97" fmla="*/ 373 h 512"/>
                <a:gd name="T98" fmla="*/ 149 w 512"/>
                <a:gd name="T99" fmla="*/ 416 h 512"/>
                <a:gd name="T100" fmla="*/ 373 w 512"/>
                <a:gd name="T101" fmla="*/ 405 h 512"/>
                <a:gd name="T102" fmla="*/ 245 w 512"/>
                <a:gd name="T103" fmla="*/ 394 h 512"/>
                <a:gd name="T104" fmla="*/ 266 w 512"/>
                <a:gd name="T105" fmla="*/ 373 h 512"/>
                <a:gd name="T106" fmla="*/ 245 w 512"/>
                <a:gd name="T107" fmla="*/ 394 h 512"/>
                <a:gd name="T108" fmla="*/ 309 w 512"/>
                <a:gd name="T109" fmla="*/ 394 h 512"/>
                <a:gd name="T110" fmla="*/ 288 w 512"/>
                <a:gd name="T111" fmla="*/ 373 h 512"/>
                <a:gd name="T112" fmla="*/ 288 w 512"/>
                <a:gd name="T113" fmla="*/ 330 h 512"/>
                <a:gd name="T114" fmla="*/ 266 w 512"/>
                <a:gd name="T115" fmla="*/ 352 h 512"/>
                <a:gd name="T116" fmla="*/ 288 w 512"/>
                <a:gd name="T117"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202" y="352"/>
                  </a:moveTo>
                  <a:cubicBezTo>
                    <a:pt x="181" y="352"/>
                    <a:pt x="181" y="352"/>
                    <a:pt x="181" y="352"/>
                  </a:cubicBezTo>
                  <a:cubicBezTo>
                    <a:pt x="181" y="330"/>
                    <a:pt x="181" y="330"/>
                    <a:pt x="181" y="330"/>
                  </a:cubicBezTo>
                  <a:cubicBezTo>
                    <a:pt x="202" y="330"/>
                    <a:pt x="202" y="330"/>
                    <a:pt x="202" y="330"/>
                  </a:cubicBezTo>
                  <a:lnTo>
                    <a:pt x="202" y="352"/>
                  </a:lnTo>
                  <a:close/>
                  <a:moveTo>
                    <a:pt x="160" y="394"/>
                  </a:moveTo>
                  <a:cubicBezTo>
                    <a:pt x="181" y="394"/>
                    <a:pt x="181" y="394"/>
                    <a:pt x="181" y="394"/>
                  </a:cubicBezTo>
                  <a:cubicBezTo>
                    <a:pt x="181" y="373"/>
                    <a:pt x="181" y="373"/>
                    <a:pt x="181" y="373"/>
                  </a:cubicBezTo>
                  <a:cubicBezTo>
                    <a:pt x="160" y="373"/>
                    <a:pt x="160" y="373"/>
                    <a:pt x="160" y="373"/>
                  </a:cubicBezTo>
                  <a:lnTo>
                    <a:pt x="160" y="394"/>
                  </a:lnTo>
                  <a:close/>
                  <a:moveTo>
                    <a:pt x="245" y="330"/>
                  </a:moveTo>
                  <a:cubicBezTo>
                    <a:pt x="224" y="330"/>
                    <a:pt x="224" y="330"/>
                    <a:pt x="224" y="330"/>
                  </a:cubicBezTo>
                  <a:cubicBezTo>
                    <a:pt x="224" y="352"/>
                    <a:pt x="224" y="352"/>
                    <a:pt x="224" y="352"/>
                  </a:cubicBezTo>
                  <a:cubicBezTo>
                    <a:pt x="245" y="352"/>
                    <a:pt x="245" y="352"/>
                    <a:pt x="245" y="352"/>
                  </a:cubicBezTo>
                  <a:lnTo>
                    <a:pt x="245" y="330"/>
                  </a:lnTo>
                  <a:close/>
                  <a:moveTo>
                    <a:pt x="202" y="394"/>
                  </a:moveTo>
                  <a:cubicBezTo>
                    <a:pt x="224" y="394"/>
                    <a:pt x="224" y="394"/>
                    <a:pt x="224" y="394"/>
                  </a:cubicBezTo>
                  <a:cubicBezTo>
                    <a:pt x="224" y="373"/>
                    <a:pt x="224" y="373"/>
                    <a:pt x="224" y="373"/>
                  </a:cubicBezTo>
                  <a:cubicBezTo>
                    <a:pt x="202" y="373"/>
                    <a:pt x="202" y="373"/>
                    <a:pt x="202" y="373"/>
                  </a:cubicBezTo>
                  <a:lnTo>
                    <a:pt x="202" y="394"/>
                  </a:lnTo>
                  <a:close/>
                  <a:moveTo>
                    <a:pt x="160" y="330"/>
                  </a:moveTo>
                  <a:cubicBezTo>
                    <a:pt x="138" y="330"/>
                    <a:pt x="138" y="330"/>
                    <a:pt x="138" y="330"/>
                  </a:cubicBezTo>
                  <a:cubicBezTo>
                    <a:pt x="138" y="352"/>
                    <a:pt x="138" y="352"/>
                    <a:pt x="138" y="352"/>
                  </a:cubicBezTo>
                  <a:cubicBezTo>
                    <a:pt x="149" y="352"/>
                    <a:pt x="149" y="352"/>
                    <a:pt x="149" y="352"/>
                  </a:cubicBezTo>
                  <a:cubicBezTo>
                    <a:pt x="160" y="352"/>
                    <a:pt x="160" y="352"/>
                    <a:pt x="160" y="352"/>
                  </a:cubicBezTo>
                  <a:lnTo>
                    <a:pt x="160" y="330"/>
                  </a:lnTo>
                  <a:close/>
                  <a:moveTo>
                    <a:pt x="245" y="309"/>
                  </a:moveTo>
                  <a:cubicBezTo>
                    <a:pt x="192" y="309"/>
                    <a:pt x="149" y="266"/>
                    <a:pt x="149" y="213"/>
                  </a:cubicBezTo>
                  <a:cubicBezTo>
                    <a:pt x="149" y="160"/>
                    <a:pt x="192" y="117"/>
                    <a:pt x="245" y="117"/>
                  </a:cubicBezTo>
                  <a:cubicBezTo>
                    <a:pt x="298" y="117"/>
                    <a:pt x="341" y="160"/>
                    <a:pt x="341" y="213"/>
                  </a:cubicBezTo>
                  <a:cubicBezTo>
                    <a:pt x="341" y="266"/>
                    <a:pt x="298" y="309"/>
                    <a:pt x="245" y="309"/>
                  </a:cubicBezTo>
                  <a:close/>
                  <a:moveTo>
                    <a:pt x="243" y="264"/>
                  </a:moveTo>
                  <a:cubicBezTo>
                    <a:pt x="243" y="264"/>
                    <a:pt x="245" y="264"/>
                    <a:pt x="245" y="264"/>
                  </a:cubicBezTo>
                  <a:cubicBezTo>
                    <a:pt x="245" y="277"/>
                    <a:pt x="245" y="277"/>
                    <a:pt x="245" y="277"/>
                  </a:cubicBezTo>
                  <a:cubicBezTo>
                    <a:pt x="256" y="277"/>
                    <a:pt x="256" y="277"/>
                    <a:pt x="256" y="277"/>
                  </a:cubicBezTo>
                  <a:cubicBezTo>
                    <a:pt x="256" y="263"/>
                    <a:pt x="256" y="263"/>
                    <a:pt x="256" y="263"/>
                  </a:cubicBezTo>
                  <a:cubicBezTo>
                    <a:pt x="256" y="262"/>
                    <a:pt x="265" y="260"/>
                    <a:pt x="270" y="256"/>
                  </a:cubicBezTo>
                  <a:cubicBezTo>
                    <a:pt x="276" y="251"/>
                    <a:pt x="278" y="244"/>
                    <a:pt x="278" y="236"/>
                  </a:cubicBezTo>
                  <a:cubicBezTo>
                    <a:pt x="278" y="229"/>
                    <a:pt x="275" y="224"/>
                    <a:pt x="272" y="219"/>
                  </a:cubicBezTo>
                  <a:cubicBezTo>
                    <a:pt x="268" y="215"/>
                    <a:pt x="262" y="210"/>
                    <a:pt x="253" y="206"/>
                  </a:cubicBezTo>
                  <a:cubicBezTo>
                    <a:pt x="246" y="203"/>
                    <a:pt x="242" y="200"/>
                    <a:pt x="240" y="199"/>
                  </a:cubicBezTo>
                  <a:cubicBezTo>
                    <a:pt x="238" y="198"/>
                    <a:pt x="237" y="197"/>
                    <a:pt x="236" y="195"/>
                  </a:cubicBezTo>
                  <a:cubicBezTo>
                    <a:pt x="235" y="194"/>
                    <a:pt x="234" y="192"/>
                    <a:pt x="234" y="190"/>
                  </a:cubicBezTo>
                  <a:cubicBezTo>
                    <a:pt x="234" y="187"/>
                    <a:pt x="236" y="185"/>
                    <a:pt x="238" y="183"/>
                  </a:cubicBezTo>
                  <a:cubicBezTo>
                    <a:pt x="240" y="181"/>
                    <a:pt x="243" y="181"/>
                    <a:pt x="247" y="181"/>
                  </a:cubicBezTo>
                  <a:cubicBezTo>
                    <a:pt x="250" y="181"/>
                    <a:pt x="253" y="181"/>
                    <a:pt x="257" y="182"/>
                  </a:cubicBezTo>
                  <a:cubicBezTo>
                    <a:pt x="260" y="183"/>
                    <a:pt x="265" y="184"/>
                    <a:pt x="270" y="186"/>
                  </a:cubicBezTo>
                  <a:cubicBezTo>
                    <a:pt x="277" y="170"/>
                    <a:pt x="277" y="170"/>
                    <a:pt x="277" y="170"/>
                  </a:cubicBezTo>
                  <a:cubicBezTo>
                    <a:pt x="271" y="168"/>
                    <a:pt x="269" y="166"/>
                    <a:pt x="264" y="165"/>
                  </a:cubicBezTo>
                  <a:cubicBezTo>
                    <a:pt x="261" y="164"/>
                    <a:pt x="256" y="164"/>
                    <a:pt x="256" y="163"/>
                  </a:cubicBezTo>
                  <a:cubicBezTo>
                    <a:pt x="256" y="149"/>
                    <a:pt x="256" y="149"/>
                    <a:pt x="256" y="149"/>
                  </a:cubicBezTo>
                  <a:cubicBezTo>
                    <a:pt x="245" y="149"/>
                    <a:pt x="245" y="149"/>
                    <a:pt x="245" y="149"/>
                  </a:cubicBezTo>
                  <a:cubicBezTo>
                    <a:pt x="245" y="164"/>
                    <a:pt x="245" y="164"/>
                    <a:pt x="245" y="164"/>
                  </a:cubicBezTo>
                  <a:cubicBezTo>
                    <a:pt x="234" y="164"/>
                    <a:pt x="229" y="167"/>
                    <a:pt x="225" y="171"/>
                  </a:cubicBezTo>
                  <a:cubicBezTo>
                    <a:pt x="219" y="176"/>
                    <a:pt x="215" y="182"/>
                    <a:pt x="215" y="191"/>
                  </a:cubicBezTo>
                  <a:cubicBezTo>
                    <a:pt x="215" y="196"/>
                    <a:pt x="215" y="200"/>
                    <a:pt x="217" y="203"/>
                  </a:cubicBezTo>
                  <a:cubicBezTo>
                    <a:pt x="219" y="207"/>
                    <a:pt x="221" y="210"/>
                    <a:pt x="224" y="212"/>
                  </a:cubicBezTo>
                  <a:cubicBezTo>
                    <a:pt x="227" y="215"/>
                    <a:pt x="232" y="218"/>
                    <a:pt x="238" y="220"/>
                  </a:cubicBezTo>
                  <a:cubicBezTo>
                    <a:pt x="244" y="223"/>
                    <a:pt x="248" y="226"/>
                    <a:pt x="250" y="227"/>
                  </a:cubicBezTo>
                  <a:cubicBezTo>
                    <a:pt x="252" y="228"/>
                    <a:pt x="254" y="230"/>
                    <a:pt x="255" y="231"/>
                  </a:cubicBezTo>
                  <a:cubicBezTo>
                    <a:pt x="256" y="233"/>
                    <a:pt x="257" y="235"/>
                    <a:pt x="257" y="237"/>
                  </a:cubicBezTo>
                  <a:cubicBezTo>
                    <a:pt x="257" y="240"/>
                    <a:pt x="255" y="243"/>
                    <a:pt x="253" y="244"/>
                  </a:cubicBezTo>
                  <a:cubicBezTo>
                    <a:pt x="250" y="246"/>
                    <a:pt x="247" y="247"/>
                    <a:pt x="242" y="247"/>
                  </a:cubicBezTo>
                  <a:cubicBezTo>
                    <a:pt x="239" y="247"/>
                    <a:pt x="234" y="246"/>
                    <a:pt x="230" y="245"/>
                  </a:cubicBezTo>
                  <a:cubicBezTo>
                    <a:pt x="225" y="244"/>
                    <a:pt x="224" y="242"/>
                    <a:pt x="213" y="239"/>
                  </a:cubicBezTo>
                  <a:cubicBezTo>
                    <a:pt x="213" y="258"/>
                    <a:pt x="213" y="258"/>
                    <a:pt x="213" y="258"/>
                  </a:cubicBezTo>
                  <a:cubicBezTo>
                    <a:pt x="224" y="262"/>
                    <a:pt x="232" y="264"/>
                    <a:pt x="243" y="264"/>
                  </a:cubicBezTo>
                  <a:close/>
                  <a:moveTo>
                    <a:pt x="330" y="373"/>
                  </a:moveTo>
                  <a:cubicBezTo>
                    <a:pt x="330" y="394"/>
                    <a:pt x="330" y="394"/>
                    <a:pt x="330" y="394"/>
                  </a:cubicBezTo>
                  <a:cubicBezTo>
                    <a:pt x="352" y="394"/>
                    <a:pt x="352" y="394"/>
                    <a:pt x="352" y="394"/>
                  </a:cubicBezTo>
                  <a:cubicBezTo>
                    <a:pt x="352" y="373"/>
                    <a:pt x="352" y="373"/>
                    <a:pt x="352" y="373"/>
                  </a:cubicBezTo>
                  <a:cubicBezTo>
                    <a:pt x="341" y="373"/>
                    <a:pt x="341" y="373"/>
                    <a:pt x="341" y="373"/>
                  </a:cubicBezTo>
                  <a:lnTo>
                    <a:pt x="330" y="373"/>
                  </a:lnTo>
                  <a:close/>
                  <a:moveTo>
                    <a:pt x="330" y="330"/>
                  </a:moveTo>
                  <a:cubicBezTo>
                    <a:pt x="309" y="330"/>
                    <a:pt x="309" y="330"/>
                    <a:pt x="309" y="330"/>
                  </a:cubicBezTo>
                  <a:cubicBezTo>
                    <a:pt x="309" y="352"/>
                    <a:pt x="309" y="352"/>
                    <a:pt x="309" y="352"/>
                  </a:cubicBezTo>
                  <a:cubicBezTo>
                    <a:pt x="330" y="352"/>
                    <a:pt x="330" y="352"/>
                    <a:pt x="330" y="352"/>
                  </a:cubicBezTo>
                  <a:lnTo>
                    <a:pt x="330" y="33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362"/>
                  </a:moveTo>
                  <a:cubicBezTo>
                    <a:pt x="373" y="356"/>
                    <a:pt x="368" y="352"/>
                    <a:pt x="362" y="352"/>
                  </a:cubicBezTo>
                  <a:cubicBezTo>
                    <a:pt x="352" y="352"/>
                    <a:pt x="352" y="352"/>
                    <a:pt x="352" y="352"/>
                  </a:cubicBezTo>
                  <a:cubicBezTo>
                    <a:pt x="352" y="320"/>
                    <a:pt x="352" y="320"/>
                    <a:pt x="352" y="320"/>
                  </a:cubicBezTo>
                  <a:cubicBezTo>
                    <a:pt x="352" y="314"/>
                    <a:pt x="347" y="309"/>
                    <a:pt x="341" y="309"/>
                  </a:cubicBezTo>
                  <a:cubicBezTo>
                    <a:pt x="312" y="309"/>
                    <a:pt x="312" y="309"/>
                    <a:pt x="312" y="309"/>
                  </a:cubicBezTo>
                  <a:cubicBezTo>
                    <a:pt x="342" y="288"/>
                    <a:pt x="362" y="253"/>
                    <a:pt x="362" y="213"/>
                  </a:cubicBezTo>
                  <a:cubicBezTo>
                    <a:pt x="362" y="148"/>
                    <a:pt x="310" y="96"/>
                    <a:pt x="245" y="96"/>
                  </a:cubicBezTo>
                  <a:cubicBezTo>
                    <a:pt x="180" y="96"/>
                    <a:pt x="128" y="148"/>
                    <a:pt x="128" y="213"/>
                  </a:cubicBezTo>
                  <a:cubicBezTo>
                    <a:pt x="128" y="253"/>
                    <a:pt x="148" y="288"/>
                    <a:pt x="178" y="309"/>
                  </a:cubicBezTo>
                  <a:cubicBezTo>
                    <a:pt x="128" y="309"/>
                    <a:pt x="128" y="309"/>
                    <a:pt x="128" y="309"/>
                  </a:cubicBezTo>
                  <a:cubicBezTo>
                    <a:pt x="122" y="309"/>
                    <a:pt x="117" y="314"/>
                    <a:pt x="117" y="320"/>
                  </a:cubicBezTo>
                  <a:cubicBezTo>
                    <a:pt x="117" y="362"/>
                    <a:pt x="117" y="362"/>
                    <a:pt x="117" y="362"/>
                  </a:cubicBezTo>
                  <a:cubicBezTo>
                    <a:pt x="117" y="368"/>
                    <a:pt x="122" y="373"/>
                    <a:pt x="128" y="373"/>
                  </a:cubicBezTo>
                  <a:cubicBezTo>
                    <a:pt x="138" y="373"/>
                    <a:pt x="138" y="373"/>
                    <a:pt x="138" y="373"/>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362"/>
                  </a:lnTo>
                  <a:close/>
                  <a:moveTo>
                    <a:pt x="245" y="394"/>
                  </a:moveTo>
                  <a:cubicBezTo>
                    <a:pt x="266" y="394"/>
                    <a:pt x="266" y="394"/>
                    <a:pt x="266" y="394"/>
                  </a:cubicBezTo>
                  <a:cubicBezTo>
                    <a:pt x="266" y="373"/>
                    <a:pt x="266" y="373"/>
                    <a:pt x="266" y="373"/>
                  </a:cubicBezTo>
                  <a:cubicBezTo>
                    <a:pt x="245" y="373"/>
                    <a:pt x="245" y="373"/>
                    <a:pt x="245" y="373"/>
                  </a:cubicBezTo>
                  <a:lnTo>
                    <a:pt x="245" y="394"/>
                  </a:lnTo>
                  <a:close/>
                  <a:moveTo>
                    <a:pt x="288" y="394"/>
                  </a:moveTo>
                  <a:cubicBezTo>
                    <a:pt x="309" y="394"/>
                    <a:pt x="309" y="394"/>
                    <a:pt x="309" y="394"/>
                  </a:cubicBezTo>
                  <a:cubicBezTo>
                    <a:pt x="309" y="373"/>
                    <a:pt x="309" y="373"/>
                    <a:pt x="309" y="373"/>
                  </a:cubicBezTo>
                  <a:cubicBezTo>
                    <a:pt x="288" y="373"/>
                    <a:pt x="288" y="373"/>
                    <a:pt x="288" y="373"/>
                  </a:cubicBezTo>
                  <a:lnTo>
                    <a:pt x="288" y="394"/>
                  </a:lnTo>
                  <a:close/>
                  <a:moveTo>
                    <a:pt x="288" y="330"/>
                  </a:moveTo>
                  <a:cubicBezTo>
                    <a:pt x="266" y="330"/>
                    <a:pt x="266" y="330"/>
                    <a:pt x="266" y="330"/>
                  </a:cubicBezTo>
                  <a:cubicBezTo>
                    <a:pt x="266" y="352"/>
                    <a:pt x="266" y="352"/>
                    <a:pt x="266" y="352"/>
                  </a:cubicBezTo>
                  <a:cubicBezTo>
                    <a:pt x="288" y="352"/>
                    <a:pt x="288" y="352"/>
                    <a:pt x="288" y="352"/>
                  </a:cubicBezTo>
                  <a:lnTo>
                    <a:pt x="288" y="330"/>
                  </a:lnTo>
                  <a:close/>
                </a:path>
              </a:pathLst>
            </a:custGeom>
            <a:solidFill>
              <a:srgbClr val="0D8390"/>
            </a:solidFill>
            <a:ln>
              <a:noFill/>
            </a:ln>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grpSp>
      <p:grpSp>
        <p:nvGrpSpPr>
          <p:cNvPr id="163" name="Group 162">
            <a:extLst>
              <a:ext uri="{FF2B5EF4-FFF2-40B4-BE49-F238E27FC236}">
                <a16:creationId xmlns:a16="http://schemas.microsoft.com/office/drawing/2014/main" id="{BA920E88-4D3F-3093-2307-ADF8A029E414}"/>
              </a:ext>
            </a:extLst>
          </p:cNvPr>
          <p:cNvGrpSpPr/>
          <p:nvPr/>
        </p:nvGrpSpPr>
        <p:grpSpPr>
          <a:xfrm>
            <a:off x="9308554" y="2190639"/>
            <a:ext cx="1107438" cy="1046200"/>
            <a:chOff x="1862635" y="4995199"/>
            <a:chExt cx="1107438" cy="1046200"/>
          </a:xfrm>
        </p:grpSpPr>
        <p:grpSp>
          <p:nvGrpSpPr>
            <p:cNvPr id="142" name="Group 141">
              <a:extLst>
                <a:ext uri="{FF2B5EF4-FFF2-40B4-BE49-F238E27FC236}">
                  <a16:creationId xmlns:a16="http://schemas.microsoft.com/office/drawing/2014/main" id="{B9E94C96-CD5A-43FF-A24C-F3F27274897C}"/>
                </a:ext>
              </a:extLst>
            </p:cNvPr>
            <p:cNvGrpSpPr/>
            <p:nvPr/>
          </p:nvGrpSpPr>
          <p:grpSpPr>
            <a:xfrm>
              <a:off x="1862635" y="4995199"/>
              <a:ext cx="1107438" cy="1046200"/>
              <a:chOff x="2031300" y="1448500"/>
              <a:chExt cx="1107438" cy="1046200"/>
            </a:xfrm>
          </p:grpSpPr>
          <p:sp>
            <p:nvSpPr>
              <p:cNvPr id="144" name="Rectangle 143">
                <a:extLst>
                  <a:ext uri="{FF2B5EF4-FFF2-40B4-BE49-F238E27FC236}">
                    <a16:creationId xmlns:a16="http://schemas.microsoft.com/office/drawing/2014/main" id="{971EF7E2-E8B9-679D-D3F2-3F4AA6BC523B}"/>
                  </a:ext>
                </a:extLst>
              </p:cNvPr>
              <p:cNvSpPr/>
              <p:nvPr/>
            </p:nvSpPr>
            <p:spPr>
              <a:xfrm>
                <a:off x="2031300" y="1448500"/>
                <a:ext cx="1103098" cy="1024305"/>
              </a:xfrm>
              <a:prstGeom prst="rect">
                <a:avLst/>
              </a:prstGeom>
              <a:solidFill>
                <a:srgbClr val="FFFFFF"/>
              </a:solidFill>
              <a:ln w="28575" cap="flat" cmpd="sng" algn="ctr">
                <a:solidFill>
                  <a:srgbClr val="0D8390"/>
                </a:soli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145" name="TextBox 144">
                <a:extLst>
                  <a:ext uri="{FF2B5EF4-FFF2-40B4-BE49-F238E27FC236}">
                    <a16:creationId xmlns:a16="http://schemas.microsoft.com/office/drawing/2014/main" id="{778FBCB4-C344-08EA-40DF-0C9C4AFF0CB0}"/>
                  </a:ext>
                </a:extLst>
              </p:cNvPr>
              <p:cNvSpPr txBox="1"/>
              <p:nvPr/>
            </p:nvSpPr>
            <p:spPr>
              <a:xfrm>
                <a:off x="2041516" y="2094590"/>
                <a:ext cx="1097222" cy="400110"/>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Assets &amp; Projects</a:t>
                </a:r>
              </a:p>
            </p:txBody>
          </p:sp>
        </p:grpSp>
        <p:sp>
          <p:nvSpPr>
            <p:cNvPr id="143" name="Freeform 841">
              <a:extLst>
                <a:ext uri="{FF2B5EF4-FFF2-40B4-BE49-F238E27FC236}">
                  <a16:creationId xmlns:a16="http://schemas.microsoft.com/office/drawing/2014/main" id="{2A174A16-70E1-8338-FDCD-5D075339FEC8}"/>
                </a:ext>
              </a:extLst>
            </p:cNvPr>
            <p:cNvSpPr>
              <a:spLocks noChangeAspect="1" noEditPoints="1"/>
            </p:cNvSpPr>
            <p:nvPr/>
          </p:nvSpPr>
          <p:spPr bwMode="auto">
            <a:xfrm>
              <a:off x="2509208" y="5061384"/>
              <a:ext cx="367982" cy="367982"/>
            </a:xfrm>
            <a:custGeom>
              <a:avLst/>
              <a:gdLst>
                <a:gd name="T0" fmla="*/ 160 w 512"/>
                <a:gd name="T1" fmla="*/ 334 h 512"/>
                <a:gd name="T2" fmla="*/ 128 w 512"/>
                <a:gd name="T3" fmla="*/ 352 h 512"/>
                <a:gd name="T4" fmla="*/ 352 w 512"/>
                <a:gd name="T5" fmla="*/ 352 h 512"/>
                <a:gd name="T6" fmla="*/ 384 w 512"/>
                <a:gd name="T7" fmla="*/ 329 h 512"/>
                <a:gd name="T8" fmla="*/ 352 w 512"/>
                <a:gd name="T9" fmla="*/ 352 h 512"/>
                <a:gd name="T10" fmla="*/ 394 w 512"/>
                <a:gd name="T11" fmla="*/ 300 h 512"/>
                <a:gd name="T12" fmla="*/ 117 w 512"/>
                <a:gd name="T13" fmla="*/ 297 h 512"/>
                <a:gd name="T14" fmla="*/ 158 w 512"/>
                <a:gd name="T15" fmla="*/ 224 h 512"/>
                <a:gd name="T16" fmla="*/ 394 w 512"/>
                <a:gd name="T17" fmla="*/ 266 h 512"/>
                <a:gd name="T18" fmla="*/ 181 w 512"/>
                <a:gd name="T19" fmla="*/ 266 h 512"/>
                <a:gd name="T20" fmla="*/ 138 w 512"/>
                <a:gd name="T21" fmla="*/ 266 h 512"/>
                <a:gd name="T22" fmla="*/ 181 w 512"/>
                <a:gd name="T23" fmla="*/ 266 h 512"/>
                <a:gd name="T24" fmla="*/ 288 w 512"/>
                <a:gd name="T25" fmla="*/ 256 h 512"/>
                <a:gd name="T26" fmla="*/ 213 w 512"/>
                <a:gd name="T27" fmla="*/ 266 h 512"/>
                <a:gd name="T28" fmla="*/ 288 w 512"/>
                <a:gd name="T29" fmla="*/ 277 h 512"/>
                <a:gd name="T30" fmla="*/ 373 w 512"/>
                <a:gd name="T31" fmla="*/ 266 h 512"/>
                <a:gd name="T32" fmla="*/ 330 w 512"/>
                <a:gd name="T33" fmla="*/ 266 h 512"/>
                <a:gd name="T34" fmla="*/ 373 w 512"/>
                <a:gd name="T35" fmla="*/ 266 h 512"/>
                <a:gd name="T36" fmla="*/ 256 w 512"/>
                <a:gd name="T37" fmla="*/ 512 h 512"/>
                <a:gd name="T38" fmla="*/ 256 w 512"/>
                <a:gd name="T39" fmla="*/ 0 h 512"/>
                <a:gd name="T40" fmla="*/ 416 w 512"/>
                <a:gd name="T41" fmla="*/ 266 h 512"/>
                <a:gd name="T42" fmla="*/ 370 w 512"/>
                <a:gd name="T43" fmla="*/ 202 h 512"/>
                <a:gd name="T44" fmla="*/ 394 w 512"/>
                <a:gd name="T45" fmla="*/ 192 h 512"/>
                <a:gd name="T46" fmla="*/ 363 w 512"/>
                <a:gd name="T47" fmla="*/ 181 h 512"/>
                <a:gd name="T48" fmla="*/ 350 w 512"/>
                <a:gd name="T49" fmla="*/ 144 h 512"/>
                <a:gd name="T50" fmla="*/ 202 w 512"/>
                <a:gd name="T51" fmla="*/ 117 h 512"/>
                <a:gd name="T52" fmla="*/ 160 w 512"/>
                <a:gd name="T53" fmla="*/ 146 h 512"/>
                <a:gd name="T54" fmla="*/ 128 w 512"/>
                <a:gd name="T55" fmla="*/ 181 h 512"/>
                <a:gd name="T56" fmla="*/ 128 w 512"/>
                <a:gd name="T57" fmla="*/ 202 h 512"/>
                <a:gd name="T58" fmla="*/ 140 w 512"/>
                <a:gd name="T59" fmla="*/ 205 h 512"/>
                <a:gd name="T60" fmla="*/ 96 w 512"/>
                <a:gd name="T61" fmla="*/ 298 h 512"/>
                <a:gd name="T62" fmla="*/ 106 w 512"/>
                <a:gd name="T63" fmla="*/ 316 h 512"/>
                <a:gd name="T64" fmla="*/ 106 w 512"/>
                <a:gd name="T65" fmla="*/ 320 h 512"/>
                <a:gd name="T66" fmla="*/ 106 w 512"/>
                <a:gd name="T67" fmla="*/ 320 h 512"/>
                <a:gd name="T68" fmla="*/ 117 w 512"/>
                <a:gd name="T69" fmla="*/ 373 h 512"/>
                <a:gd name="T70" fmla="*/ 181 w 512"/>
                <a:gd name="T71" fmla="*/ 362 h 512"/>
                <a:gd name="T72" fmla="*/ 261 w 512"/>
                <a:gd name="T73" fmla="*/ 341 h 512"/>
                <a:gd name="T74" fmla="*/ 330 w 512"/>
                <a:gd name="T75" fmla="*/ 362 h 512"/>
                <a:gd name="T76" fmla="*/ 394 w 512"/>
                <a:gd name="T77" fmla="*/ 373 h 512"/>
                <a:gd name="T78" fmla="*/ 405 w 512"/>
                <a:gd name="T79" fmla="*/ 319 h 512"/>
                <a:gd name="T80" fmla="*/ 416 w 512"/>
                <a:gd name="T81" fmla="*/ 297 h 512"/>
                <a:gd name="T82" fmla="*/ 331 w 512"/>
                <a:gd name="T83" fmla="*/ 153 h 512"/>
                <a:gd name="T84" fmla="*/ 202 w 512"/>
                <a:gd name="T85" fmla="*/ 138 h 512"/>
                <a:gd name="T86" fmla="*/ 164 w 512"/>
                <a:gd name="T87" fmla="*/ 202 h 512"/>
                <a:gd name="T88" fmla="*/ 331 w 512"/>
                <a:gd name="T89" fmla="*/ 15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28" y="327"/>
                  </a:moveTo>
                  <a:cubicBezTo>
                    <a:pt x="137" y="330"/>
                    <a:pt x="147" y="332"/>
                    <a:pt x="160" y="334"/>
                  </a:cubicBezTo>
                  <a:cubicBezTo>
                    <a:pt x="160" y="352"/>
                    <a:pt x="160" y="352"/>
                    <a:pt x="160" y="352"/>
                  </a:cubicBezTo>
                  <a:cubicBezTo>
                    <a:pt x="128" y="352"/>
                    <a:pt x="128" y="352"/>
                    <a:pt x="128" y="352"/>
                  </a:cubicBezTo>
                  <a:lnTo>
                    <a:pt x="128" y="327"/>
                  </a:lnTo>
                  <a:close/>
                  <a:moveTo>
                    <a:pt x="352" y="352"/>
                  </a:moveTo>
                  <a:cubicBezTo>
                    <a:pt x="384" y="352"/>
                    <a:pt x="384" y="352"/>
                    <a:pt x="384" y="352"/>
                  </a:cubicBezTo>
                  <a:cubicBezTo>
                    <a:pt x="384" y="329"/>
                    <a:pt x="384" y="329"/>
                    <a:pt x="384" y="329"/>
                  </a:cubicBezTo>
                  <a:cubicBezTo>
                    <a:pt x="375" y="332"/>
                    <a:pt x="364" y="334"/>
                    <a:pt x="352" y="336"/>
                  </a:cubicBezTo>
                  <a:lnTo>
                    <a:pt x="352" y="352"/>
                  </a:lnTo>
                  <a:close/>
                  <a:moveTo>
                    <a:pt x="394" y="298"/>
                  </a:moveTo>
                  <a:cubicBezTo>
                    <a:pt x="394" y="299"/>
                    <a:pt x="394" y="299"/>
                    <a:pt x="394" y="300"/>
                  </a:cubicBezTo>
                  <a:cubicBezTo>
                    <a:pt x="392" y="302"/>
                    <a:pt x="374" y="320"/>
                    <a:pt x="261" y="320"/>
                  </a:cubicBezTo>
                  <a:cubicBezTo>
                    <a:pt x="139" y="320"/>
                    <a:pt x="119" y="300"/>
                    <a:pt x="117" y="297"/>
                  </a:cubicBezTo>
                  <a:cubicBezTo>
                    <a:pt x="117" y="266"/>
                    <a:pt x="117" y="266"/>
                    <a:pt x="117" y="266"/>
                  </a:cubicBezTo>
                  <a:cubicBezTo>
                    <a:pt x="117" y="243"/>
                    <a:pt x="135" y="224"/>
                    <a:pt x="158" y="224"/>
                  </a:cubicBezTo>
                  <a:cubicBezTo>
                    <a:pt x="354" y="224"/>
                    <a:pt x="354" y="224"/>
                    <a:pt x="354" y="224"/>
                  </a:cubicBezTo>
                  <a:cubicBezTo>
                    <a:pt x="376" y="224"/>
                    <a:pt x="394" y="243"/>
                    <a:pt x="394" y="266"/>
                  </a:cubicBezTo>
                  <a:lnTo>
                    <a:pt x="394" y="298"/>
                  </a:lnTo>
                  <a:close/>
                  <a:moveTo>
                    <a:pt x="181" y="266"/>
                  </a:moveTo>
                  <a:cubicBezTo>
                    <a:pt x="181" y="255"/>
                    <a:pt x="171" y="245"/>
                    <a:pt x="160" y="245"/>
                  </a:cubicBezTo>
                  <a:cubicBezTo>
                    <a:pt x="148" y="245"/>
                    <a:pt x="138" y="255"/>
                    <a:pt x="138" y="266"/>
                  </a:cubicBezTo>
                  <a:cubicBezTo>
                    <a:pt x="138" y="278"/>
                    <a:pt x="148" y="288"/>
                    <a:pt x="160" y="288"/>
                  </a:cubicBezTo>
                  <a:cubicBezTo>
                    <a:pt x="171" y="288"/>
                    <a:pt x="181" y="278"/>
                    <a:pt x="181" y="266"/>
                  </a:cubicBezTo>
                  <a:close/>
                  <a:moveTo>
                    <a:pt x="298" y="266"/>
                  </a:moveTo>
                  <a:cubicBezTo>
                    <a:pt x="298" y="260"/>
                    <a:pt x="294" y="256"/>
                    <a:pt x="288" y="256"/>
                  </a:cubicBezTo>
                  <a:cubicBezTo>
                    <a:pt x="224" y="256"/>
                    <a:pt x="224" y="256"/>
                    <a:pt x="224" y="256"/>
                  </a:cubicBezTo>
                  <a:cubicBezTo>
                    <a:pt x="218" y="256"/>
                    <a:pt x="213" y="260"/>
                    <a:pt x="213" y="266"/>
                  </a:cubicBezTo>
                  <a:cubicBezTo>
                    <a:pt x="213" y="272"/>
                    <a:pt x="218" y="277"/>
                    <a:pt x="224" y="277"/>
                  </a:cubicBezTo>
                  <a:cubicBezTo>
                    <a:pt x="288" y="277"/>
                    <a:pt x="288" y="277"/>
                    <a:pt x="288" y="277"/>
                  </a:cubicBezTo>
                  <a:cubicBezTo>
                    <a:pt x="294" y="277"/>
                    <a:pt x="298" y="272"/>
                    <a:pt x="298" y="266"/>
                  </a:cubicBezTo>
                  <a:close/>
                  <a:moveTo>
                    <a:pt x="373" y="266"/>
                  </a:moveTo>
                  <a:cubicBezTo>
                    <a:pt x="373" y="255"/>
                    <a:pt x="363" y="245"/>
                    <a:pt x="352" y="245"/>
                  </a:cubicBezTo>
                  <a:cubicBezTo>
                    <a:pt x="340" y="245"/>
                    <a:pt x="330" y="255"/>
                    <a:pt x="330" y="266"/>
                  </a:cubicBezTo>
                  <a:cubicBezTo>
                    <a:pt x="330" y="278"/>
                    <a:pt x="340" y="288"/>
                    <a:pt x="352" y="288"/>
                  </a:cubicBezTo>
                  <a:cubicBezTo>
                    <a:pt x="363" y="288"/>
                    <a:pt x="373" y="278"/>
                    <a:pt x="373" y="26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66"/>
                  </a:moveTo>
                  <a:cubicBezTo>
                    <a:pt x="416" y="237"/>
                    <a:pt x="397" y="213"/>
                    <a:pt x="371" y="205"/>
                  </a:cubicBezTo>
                  <a:cubicBezTo>
                    <a:pt x="370" y="202"/>
                    <a:pt x="370" y="202"/>
                    <a:pt x="370" y="202"/>
                  </a:cubicBezTo>
                  <a:cubicBezTo>
                    <a:pt x="384" y="202"/>
                    <a:pt x="384" y="202"/>
                    <a:pt x="384" y="202"/>
                  </a:cubicBezTo>
                  <a:cubicBezTo>
                    <a:pt x="390" y="202"/>
                    <a:pt x="394" y="198"/>
                    <a:pt x="394" y="192"/>
                  </a:cubicBezTo>
                  <a:cubicBezTo>
                    <a:pt x="394" y="186"/>
                    <a:pt x="390" y="181"/>
                    <a:pt x="384" y="181"/>
                  </a:cubicBezTo>
                  <a:cubicBezTo>
                    <a:pt x="363" y="181"/>
                    <a:pt x="363" y="181"/>
                    <a:pt x="363" y="181"/>
                  </a:cubicBezTo>
                  <a:cubicBezTo>
                    <a:pt x="351" y="146"/>
                    <a:pt x="351" y="146"/>
                    <a:pt x="351" y="146"/>
                  </a:cubicBezTo>
                  <a:cubicBezTo>
                    <a:pt x="351" y="145"/>
                    <a:pt x="351" y="145"/>
                    <a:pt x="350" y="144"/>
                  </a:cubicBezTo>
                  <a:cubicBezTo>
                    <a:pt x="350" y="143"/>
                    <a:pt x="336" y="117"/>
                    <a:pt x="309" y="117"/>
                  </a:cubicBezTo>
                  <a:cubicBezTo>
                    <a:pt x="202" y="117"/>
                    <a:pt x="202" y="117"/>
                    <a:pt x="202" y="117"/>
                  </a:cubicBezTo>
                  <a:cubicBezTo>
                    <a:pt x="176" y="117"/>
                    <a:pt x="161" y="143"/>
                    <a:pt x="161" y="144"/>
                  </a:cubicBezTo>
                  <a:cubicBezTo>
                    <a:pt x="161" y="145"/>
                    <a:pt x="160" y="145"/>
                    <a:pt x="160" y="146"/>
                  </a:cubicBezTo>
                  <a:cubicBezTo>
                    <a:pt x="148" y="181"/>
                    <a:pt x="148" y="181"/>
                    <a:pt x="148" y="181"/>
                  </a:cubicBezTo>
                  <a:cubicBezTo>
                    <a:pt x="128" y="181"/>
                    <a:pt x="128" y="181"/>
                    <a:pt x="128" y="181"/>
                  </a:cubicBezTo>
                  <a:cubicBezTo>
                    <a:pt x="122" y="181"/>
                    <a:pt x="117" y="186"/>
                    <a:pt x="117" y="192"/>
                  </a:cubicBezTo>
                  <a:cubicBezTo>
                    <a:pt x="117" y="198"/>
                    <a:pt x="122" y="202"/>
                    <a:pt x="128" y="202"/>
                  </a:cubicBezTo>
                  <a:cubicBezTo>
                    <a:pt x="141" y="202"/>
                    <a:pt x="141" y="202"/>
                    <a:pt x="141" y="202"/>
                  </a:cubicBezTo>
                  <a:cubicBezTo>
                    <a:pt x="140" y="205"/>
                    <a:pt x="140" y="205"/>
                    <a:pt x="140" y="205"/>
                  </a:cubicBezTo>
                  <a:cubicBezTo>
                    <a:pt x="115" y="213"/>
                    <a:pt x="96" y="237"/>
                    <a:pt x="96" y="266"/>
                  </a:cubicBezTo>
                  <a:cubicBezTo>
                    <a:pt x="96" y="298"/>
                    <a:pt x="96" y="298"/>
                    <a:pt x="96" y="298"/>
                  </a:cubicBezTo>
                  <a:cubicBezTo>
                    <a:pt x="96" y="300"/>
                    <a:pt x="96" y="306"/>
                    <a:pt x="102" y="312"/>
                  </a:cubicBezTo>
                  <a:cubicBezTo>
                    <a:pt x="103" y="314"/>
                    <a:pt x="106" y="316"/>
                    <a:pt x="106" y="316"/>
                  </a:cubicBezTo>
                  <a:cubicBezTo>
                    <a:pt x="106" y="320"/>
                    <a:pt x="106" y="320"/>
                    <a:pt x="106" y="320"/>
                  </a:cubicBezTo>
                  <a:cubicBezTo>
                    <a:pt x="106" y="320"/>
                    <a:pt x="106" y="320"/>
                    <a:pt x="106" y="320"/>
                  </a:cubicBezTo>
                  <a:cubicBezTo>
                    <a:pt x="106" y="320"/>
                    <a:pt x="106" y="320"/>
                    <a:pt x="106" y="320"/>
                  </a:cubicBezTo>
                  <a:cubicBezTo>
                    <a:pt x="106" y="320"/>
                    <a:pt x="106" y="320"/>
                    <a:pt x="106" y="320"/>
                  </a:cubicBezTo>
                  <a:cubicBezTo>
                    <a:pt x="106" y="362"/>
                    <a:pt x="106" y="362"/>
                    <a:pt x="106" y="362"/>
                  </a:cubicBezTo>
                  <a:cubicBezTo>
                    <a:pt x="106" y="368"/>
                    <a:pt x="111" y="373"/>
                    <a:pt x="117" y="373"/>
                  </a:cubicBezTo>
                  <a:cubicBezTo>
                    <a:pt x="170" y="373"/>
                    <a:pt x="170" y="373"/>
                    <a:pt x="170" y="373"/>
                  </a:cubicBezTo>
                  <a:cubicBezTo>
                    <a:pt x="176" y="373"/>
                    <a:pt x="181" y="368"/>
                    <a:pt x="181" y="362"/>
                  </a:cubicBezTo>
                  <a:cubicBezTo>
                    <a:pt x="181" y="337"/>
                    <a:pt x="181" y="337"/>
                    <a:pt x="181" y="337"/>
                  </a:cubicBezTo>
                  <a:cubicBezTo>
                    <a:pt x="203" y="340"/>
                    <a:pt x="230" y="341"/>
                    <a:pt x="261" y="341"/>
                  </a:cubicBezTo>
                  <a:cubicBezTo>
                    <a:pt x="288" y="341"/>
                    <a:pt x="311" y="340"/>
                    <a:pt x="330" y="338"/>
                  </a:cubicBezTo>
                  <a:cubicBezTo>
                    <a:pt x="330" y="362"/>
                    <a:pt x="330" y="362"/>
                    <a:pt x="330" y="362"/>
                  </a:cubicBezTo>
                  <a:cubicBezTo>
                    <a:pt x="330" y="368"/>
                    <a:pt x="335" y="373"/>
                    <a:pt x="341" y="373"/>
                  </a:cubicBezTo>
                  <a:cubicBezTo>
                    <a:pt x="394" y="373"/>
                    <a:pt x="394" y="373"/>
                    <a:pt x="394" y="373"/>
                  </a:cubicBezTo>
                  <a:cubicBezTo>
                    <a:pt x="400" y="373"/>
                    <a:pt x="405" y="368"/>
                    <a:pt x="405" y="362"/>
                  </a:cubicBezTo>
                  <a:cubicBezTo>
                    <a:pt x="405" y="362"/>
                    <a:pt x="405" y="319"/>
                    <a:pt x="405" y="319"/>
                  </a:cubicBezTo>
                  <a:cubicBezTo>
                    <a:pt x="408" y="316"/>
                    <a:pt x="410" y="314"/>
                    <a:pt x="412" y="311"/>
                  </a:cubicBezTo>
                  <a:cubicBezTo>
                    <a:pt x="416" y="306"/>
                    <a:pt x="416" y="301"/>
                    <a:pt x="416" y="297"/>
                  </a:cubicBezTo>
                  <a:lnTo>
                    <a:pt x="416" y="266"/>
                  </a:lnTo>
                  <a:close/>
                  <a:moveTo>
                    <a:pt x="331" y="153"/>
                  </a:moveTo>
                  <a:cubicBezTo>
                    <a:pt x="329" y="151"/>
                    <a:pt x="321" y="138"/>
                    <a:pt x="309" y="138"/>
                  </a:cubicBezTo>
                  <a:cubicBezTo>
                    <a:pt x="202" y="138"/>
                    <a:pt x="202" y="138"/>
                    <a:pt x="202" y="138"/>
                  </a:cubicBezTo>
                  <a:cubicBezTo>
                    <a:pt x="190" y="138"/>
                    <a:pt x="182" y="150"/>
                    <a:pt x="180" y="153"/>
                  </a:cubicBezTo>
                  <a:cubicBezTo>
                    <a:pt x="164" y="202"/>
                    <a:pt x="164" y="202"/>
                    <a:pt x="164" y="202"/>
                  </a:cubicBezTo>
                  <a:cubicBezTo>
                    <a:pt x="348" y="202"/>
                    <a:pt x="348" y="202"/>
                    <a:pt x="348" y="202"/>
                  </a:cubicBezTo>
                  <a:lnTo>
                    <a:pt x="331" y="153"/>
                  </a:lnTo>
                  <a:close/>
                </a:path>
              </a:pathLst>
            </a:custGeom>
            <a:solidFill>
              <a:srgbClr val="0D8390"/>
            </a:solidFill>
            <a:ln>
              <a:noFill/>
            </a:ln>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grpSp>
      <p:grpSp>
        <p:nvGrpSpPr>
          <p:cNvPr id="161" name="Group 160">
            <a:extLst>
              <a:ext uri="{FF2B5EF4-FFF2-40B4-BE49-F238E27FC236}">
                <a16:creationId xmlns:a16="http://schemas.microsoft.com/office/drawing/2014/main" id="{640D06CF-8342-B3F1-3CEC-5034995810DE}"/>
              </a:ext>
            </a:extLst>
          </p:cNvPr>
          <p:cNvGrpSpPr/>
          <p:nvPr/>
        </p:nvGrpSpPr>
        <p:grpSpPr>
          <a:xfrm>
            <a:off x="6837045" y="3328555"/>
            <a:ext cx="1104042" cy="1024305"/>
            <a:chOff x="7552074" y="3103378"/>
            <a:chExt cx="1104042" cy="1024305"/>
          </a:xfrm>
        </p:grpSpPr>
        <p:sp>
          <p:nvSpPr>
            <p:cNvPr id="149" name="Rectangle 148">
              <a:extLst>
                <a:ext uri="{FF2B5EF4-FFF2-40B4-BE49-F238E27FC236}">
                  <a16:creationId xmlns:a16="http://schemas.microsoft.com/office/drawing/2014/main" id="{D36E52BF-DB75-8D77-FC4C-6EA21D90B612}"/>
                </a:ext>
              </a:extLst>
            </p:cNvPr>
            <p:cNvSpPr/>
            <p:nvPr/>
          </p:nvSpPr>
          <p:spPr>
            <a:xfrm>
              <a:off x="7553019" y="3103378"/>
              <a:ext cx="1103097" cy="1024305"/>
            </a:xfrm>
            <a:prstGeom prst="rect">
              <a:avLst/>
            </a:prstGeom>
            <a:solidFill>
              <a:srgbClr val="FFFFFF"/>
            </a:solidFill>
            <a:ln w="28575" cap="flat" cmpd="sng" algn="ctr">
              <a:solidFill>
                <a:srgbClr val="0D8390"/>
              </a:soli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150" name="TextBox 149">
              <a:extLst>
                <a:ext uri="{FF2B5EF4-FFF2-40B4-BE49-F238E27FC236}">
                  <a16:creationId xmlns:a16="http://schemas.microsoft.com/office/drawing/2014/main" id="{183A87B8-BAC1-C3AB-241D-5DC2FF389A54}"/>
                </a:ext>
              </a:extLst>
            </p:cNvPr>
            <p:cNvSpPr txBox="1"/>
            <p:nvPr/>
          </p:nvSpPr>
          <p:spPr>
            <a:xfrm>
              <a:off x="7552074" y="3851781"/>
              <a:ext cx="1097222" cy="246221"/>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Expenses</a:t>
              </a:r>
            </a:p>
          </p:txBody>
        </p:sp>
        <p:sp>
          <p:nvSpPr>
            <p:cNvPr id="148" name="Freeform 894">
              <a:extLst>
                <a:ext uri="{FF2B5EF4-FFF2-40B4-BE49-F238E27FC236}">
                  <a16:creationId xmlns:a16="http://schemas.microsoft.com/office/drawing/2014/main" id="{60C67356-4EAF-CCB0-5866-6EC0D1F052AB}"/>
                </a:ext>
              </a:extLst>
            </p:cNvPr>
            <p:cNvSpPr>
              <a:spLocks noChangeAspect="1" noEditPoints="1"/>
            </p:cNvSpPr>
            <p:nvPr/>
          </p:nvSpPr>
          <p:spPr bwMode="auto">
            <a:xfrm>
              <a:off x="8210062" y="3169494"/>
              <a:ext cx="367041" cy="368121"/>
            </a:xfrm>
            <a:custGeom>
              <a:avLst/>
              <a:gdLst>
                <a:gd name="T0" fmla="*/ 277 w 512"/>
                <a:gd name="T1" fmla="*/ 269 h 512"/>
                <a:gd name="T2" fmla="*/ 266 w 512"/>
                <a:gd name="T3" fmla="*/ 287 h 512"/>
                <a:gd name="T4" fmla="*/ 266 w 512"/>
                <a:gd name="T5" fmla="*/ 251 h 512"/>
                <a:gd name="T6" fmla="*/ 277 w 512"/>
                <a:gd name="T7" fmla="*/ 269 h 512"/>
                <a:gd name="T8" fmla="*/ 234 w 512"/>
                <a:gd name="T9" fmla="*/ 205 h 512"/>
                <a:gd name="T10" fmla="*/ 245 w 512"/>
                <a:gd name="T11" fmla="*/ 223 h 512"/>
                <a:gd name="T12" fmla="*/ 245 w 512"/>
                <a:gd name="T13" fmla="*/ 187 h 512"/>
                <a:gd name="T14" fmla="*/ 234 w 512"/>
                <a:gd name="T15" fmla="*/ 205 h 512"/>
                <a:gd name="T16" fmla="*/ 330 w 512"/>
                <a:gd name="T17" fmla="*/ 128 h 512"/>
                <a:gd name="T18" fmla="*/ 330 w 512"/>
                <a:gd name="T19" fmla="*/ 404 h 512"/>
                <a:gd name="T20" fmla="*/ 329 w 512"/>
                <a:gd name="T21" fmla="*/ 405 h 512"/>
                <a:gd name="T22" fmla="*/ 183 w 512"/>
                <a:gd name="T23" fmla="*/ 405 h 512"/>
                <a:gd name="T24" fmla="*/ 181 w 512"/>
                <a:gd name="T25" fmla="*/ 405 h 512"/>
                <a:gd name="T26" fmla="*/ 181 w 512"/>
                <a:gd name="T27" fmla="*/ 405 h 512"/>
                <a:gd name="T28" fmla="*/ 181 w 512"/>
                <a:gd name="T29" fmla="*/ 128 h 512"/>
                <a:gd name="T30" fmla="*/ 183 w 512"/>
                <a:gd name="T31" fmla="*/ 128 h 512"/>
                <a:gd name="T32" fmla="*/ 329 w 512"/>
                <a:gd name="T33" fmla="*/ 128 h 512"/>
                <a:gd name="T34" fmla="*/ 330 w 512"/>
                <a:gd name="T35" fmla="*/ 128 h 512"/>
                <a:gd name="T36" fmla="*/ 266 w 512"/>
                <a:gd name="T37" fmla="*/ 373 h 512"/>
                <a:gd name="T38" fmla="*/ 256 w 512"/>
                <a:gd name="T39" fmla="*/ 362 h 512"/>
                <a:gd name="T40" fmla="*/ 245 w 512"/>
                <a:gd name="T41" fmla="*/ 373 h 512"/>
                <a:gd name="T42" fmla="*/ 256 w 512"/>
                <a:gd name="T43" fmla="*/ 384 h 512"/>
                <a:gd name="T44" fmla="*/ 266 w 512"/>
                <a:gd name="T45" fmla="*/ 373 h 512"/>
                <a:gd name="T46" fmla="*/ 298 w 512"/>
                <a:gd name="T47" fmla="*/ 269 h 512"/>
                <a:gd name="T48" fmla="*/ 266 w 512"/>
                <a:gd name="T49" fmla="*/ 228 h 512"/>
                <a:gd name="T50" fmla="*/ 266 w 512"/>
                <a:gd name="T51" fmla="*/ 187 h 512"/>
                <a:gd name="T52" fmla="*/ 274 w 512"/>
                <a:gd name="T53" fmla="*/ 194 h 512"/>
                <a:gd name="T54" fmla="*/ 289 w 512"/>
                <a:gd name="T55" fmla="*/ 198 h 512"/>
                <a:gd name="T56" fmla="*/ 293 w 512"/>
                <a:gd name="T57" fmla="*/ 184 h 512"/>
                <a:gd name="T58" fmla="*/ 266 w 512"/>
                <a:gd name="T59" fmla="*/ 164 h 512"/>
                <a:gd name="T60" fmla="*/ 266 w 512"/>
                <a:gd name="T61" fmla="*/ 160 h 512"/>
                <a:gd name="T62" fmla="*/ 256 w 512"/>
                <a:gd name="T63" fmla="*/ 149 h 512"/>
                <a:gd name="T64" fmla="*/ 245 w 512"/>
                <a:gd name="T65" fmla="*/ 160 h 512"/>
                <a:gd name="T66" fmla="*/ 245 w 512"/>
                <a:gd name="T67" fmla="*/ 164 h 512"/>
                <a:gd name="T68" fmla="*/ 213 w 512"/>
                <a:gd name="T69" fmla="*/ 205 h 512"/>
                <a:gd name="T70" fmla="*/ 245 w 512"/>
                <a:gd name="T71" fmla="*/ 246 h 512"/>
                <a:gd name="T72" fmla="*/ 245 w 512"/>
                <a:gd name="T73" fmla="*/ 287 h 512"/>
                <a:gd name="T74" fmla="*/ 236 w 512"/>
                <a:gd name="T75" fmla="*/ 276 h 512"/>
                <a:gd name="T76" fmla="*/ 222 w 512"/>
                <a:gd name="T77" fmla="*/ 270 h 512"/>
                <a:gd name="T78" fmla="*/ 215 w 512"/>
                <a:gd name="T79" fmla="*/ 283 h 512"/>
                <a:gd name="T80" fmla="*/ 245 w 512"/>
                <a:gd name="T81" fmla="*/ 310 h 512"/>
                <a:gd name="T82" fmla="*/ 245 w 512"/>
                <a:gd name="T83" fmla="*/ 320 h 512"/>
                <a:gd name="T84" fmla="*/ 256 w 512"/>
                <a:gd name="T85" fmla="*/ 330 h 512"/>
                <a:gd name="T86" fmla="*/ 266 w 512"/>
                <a:gd name="T87" fmla="*/ 320 h 512"/>
                <a:gd name="T88" fmla="*/ 266 w 512"/>
                <a:gd name="T89" fmla="*/ 310 h 512"/>
                <a:gd name="T90" fmla="*/ 298 w 512"/>
                <a:gd name="T91" fmla="*/ 269 h 512"/>
                <a:gd name="T92" fmla="*/ 512 w 512"/>
                <a:gd name="T93" fmla="*/ 256 h 512"/>
                <a:gd name="T94" fmla="*/ 256 w 512"/>
                <a:gd name="T95" fmla="*/ 512 h 512"/>
                <a:gd name="T96" fmla="*/ 0 w 512"/>
                <a:gd name="T97" fmla="*/ 256 h 512"/>
                <a:gd name="T98" fmla="*/ 256 w 512"/>
                <a:gd name="T99" fmla="*/ 0 h 512"/>
                <a:gd name="T100" fmla="*/ 512 w 512"/>
                <a:gd name="T101" fmla="*/ 256 h 512"/>
                <a:gd name="T102" fmla="*/ 352 w 512"/>
                <a:gd name="T103" fmla="*/ 128 h 512"/>
                <a:gd name="T104" fmla="*/ 329 w 512"/>
                <a:gd name="T105" fmla="*/ 106 h 512"/>
                <a:gd name="T106" fmla="*/ 183 w 512"/>
                <a:gd name="T107" fmla="*/ 106 h 512"/>
                <a:gd name="T108" fmla="*/ 160 w 512"/>
                <a:gd name="T109" fmla="*/ 128 h 512"/>
                <a:gd name="T110" fmla="*/ 160 w 512"/>
                <a:gd name="T111" fmla="*/ 405 h 512"/>
                <a:gd name="T112" fmla="*/ 183 w 512"/>
                <a:gd name="T113" fmla="*/ 426 h 512"/>
                <a:gd name="T114" fmla="*/ 329 w 512"/>
                <a:gd name="T115" fmla="*/ 426 h 512"/>
                <a:gd name="T116" fmla="*/ 352 w 512"/>
                <a:gd name="T117" fmla="*/ 405 h 512"/>
                <a:gd name="T118" fmla="*/ 352 w 512"/>
                <a:gd name="T119"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77" y="269"/>
                  </a:moveTo>
                  <a:cubicBezTo>
                    <a:pt x="277" y="277"/>
                    <a:pt x="273" y="284"/>
                    <a:pt x="266" y="287"/>
                  </a:cubicBezTo>
                  <a:cubicBezTo>
                    <a:pt x="266" y="251"/>
                    <a:pt x="266" y="251"/>
                    <a:pt x="266" y="251"/>
                  </a:cubicBezTo>
                  <a:cubicBezTo>
                    <a:pt x="273" y="254"/>
                    <a:pt x="277" y="261"/>
                    <a:pt x="277" y="269"/>
                  </a:cubicBezTo>
                  <a:close/>
                  <a:moveTo>
                    <a:pt x="234" y="205"/>
                  </a:moveTo>
                  <a:cubicBezTo>
                    <a:pt x="234" y="213"/>
                    <a:pt x="239" y="220"/>
                    <a:pt x="245" y="223"/>
                  </a:cubicBezTo>
                  <a:cubicBezTo>
                    <a:pt x="245" y="187"/>
                    <a:pt x="245" y="187"/>
                    <a:pt x="245" y="187"/>
                  </a:cubicBezTo>
                  <a:cubicBezTo>
                    <a:pt x="239" y="190"/>
                    <a:pt x="234" y="197"/>
                    <a:pt x="234" y="205"/>
                  </a:cubicBezTo>
                  <a:close/>
                  <a:moveTo>
                    <a:pt x="330" y="128"/>
                  </a:moveTo>
                  <a:cubicBezTo>
                    <a:pt x="330" y="404"/>
                    <a:pt x="330" y="404"/>
                    <a:pt x="330" y="404"/>
                  </a:cubicBezTo>
                  <a:cubicBezTo>
                    <a:pt x="330" y="405"/>
                    <a:pt x="330" y="405"/>
                    <a:pt x="329" y="405"/>
                  </a:cubicBezTo>
                  <a:cubicBezTo>
                    <a:pt x="183" y="405"/>
                    <a:pt x="183" y="405"/>
                    <a:pt x="183" y="405"/>
                  </a:cubicBezTo>
                  <a:cubicBezTo>
                    <a:pt x="182" y="405"/>
                    <a:pt x="181" y="405"/>
                    <a:pt x="181" y="405"/>
                  </a:cubicBezTo>
                  <a:cubicBezTo>
                    <a:pt x="181" y="405"/>
                    <a:pt x="181" y="405"/>
                    <a:pt x="181" y="405"/>
                  </a:cubicBezTo>
                  <a:cubicBezTo>
                    <a:pt x="181" y="128"/>
                    <a:pt x="181" y="128"/>
                    <a:pt x="181" y="128"/>
                  </a:cubicBezTo>
                  <a:cubicBezTo>
                    <a:pt x="181" y="128"/>
                    <a:pt x="181" y="128"/>
                    <a:pt x="183" y="128"/>
                  </a:cubicBezTo>
                  <a:cubicBezTo>
                    <a:pt x="329" y="128"/>
                    <a:pt x="329" y="128"/>
                    <a:pt x="329" y="128"/>
                  </a:cubicBezTo>
                  <a:cubicBezTo>
                    <a:pt x="330" y="128"/>
                    <a:pt x="330" y="128"/>
                    <a:pt x="330" y="128"/>
                  </a:cubicBezTo>
                  <a:close/>
                  <a:moveTo>
                    <a:pt x="266" y="373"/>
                  </a:moveTo>
                  <a:cubicBezTo>
                    <a:pt x="266" y="367"/>
                    <a:pt x="262" y="362"/>
                    <a:pt x="256" y="362"/>
                  </a:cubicBezTo>
                  <a:cubicBezTo>
                    <a:pt x="250" y="362"/>
                    <a:pt x="245" y="367"/>
                    <a:pt x="245" y="373"/>
                  </a:cubicBezTo>
                  <a:cubicBezTo>
                    <a:pt x="245" y="379"/>
                    <a:pt x="250" y="384"/>
                    <a:pt x="256" y="384"/>
                  </a:cubicBezTo>
                  <a:cubicBezTo>
                    <a:pt x="262" y="384"/>
                    <a:pt x="266" y="379"/>
                    <a:pt x="266" y="373"/>
                  </a:cubicBezTo>
                  <a:close/>
                  <a:moveTo>
                    <a:pt x="298" y="269"/>
                  </a:moveTo>
                  <a:cubicBezTo>
                    <a:pt x="298" y="249"/>
                    <a:pt x="285" y="233"/>
                    <a:pt x="266" y="228"/>
                  </a:cubicBezTo>
                  <a:cubicBezTo>
                    <a:pt x="266" y="187"/>
                    <a:pt x="266" y="187"/>
                    <a:pt x="266" y="187"/>
                  </a:cubicBezTo>
                  <a:cubicBezTo>
                    <a:pt x="270" y="188"/>
                    <a:pt x="272" y="191"/>
                    <a:pt x="274" y="194"/>
                  </a:cubicBezTo>
                  <a:cubicBezTo>
                    <a:pt x="277" y="199"/>
                    <a:pt x="284" y="201"/>
                    <a:pt x="289" y="198"/>
                  </a:cubicBezTo>
                  <a:cubicBezTo>
                    <a:pt x="294" y="195"/>
                    <a:pt x="296" y="189"/>
                    <a:pt x="293" y="184"/>
                  </a:cubicBezTo>
                  <a:cubicBezTo>
                    <a:pt x="287" y="174"/>
                    <a:pt x="277" y="167"/>
                    <a:pt x="266" y="164"/>
                  </a:cubicBezTo>
                  <a:cubicBezTo>
                    <a:pt x="266" y="160"/>
                    <a:pt x="266" y="160"/>
                    <a:pt x="266" y="160"/>
                  </a:cubicBezTo>
                  <a:cubicBezTo>
                    <a:pt x="266" y="154"/>
                    <a:pt x="262" y="149"/>
                    <a:pt x="256" y="149"/>
                  </a:cubicBezTo>
                  <a:cubicBezTo>
                    <a:pt x="250" y="149"/>
                    <a:pt x="245" y="154"/>
                    <a:pt x="245" y="160"/>
                  </a:cubicBezTo>
                  <a:cubicBezTo>
                    <a:pt x="245" y="164"/>
                    <a:pt x="245" y="164"/>
                    <a:pt x="245" y="164"/>
                  </a:cubicBezTo>
                  <a:cubicBezTo>
                    <a:pt x="227" y="169"/>
                    <a:pt x="213" y="185"/>
                    <a:pt x="213" y="205"/>
                  </a:cubicBezTo>
                  <a:cubicBezTo>
                    <a:pt x="213" y="225"/>
                    <a:pt x="227" y="241"/>
                    <a:pt x="245" y="246"/>
                  </a:cubicBezTo>
                  <a:cubicBezTo>
                    <a:pt x="245" y="287"/>
                    <a:pt x="245" y="287"/>
                    <a:pt x="245" y="287"/>
                  </a:cubicBezTo>
                  <a:cubicBezTo>
                    <a:pt x="241" y="285"/>
                    <a:pt x="237" y="281"/>
                    <a:pt x="236" y="276"/>
                  </a:cubicBezTo>
                  <a:cubicBezTo>
                    <a:pt x="234" y="271"/>
                    <a:pt x="227" y="268"/>
                    <a:pt x="222" y="270"/>
                  </a:cubicBezTo>
                  <a:cubicBezTo>
                    <a:pt x="216" y="272"/>
                    <a:pt x="213" y="278"/>
                    <a:pt x="215" y="283"/>
                  </a:cubicBezTo>
                  <a:cubicBezTo>
                    <a:pt x="220" y="297"/>
                    <a:pt x="232" y="307"/>
                    <a:pt x="245" y="310"/>
                  </a:cubicBezTo>
                  <a:cubicBezTo>
                    <a:pt x="245" y="320"/>
                    <a:pt x="245" y="320"/>
                    <a:pt x="245" y="320"/>
                  </a:cubicBezTo>
                  <a:cubicBezTo>
                    <a:pt x="245" y="326"/>
                    <a:pt x="250" y="330"/>
                    <a:pt x="256" y="330"/>
                  </a:cubicBezTo>
                  <a:cubicBezTo>
                    <a:pt x="262" y="330"/>
                    <a:pt x="266" y="326"/>
                    <a:pt x="266" y="320"/>
                  </a:cubicBezTo>
                  <a:cubicBezTo>
                    <a:pt x="266" y="310"/>
                    <a:pt x="266" y="310"/>
                    <a:pt x="266" y="310"/>
                  </a:cubicBezTo>
                  <a:cubicBezTo>
                    <a:pt x="285" y="305"/>
                    <a:pt x="298" y="289"/>
                    <a:pt x="298" y="26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2" y="128"/>
                  </a:moveTo>
                  <a:cubicBezTo>
                    <a:pt x="352" y="116"/>
                    <a:pt x="341" y="106"/>
                    <a:pt x="329" y="106"/>
                  </a:cubicBezTo>
                  <a:cubicBezTo>
                    <a:pt x="183" y="106"/>
                    <a:pt x="183" y="106"/>
                    <a:pt x="183" y="106"/>
                  </a:cubicBezTo>
                  <a:cubicBezTo>
                    <a:pt x="170" y="106"/>
                    <a:pt x="160" y="116"/>
                    <a:pt x="160" y="128"/>
                  </a:cubicBezTo>
                  <a:cubicBezTo>
                    <a:pt x="160" y="405"/>
                    <a:pt x="160" y="405"/>
                    <a:pt x="160" y="405"/>
                  </a:cubicBezTo>
                  <a:cubicBezTo>
                    <a:pt x="160" y="417"/>
                    <a:pt x="170" y="426"/>
                    <a:pt x="183" y="426"/>
                  </a:cubicBezTo>
                  <a:cubicBezTo>
                    <a:pt x="329" y="426"/>
                    <a:pt x="329" y="426"/>
                    <a:pt x="329" y="426"/>
                  </a:cubicBezTo>
                  <a:cubicBezTo>
                    <a:pt x="341" y="426"/>
                    <a:pt x="352" y="417"/>
                    <a:pt x="352" y="405"/>
                  </a:cubicBezTo>
                  <a:lnTo>
                    <a:pt x="352" y="128"/>
                  </a:lnTo>
                  <a:close/>
                </a:path>
              </a:pathLst>
            </a:custGeom>
            <a:solidFill>
              <a:srgbClr val="0D8390"/>
            </a:solidFill>
            <a:ln>
              <a:noFill/>
            </a:ln>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grpSp>
      <p:grpSp>
        <p:nvGrpSpPr>
          <p:cNvPr id="193" name="Group 192">
            <a:extLst>
              <a:ext uri="{FF2B5EF4-FFF2-40B4-BE49-F238E27FC236}">
                <a16:creationId xmlns:a16="http://schemas.microsoft.com/office/drawing/2014/main" id="{3D0D6211-606E-E9CC-EE47-D17B8C23BAB8}"/>
              </a:ext>
            </a:extLst>
          </p:cNvPr>
          <p:cNvGrpSpPr/>
          <p:nvPr/>
        </p:nvGrpSpPr>
        <p:grpSpPr>
          <a:xfrm>
            <a:off x="9318770" y="3341406"/>
            <a:ext cx="1114905" cy="1024305"/>
            <a:chOff x="6458399" y="4931600"/>
            <a:chExt cx="1114905" cy="1024305"/>
          </a:xfrm>
        </p:grpSpPr>
        <p:sp>
          <p:nvSpPr>
            <p:cNvPr id="154" name="Rectangle 153">
              <a:extLst>
                <a:ext uri="{FF2B5EF4-FFF2-40B4-BE49-F238E27FC236}">
                  <a16:creationId xmlns:a16="http://schemas.microsoft.com/office/drawing/2014/main" id="{7DE2C290-B67D-8C45-5A2D-FB56459807E2}"/>
                </a:ext>
              </a:extLst>
            </p:cNvPr>
            <p:cNvSpPr/>
            <p:nvPr/>
          </p:nvSpPr>
          <p:spPr>
            <a:xfrm>
              <a:off x="6458399" y="4931600"/>
              <a:ext cx="1103096" cy="1024305"/>
            </a:xfrm>
            <a:prstGeom prst="rect">
              <a:avLst/>
            </a:prstGeom>
            <a:solidFill>
              <a:srgbClr val="FFFFFF"/>
            </a:solidFill>
            <a:ln w="28575" cap="flat" cmpd="sng" algn="ctr">
              <a:solidFill>
                <a:srgbClr val="C00000"/>
              </a:soli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157" name="TextBox 156">
              <a:extLst>
                <a:ext uri="{FF2B5EF4-FFF2-40B4-BE49-F238E27FC236}">
                  <a16:creationId xmlns:a16="http://schemas.microsoft.com/office/drawing/2014/main" id="{0959C6A4-82CE-26CE-7C7E-B0F7D78BF81E}"/>
                </a:ext>
              </a:extLst>
            </p:cNvPr>
            <p:cNvSpPr txBox="1"/>
            <p:nvPr/>
          </p:nvSpPr>
          <p:spPr>
            <a:xfrm>
              <a:off x="6476082" y="5625975"/>
              <a:ext cx="1097222" cy="246221"/>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Inventory</a:t>
              </a:r>
            </a:p>
          </p:txBody>
        </p:sp>
        <p:sp>
          <p:nvSpPr>
            <p:cNvPr id="153" name="Freeform 384">
              <a:extLst>
                <a:ext uri="{FF2B5EF4-FFF2-40B4-BE49-F238E27FC236}">
                  <a16:creationId xmlns:a16="http://schemas.microsoft.com/office/drawing/2014/main" id="{C5E94659-87CD-940D-121A-9FA32171AED8}"/>
                </a:ext>
              </a:extLst>
            </p:cNvPr>
            <p:cNvSpPr>
              <a:spLocks noChangeAspect="1" noEditPoints="1"/>
            </p:cNvSpPr>
            <p:nvPr/>
          </p:nvSpPr>
          <p:spPr bwMode="auto">
            <a:xfrm>
              <a:off x="7133898" y="4991545"/>
              <a:ext cx="369676" cy="369676"/>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6 w 512"/>
                <a:gd name="T11" fmla="*/ 152 h 512"/>
                <a:gd name="T12" fmla="*/ 220 w 512"/>
                <a:gd name="T13" fmla="*/ 145 h 512"/>
                <a:gd name="T14" fmla="*/ 340 w 512"/>
                <a:gd name="T15" fmla="*/ 189 h 512"/>
                <a:gd name="T16" fmla="*/ 347 w 512"/>
                <a:gd name="T17" fmla="*/ 202 h 512"/>
                <a:gd name="T18" fmla="*/ 337 w 512"/>
                <a:gd name="T19" fmla="*/ 209 h 512"/>
                <a:gd name="T20" fmla="*/ 333 w 512"/>
                <a:gd name="T21" fmla="*/ 209 h 512"/>
                <a:gd name="T22" fmla="*/ 213 w 512"/>
                <a:gd name="T23" fmla="*/ 166 h 512"/>
                <a:gd name="T24" fmla="*/ 206 w 512"/>
                <a:gd name="T25" fmla="*/ 152 h 512"/>
                <a:gd name="T26" fmla="*/ 190 w 512"/>
                <a:gd name="T27" fmla="*/ 209 h 512"/>
                <a:gd name="T28" fmla="*/ 202 w 512"/>
                <a:gd name="T29" fmla="*/ 201 h 512"/>
                <a:gd name="T30" fmla="*/ 328 w 512"/>
                <a:gd name="T31" fmla="*/ 226 h 512"/>
                <a:gd name="T32" fmla="*/ 336 w 512"/>
                <a:gd name="T33" fmla="*/ 239 h 512"/>
                <a:gd name="T34" fmla="*/ 325 w 512"/>
                <a:gd name="T35" fmla="*/ 247 h 512"/>
                <a:gd name="T36" fmla="*/ 323 w 512"/>
                <a:gd name="T37" fmla="*/ 247 h 512"/>
                <a:gd name="T38" fmla="*/ 198 w 512"/>
                <a:gd name="T39" fmla="*/ 221 h 512"/>
                <a:gd name="T40" fmla="*/ 190 w 512"/>
                <a:gd name="T41" fmla="*/ 209 h 512"/>
                <a:gd name="T42" fmla="*/ 193 w 512"/>
                <a:gd name="T43" fmla="*/ 254 h 512"/>
                <a:gd name="T44" fmla="*/ 321 w 512"/>
                <a:gd name="T45" fmla="*/ 266 h 512"/>
                <a:gd name="T46" fmla="*/ 330 w 512"/>
                <a:gd name="T47" fmla="*/ 278 h 512"/>
                <a:gd name="T48" fmla="*/ 320 w 512"/>
                <a:gd name="T49" fmla="*/ 288 h 512"/>
                <a:gd name="T50" fmla="*/ 319 w 512"/>
                <a:gd name="T51" fmla="*/ 288 h 512"/>
                <a:gd name="T52" fmla="*/ 191 w 512"/>
                <a:gd name="T53" fmla="*/ 275 h 512"/>
                <a:gd name="T54" fmla="*/ 182 w 512"/>
                <a:gd name="T55" fmla="*/ 263 h 512"/>
                <a:gd name="T56" fmla="*/ 193 w 512"/>
                <a:gd name="T57" fmla="*/ 254 h 512"/>
                <a:gd name="T58" fmla="*/ 192 w 512"/>
                <a:gd name="T59" fmla="*/ 309 h 512"/>
                <a:gd name="T60" fmla="*/ 320 w 512"/>
                <a:gd name="T61" fmla="*/ 309 h 512"/>
                <a:gd name="T62" fmla="*/ 330 w 512"/>
                <a:gd name="T63" fmla="*/ 320 h 512"/>
                <a:gd name="T64" fmla="*/ 320 w 512"/>
                <a:gd name="T65" fmla="*/ 330 h 512"/>
                <a:gd name="T66" fmla="*/ 192 w 512"/>
                <a:gd name="T67" fmla="*/ 330 h 512"/>
                <a:gd name="T68" fmla="*/ 181 w 512"/>
                <a:gd name="T69" fmla="*/ 320 h 512"/>
                <a:gd name="T70" fmla="*/ 192 w 512"/>
                <a:gd name="T71" fmla="*/ 309 h 512"/>
                <a:gd name="T72" fmla="*/ 373 w 512"/>
                <a:gd name="T73" fmla="*/ 362 h 512"/>
                <a:gd name="T74" fmla="*/ 362 w 512"/>
                <a:gd name="T75" fmla="*/ 373 h 512"/>
                <a:gd name="T76" fmla="*/ 149 w 512"/>
                <a:gd name="T77" fmla="*/ 373 h 512"/>
                <a:gd name="T78" fmla="*/ 138 w 512"/>
                <a:gd name="T79" fmla="*/ 362 h 512"/>
                <a:gd name="T80" fmla="*/ 138 w 512"/>
                <a:gd name="T81" fmla="*/ 298 h 512"/>
                <a:gd name="T82" fmla="*/ 149 w 512"/>
                <a:gd name="T83" fmla="*/ 288 h 512"/>
                <a:gd name="T84" fmla="*/ 160 w 512"/>
                <a:gd name="T85" fmla="*/ 298 h 512"/>
                <a:gd name="T86" fmla="*/ 160 w 512"/>
                <a:gd name="T87" fmla="*/ 352 h 512"/>
                <a:gd name="T88" fmla="*/ 352 w 512"/>
                <a:gd name="T89" fmla="*/ 352 h 512"/>
                <a:gd name="T90" fmla="*/ 352 w 512"/>
                <a:gd name="T91" fmla="*/ 298 h 512"/>
                <a:gd name="T92" fmla="*/ 362 w 512"/>
                <a:gd name="T93" fmla="*/ 288 h 512"/>
                <a:gd name="T94" fmla="*/ 373 w 512"/>
                <a:gd name="T95" fmla="*/ 298 h 512"/>
                <a:gd name="T96" fmla="*/ 373 w 512"/>
                <a:gd name="T9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6" y="152"/>
                  </a:moveTo>
                  <a:cubicBezTo>
                    <a:pt x="208" y="146"/>
                    <a:pt x="214" y="143"/>
                    <a:pt x="220" y="145"/>
                  </a:cubicBezTo>
                  <a:cubicBezTo>
                    <a:pt x="340" y="189"/>
                    <a:pt x="340" y="189"/>
                    <a:pt x="340" y="189"/>
                  </a:cubicBezTo>
                  <a:cubicBezTo>
                    <a:pt x="346" y="191"/>
                    <a:pt x="349" y="197"/>
                    <a:pt x="347" y="202"/>
                  </a:cubicBezTo>
                  <a:cubicBezTo>
                    <a:pt x="345" y="207"/>
                    <a:pt x="341" y="209"/>
                    <a:pt x="337" y="209"/>
                  </a:cubicBezTo>
                  <a:cubicBezTo>
                    <a:pt x="336" y="209"/>
                    <a:pt x="334" y="209"/>
                    <a:pt x="333" y="209"/>
                  </a:cubicBezTo>
                  <a:cubicBezTo>
                    <a:pt x="213" y="166"/>
                    <a:pt x="213" y="166"/>
                    <a:pt x="213" y="166"/>
                  </a:cubicBezTo>
                  <a:cubicBezTo>
                    <a:pt x="207" y="164"/>
                    <a:pt x="204" y="157"/>
                    <a:pt x="206" y="152"/>
                  </a:cubicBezTo>
                  <a:close/>
                  <a:moveTo>
                    <a:pt x="190" y="209"/>
                  </a:moveTo>
                  <a:cubicBezTo>
                    <a:pt x="191" y="203"/>
                    <a:pt x="196" y="199"/>
                    <a:pt x="202" y="201"/>
                  </a:cubicBezTo>
                  <a:cubicBezTo>
                    <a:pt x="328" y="226"/>
                    <a:pt x="328" y="226"/>
                    <a:pt x="328" y="226"/>
                  </a:cubicBezTo>
                  <a:cubicBezTo>
                    <a:pt x="333" y="227"/>
                    <a:pt x="337" y="233"/>
                    <a:pt x="336" y="239"/>
                  </a:cubicBezTo>
                  <a:cubicBezTo>
                    <a:pt x="335" y="244"/>
                    <a:pt x="330" y="247"/>
                    <a:pt x="325" y="247"/>
                  </a:cubicBezTo>
                  <a:cubicBezTo>
                    <a:pt x="325" y="247"/>
                    <a:pt x="324" y="247"/>
                    <a:pt x="323" y="247"/>
                  </a:cubicBezTo>
                  <a:cubicBezTo>
                    <a:pt x="198" y="221"/>
                    <a:pt x="198" y="221"/>
                    <a:pt x="198" y="221"/>
                  </a:cubicBezTo>
                  <a:cubicBezTo>
                    <a:pt x="192" y="220"/>
                    <a:pt x="188" y="215"/>
                    <a:pt x="190" y="209"/>
                  </a:cubicBezTo>
                  <a:close/>
                  <a:moveTo>
                    <a:pt x="193" y="254"/>
                  </a:moveTo>
                  <a:cubicBezTo>
                    <a:pt x="321" y="266"/>
                    <a:pt x="321" y="266"/>
                    <a:pt x="321" y="266"/>
                  </a:cubicBezTo>
                  <a:cubicBezTo>
                    <a:pt x="327" y="267"/>
                    <a:pt x="331" y="272"/>
                    <a:pt x="330" y="278"/>
                  </a:cubicBezTo>
                  <a:cubicBezTo>
                    <a:pt x="330" y="284"/>
                    <a:pt x="325" y="288"/>
                    <a:pt x="320" y="288"/>
                  </a:cubicBezTo>
                  <a:cubicBezTo>
                    <a:pt x="319" y="288"/>
                    <a:pt x="319" y="288"/>
                    <a:pt x="319" y="288"/>
                  </a:cubicBezTo>
                  <a:cubicBezTo>
                    <a:pt x="191" y="275"/>
                    <a:pt x="191" y="275"/>
                    <a:pt x="191" y="275"/>
                  </a:cubicBezTo>
                  <a:cubicBezTo>
                    <a:pt x="185" y="274"/>
                    <a:pt x="181" y="269"/>
                    <a:pt x="182" y="263"/>
                  </a:cubicBezTo>
                  <a:cubicBezTo>
                    <a:pt x="182" y="257"/>
                    <a:pt x="187" y="253"/>
                    <a:pt x="193" y="254"/>
                  </a:cubicBezTo>
                  <a:close/>
                  <a:moveTo>
                    <a:pt x="192" y="309"/>
                  </a:moveTo>
                  <a:cubicBezTo>
                    <a:pt x="320" y="309"/>
                    <a:pt x="320" y="309"/>
                    <a:pt x="320" y="309"/>
                  </a:cubicBezTo>
                  <a:cubicBezTo>
                    <a:pt x="326" y="309"/>
                    <a:pt x="330" y="314"/>
                    <a:pt x="330" y="320"/>
                  </a:cubicBezTo>
                  <a:cubicBezTo>
                    <a:pt x="330" y="326"/>
                    <a:pt x="326" y="330"/>
                    <a:pt x="320" y="330"/>
                  </a:cubicBezTo>
                  <a:cubicBezTo>
                    <a:pt x="192" y="330"/>
                    <a:pt x="192" y="330"/>
                    <a:pt x="192" y="330"/>
                  </a:cubicBezTo>
                  <a:cubicBezTo>
                    <a:pt x="186" y="330"/>
                    <a:pt x="181" y="326"/>
                    <a:pt x="181" y="320"/>
                  </a:cubicBezTo>
                  <a:cubicBezTo>
                    <a:pt x="181" y="314"/>
                    <a:pt x="186" y="309"/>
                    <a:pt x="192" y="309"/>
                  </a:cubicBezTo>
                  <a:close/>
                  <a:moveTo>
                    <a:pt x="373" y="362"/>
                  </a:moveTo>
                  <a:cubicBezTo>
                    <a:pt x="373" y="368"/>
                    <a:pt x="368" y="373"/>
                    <a:pt x="362" y="373"/>
                  </a:cubicBezTo>
                  <a:cubicBezTo>
                    <a:pt x="149" y="373"/>
                    <a:pt x="149" y="373"/>
                    <a:pt x="149" y="373"/>
                  </a:cubicBezTo>
                  <a:cubicBezTo>
                    <a:pt x="143" y="373"/>
                    <a:pt x="138" y="368"/>
                    <a:pt x="138" y="362"/>
                  </a:cubicBezTo>
                  <a:cubicBezTo>
                    <a:pt x="138" y="298"/>
                    <a:pt x="138" y="298"/>
                    <a:pt x="138" y="298"/>
                  </a:cubicBezTo>
                  <a:cubicBezTo>
                    <a:pt x="138" y="292"/>
                    <a:pt x="143" y="288"/>
                    <a:pt x="149" y="288"/>
                  </a:cubicBezTo>
                  <a:cubicBezTo>
                    <a:pt x="155" y="288"/>
                    <a:pt x="160" y="292"/>
                    <a:pt x="160" y="298"/>
                  </a:cubicBezTo>
                  <a:cubicBezTo>
                    <a:pt x="160" y="352"/>
                    <a:pt x="160" y="352"/>
                    <a:pt x="160" y="352"/>
                  </a:cubicBezTo>
                  <a:cubicBezTo>
                    <a:pt x="352" y="352"/>
                    <a:pt x="352" y="352"/>
                    <a:pt x="352" y="352"/>
                  </a:cubicBezTo>
                  <a:cubicBezTo>
                    <a:pt x="352" y="298"/>
                    <a:pt x="352" y="298"/>
                    <a:pt x="352" y="298"/>
                  </a:cubicBezTo>
                  <a:cubicBezTo>
                    <a:pt x="352" y="292"/>
                    <a:pt x="356" y="288"/>
                    <a:pt x="362" y="288"/>
                  </a:cubicBezTo>
                  <a:cubicBezTo>
                    <a:pt x="368" y="288"/>
                    <a:pt x="373" y="292"/>
                    <a:pt x="373" y="298"/>
                  </a:cubicBezTo>
                  <a:lnTo>
                    <a:pt x="373" y="362"/>
                  </a:lnTo>
                  <a:close/>
                </a:path>
              </a:pathLst>
            </a:custGeom>
            <a:solidFill>
              <a:srgbClr val="C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grpSp>
      <p:grpSp>
        <p:nvGrpSpPr>
          <p:cNvPr id="26" name="Group 25">
            <a:extLst>
              <a:ext uri="{FF2B5EF4-FFF2-40B4-BE49-F238E27FC236}">
                <a16:creationId xmlns:a16="http://schemas.microsoft.com/office/drawing/2014/main" id="{62649D33-94E0-EAE1-0C7D-9B6E4BEDBE56}"/>
              </a:ext>
            </a:extLst>
          </p:cNvPr>
          <p:cNvGrpSpPr/>
          <p:nvPr/>
        </p:nvGrpSpPr>
        <p:grpSpPr>
          <a:xfrm>
            <a:off x="5622800" y="4437542"/>
            <a:ext cx="1108693" cy="1041981"/>
            <a:chOff x="3152810" y="5021962"/>
            <a:chExt cx="1108693" cy="1041981"/>
          </a:xfrm>
        </p:grpSpPr>
        <p:sp>
          <p:nvSpPr>
            <p:cNvPr id="173" name="Rectangle 172">
              <a:extLst>
                <a:ext uri="{FF2B5EF4-FFF2-40B4-BE49-F238E27FC236}">
                  <a16:creationId xmlns:a16="http://schemas.microsoft.com/office/drawing/2014/main" id="{A99DECC3-B20E-B4A8-4C74-AA2A1D28663A}"/>
                </a:ext>
              </a:extLst>
            </p:cNvPr>
            <p:cNvSpPr/>
            <p:nvPr/>
          </p:nvSpPr>
          <p:spPr>
            <a:xfrm>
              <a:off x="3152810" y="5021962"/>
              <a:ext cx="1103097" cy="1024305"/>
            </a:xfrm>
            <a:prstGeom prst="rect">
              <a:avLst/>
            </a:prstGeom>
            <a:solidFill>
              <a:srgbClr val="FFFFFF"/>
            </a:solidFill>
            <a:ln w="28575" cap="flat" cmpd="sng" algn="ctr">
              <a:solidFill>
                <a:srgbClr val="0D8390"/>
              </a:soli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174" name="TextBox 173">
              <a:extLst>
                <a:ext uri="{FF2B5EF4-FFF2-40B4-BE49-F238E27FC236}">
                  <a16:creationId xmlns:a16="http://schemas.microsoft.com/office/drawing/2014/main" id="{255873DC-A9BD-CFBA-12FE-9F354E3634BC}"/>
                </a:ext>
              </a:extLst>
            </p:cNvPr>
            <p:cNvSpPr txBox="1"/>
            <p:nvPr/>
          </p:nvSpPr>
          <p:spPr>
            <a:xfrm>
              <a:off x="3164281" y="5509945"/>
              <a:ext cx="1097222" cy="553998"/>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Non-Sponsored Revenue</a:t>
              </a:r>
            </a:p>
          </p:txBody>
        </p:sp>
        <p:sp>
          <p:nvSpPr>
            <p:cNvPr id="172" name="Freeform 77">
              <a:extLst>
                <a:ext uri="{FF2B5EF4-FFF2-40B4-BE49-F238E27FC236}">
                  <a16:creationId xmlns:a16="http://schemas.microsoft.com/office/drawing/2014/main" id="{1CD7211B-4CA2-836F-6F35-CFF241B3CC0F}"/>
                </a:ext>
              </a:extLst>
            </p:cNvPr>
            <p:cNvSpPr>
              <a:spLocks noChangeAspect="1" noEditPoints="1"/>
            </p:cNvSpPr>
            <p:nvPr/>
          </p:nvSpPr>
          <p:spPr bwMode="auto">
            <a:xfrm>
              <a:off x="3799382" y="5123178"/>
              <a:ext cx="368238" cy="368152"/>
            </a:xfrm>
            <a:custGeom>
              <a:avLst/>
              <a:gdLst>
                <a:gd name="T0" fmla="*/ 0 w 512"/>
                <a:gd name="T1" fmla="*/ 256 h 512"/>
                <a:gd name="T2" fmla="*/ 512 w 512"/>
                <a:gd name="T3" fmla="*/ 256 h 512"/>
                <a:gd name="T4" fmla="*/ 192 w 512"/>
                <a:gd name="T5" fmla="*/ 160 h 512"/>
                <a:gd name="T6" fmla="*/ 216 w 512"/>
                <a:gd name="T7" fmla="*/ 170 h 512"/>
                <a:gd name="T8" fmla="*/ 253 w 512"/>
                <a:gd name="T9" fmla="*/ 170 h 512"/>
                <a:gd name="T10" fmla="*/ 320 w 512"/>
                <a:gd name="T11" fmla="*/ 160 h 512"/>
                <a:gd name="T12" fmla="*/ 320 w 512"/>
                <a:gd name="T13" fmla="*/ 202 h 512"/>
                <a:gd name="T14" fmla="*/ 253 w 512"/>
                <a:gd name="T15" fmla="*/ 192 h 512"/>
                <a:gd name="T16" fmla="*/ 216 w 512"/>
                <a:gd name="T17" fmla="*/ 192 h 512"/>
                <a:gd name="T18" fmla="*/ 192 w 512"/>
                <a:gd name="T19" fmla="*/ 202 h 512"/>
                <a:gd name="T20" fmla="*/ 192 w 512"/>
                <a:gd name="T21" fmla="*/ 160 h 512"/>
                <a:gd name="T22" fmla="*/ 210 w 512"/>
                <a:gd name="T23" fmla="*/ 245 h 512"/>
                <a:gd name="T24" fmla="*/ 277 w 512"/>
                <a:gd name="T25" fmla="*/ 234 h 512"/>
                <a:gd name="T26" fmla="*/ 301 w 512"/>
                <a:gd name="T27" fmla="*/ 245 h 512"/>
                <a:gd name="T28" fmla="*/ 341 w 512"/>
                <a:gd name="T29" fmla="*/ 256 h 512"/>
                <a:gd name="T30" fmla="*/ 301 w 512"/>
                <a:gd name="T31" fmla="*/ 266 h 512"/>
                <a:gd name="T32" fmla="*/ 277 w 512"/>
                <a:gd name="T33" fmla="*/ 277 h 512"/>
                <a:gd name="T34" fmla="*/ 210 w 512"/>
                <a:gd name="T35" fmla="*/ 266 h 512"/>
                <a:gd name="T36" fmla="*/ 170 w 512"/>
                <a:gd name="T37" fmla="*/ 256 h 512"/>
                <a:gd name="T38" fmla="*/ 192 w 512"/>
                <a:gd name="T39" fmla="*/ 309 h 512"/>
                <a:gd name="T40" fmla="*/ 237 w 512"/>
                <a:gd name="T41" fmla="*/ 320 h 512"/>
                <a:gd name="T42" fmla="*/ 274 w 512"/>
                <a:gd name="T43" fmla="*/ 320 h 512"/>
                <a:gd name="T44" fmla="*/ 320 w 512"/>
                <a:gd name="T45" fmla="*/ 309 h 512"/>
                <a:gd name="T46" fmla="*/ 320 w 512"/>
                <a:gd name="T47" fmla="*/ 352 h 512"/>
                <a:gd name="T48" fmla="*/ 274 w 512"/>
                <a:gd name="T49" fmla="*/ 341 h 512"/>
                <a:gd name="T50" fmla="*/ 237 w 512"/>
                <a:gd name="T51" fmla="*/ 341 h 512"/>
                <a:gd name="T52" fmla="*/ 192 w 512"/>
                <a:gd name="T53" fmla="*/ 352 h 512"/>
                <a:gd name="T54" fmla="*/ 192 w 512"/>
                <a:gd name="T55" fmla="*/ 309 h 512"/>
                <a:gd name="T56" fmla="*/ 128 w 512"/>
                <a:gd name="T57" fmla="*/ 394 h 512"/>
                <a:gd name="T58" fmla="*/ 128 w 512"/>
                <a:gd name="T59" fmla="*/ 373 h 512"/>
                <a:gd name="T60" fmla="*/ 138 w 512"/>
                <a:gd name="T61" fmla="*/ 117 h 512"/>
                <a:gd name="T62" fmla="*/ 149 w 512"/>
                <a:gd name="T63" fmla="*/ 373 h 512"/>
                <a:gd name="T64" fmla="*/ 362 w 512"/>
                <a:gd name="T65" fmla="*/ 128 h 512"/>
                <a:gd name="T66" fmla="*/ 384 w 512"/>
                <a:gd name="T67" fmla="*/ 128 h 512"/>
                <a:gd name="T68" fmla="*/ 394 w 512"/>
                <a:gd name="T69"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92" y="160"/>
                  </a:moveTo>
                  <a:cubicBezTo>
                    <a:pt x="200" y="160"/>
                    <a:pt x="206" y="164"/>
                    <a:pt x="210" y="170"/>
                  </a:cubicBezTo>
                  <a:cubicBezTo>
                    <a:pt x="216" y="170"/>
                    <a:pt x="216" y="170"/>
                    <a:pt x="216" y="170"/>
                  </a:cubicBezTo>
                  <a:cubicBezTo>
                    <a:pt x="220" y="164"/>
                    <a:pt x="226" y="160"/>
                    <a:pt x="234" y="160"/>
                  </a:cubicBezTo>
                  <a:cubicBezTo>
                    <a:pt x="242" y="160"/>
                    <a:pt x="249" y="164"/>
                    <a:pt x="253" y="170"/>
                  </a:cubicBezTo>
                  <a:cubicBezTo>
                    <a:pt x="301" y="170"/>
                    <a:pt x="301" y="170"/>
                    <a:pt x="301" y="170"/>
                  </a:cubicBezTo>
                  <a:cubicBezTo>
                    <a:pt x="305" y="164"/>
                    <a:pt x="312" y="160"/>
                    <a:pt x="320" y="160"/>
                  </a:cubicBezTo>
                  <a:cubicBezTo>
                    <a:pt x="331" y="160"/>
                    <a:pt x="341" y="169"/>
                    <a:pt x="341" y="181"/>
                  </a:cubicBezTo>
                  <a:cubicBezTo>
                    <a:pt x="341" y="193"/>
                    <a:pt x="331" y="202"/>
                    <a:pt x="320" y="202"/>
                  </a:cubicBezTo>
                  <a:cubicBezTo>
                    <a:pt x="312" y="202"/>
                    <a:pt x="305" y="198"/>
                    <a:pt x="301" y="192"/>
                  </a:cubicBezTo>
                  <a:cubicBezTo>
                    <a:pt x="253" y="192"/>
                    <a:pt x="253" y="192"/>
                    <a:pt x="253" y="192"/>
                  </a:cubicBezTo>
                  <a:cubicBezTo>
                    <a:pt x="249" y="198"/>
                    <a:pt x="242" y="202"/>
                    <a:pt x="234" y="202"/>
                  </a:cubicBezTo>
                  <a:cubicBezTo>
                    <a:pt x="226" y="202"/>
                    <a:pt x="220" y="198"/>
                    <a:pt x="216" y="192"/>
                  </a:cubicBezTo>
                  <a:cubicBezTo>
                    <a:pt x="210" y="192"/>
                    <a:pt x="210" y="192"/>
                    <a:pt x="210" y="192"/>
                  </a:cubicBezTo>
                  <a:cubicBezTo>
                    <a:pt x="206" y="198"/>
                    <a:pt x="200" y="202"/>
                    <a:pt x="192" y="202"/>
                  </a:cubicBezTo>
                  <a:cubicBezTo>
                    <a:pt x="180" y="202"/>
                    <a:pt x="170" y="193"/>
                    <a:pt x="170" y="181"/>
                  </a:cubicBezTo>
                  <a:cubicBezTo>
                    <a:pt x="170" y="169"/>
                    <a:pt x="180" y="160"/>
                    <a:pt x="192" y="160"/>
                  </a:cubicBezTo>
                  <a:close/>
                  <a:moveTo>
                    <a:pt x="192" y="234"/>
                  </a:moveTo>
                  <a:cubicBezTo>
                    <a:pt x="200" y="234"/>
                    <a:pt x="206" y="239"/>
                    <a:pt x="210" y="245"/>
                  </a:cubicBezTo>
                  <a:cubicBezTo>
                    <a:pt x="259" y="245"/>
                    <a:pt x="259" y="245"/>
                    <a:pt x="259" y="245"/>
                  </a:cubicBezTo>
                  <a:cubicBezTo>
                    <a:pt x="262" y="239"/>
                    <a:pt x="269" y="234"/>
                    <a:pt x="277" y="234"/>
                  </a:cubicBezTo>
                  <a:cubicBezTo>
                    <a:pt x="285" y="234"/>
                    <a:pt x="292" y="239"/>
                    <a:pt x="295" y="245"/>
                  </a:cubicBezTo>
                  <a:cubicBezTo>
                    <a:pt x="301" y="245"/>
                    <a:pt x="301" y="245"/>
                    <a:pt x="301" y="245"/>
                  </a:cubicBezTo>
                  <a:cubicBezTo>
                    <a:pt x="305" y="239"/>
                    <a:pt x="312" y="234"/>
                    <a:pt x="320" y="234"/>
                  </a:cubicBezTo>
                  <a:cubicBezTo>
                    <a:pt x="331" y="234"/>
                    <a:pt x="341" y="244"/>
                    <a:pt x="341" y="256"/>
                  </a:cubicBezTo>
                  <a:cubicBezTo>
                    <a:pt x="341" y="267"/>
                    <a:pt x="331" y="277"/>
                    <a:pt x="320" y="277"/>
                  </a:cubicBezTo>
                  <a:cubicBezTo>
                    <a:pt x="312" y="277"/>
                    <a:pt x="305" y="273"/>
                    <a:pt x="301" y="266"/>
                  </a:cubicBezTo>
                  <a:cubicBezTo>
                    <a:pt x="295" y="266"/>
                    <a:pt x="295" y="266"/>
                    <a:pt x="295" y="266"/>
                  </a:cubicBezTo>
                  <a:cubicBezTo>
                    <a:pt x="292" y="273"/>
                    <a:pt x="285" y="277"/>
                    <a:pt x="277" y="277"/>
                  </a:cubicBezTo>
                  <a:cubicBezTo>
                    <a:pt x="269" y="277"/>
                    <a:pt x="262" y="273"/>
                    <a:pt x="259" y="266"/>
                  </a:cubicBezTo>
                  <a:cubicBezTo>
                    <a:pt x="210" y="266"/>
                    <a:pt x="210" y="266"/>
                    <a:pt x="210" y="266"/>
                  </a:cubicBezTo>
                  <a:cubicBezTo>
                    <a:pt x="206" y="273"/>
                    <a:pt x="200" y="277"/>
                    <a:pt x="192" y="277"/>
                  </a:cubicBezTo>
                  <a:cubicBezTo>
                    <a:pt x="180" y="277"/>
                    <a:pt x="170" y="267"/>
                    <a:pt x="170" y="256"/>
                  </a:cubicBezTo>
                  <a:cubicBezTo>
                    <a:pt x="170" y="244"/>
                    <a:pt x="180" y="234"/>
                    <a:pt x="192" y="234"/>
                  </a:cubicBezTo>
                  <a:close/>
                  <a:moveTo>
                    <a:pt x="192" y="309"/>
                  </a:moveTo>
                  <a:cubicBezTo>
                    <a:pt x="200" y="309"/>
                    <a:pt x="206" y="313"/>
                    <a:pt x="210" y="320"/>
                  </a:cubicBezTo>
                  <a:cubicBezTo>
                    <a:pt x="237" y="320"/>
                    <a:pt x="237" y="320"/>
                    <a:pt x="237" y="320"/>
                  </a:cubicBezTo>
                  <a:cubicBezTo>
                    <a:pt x="241" y="313"/>
                    <a:pt x="248" y="309"/>
                    <a:pt x="256" y="309"/>
                  </a:cubicBezTo>
                  <a:cubicBezTo>
                    <a:pt x="264" y="309"/>
                    <a:pt x="270" y="313"/>
                    <a:pt x="274" y="320"/>
                  </a:cubicBezTo>
                  <a:cubicBezTo>
                    <a:pt x="301" y="320"/>
                    <a:pt x="301" y="320"/>
                    <a:pt x="301" y="320"/>
                  </a:cubicBezTo>
                  <a:cubicBezTo>
                    <a:pt x="305" y="313"/>
                    <a:pt x="312" y="309"/>
                    <a:pt x="320" y="309"/>
                  </a:cubicBezTo>
                  <a:cubicBezTo>
                    <a:pt x="331" y="309"/>
                    <a:pt x="341" y="319"/>
                    <a:pt x="341" y="330"/>
                  </a:cubicBezTo>
                  <a:cubicBezTo>
                    <a:pt x="341" y="342"/>
                    <a:pt x="331" y="352"/>
                    <a:pt x="320" y="352"/>
                  </a:cubicBezTo>
                  <a:cubicBezTo>
                    <a:pt x="312" y="352"/>
                    <a:pt x="305" y="347"/>
                    <a:pt x="301" y="341"/>
                  </a:cubicBezTo>
                  <a:cubicBezTo>
                    <a:pt x="274" y="341"/>
                    <a:pt x="274" y="341"/>
                    <a:pt x="274" y="341"/>
                  </a:cubicBezTo>
                  <a:cubicBezTo>
                    <a:pt x="270" y="347"/>
                    <a:pt x="264" y="352"/>
                    <a:pt x="256" y="352"/>
                  </a:cubicBezTo>
                  <a:cubicBezTo>
                    <a:pt x="248" y="352"/>
                    <a:pt x="241" y="347"/>
                    <a:pt x="237" y="341"/>
                  </a:cubicBezTo>
                  <a:cubicBezTo>
                    <a:pt x="210" y="341"/>
                    <a:pt x="210" y="341"/>
                    <a:pt x="210" y="341"/>
                  </a:cubicBezTo>
                  <a:cubicBezTo>
                    <a:pt x="206" y="347"/>
                    <a:pt x="200" y="352"/>
                    <a:pt x="192" y="352"/>
                  </a:cubicBezTo>
                  <a:cubicBezTo>
                    <a:pt x="180" y="352"/>
                    <a:pt x="170" y="342"/>
                    <a:pt x="170" y="330"/>
                  </a:cubicBezTo>
                  <a:cubicBezTo>
                    <a:pt x="170" y="319"/>
                    <a:pt x="180" y="309"/>
                    <a:pt x="192" y="309"/>
                  </a:cubicBezTo>
                  <a:close/>
                  <a:moveTo>
                    <a:pt x="384" y="394"/>
                  </a:moveTo>
                  <a:cubicBezTo>
                    <a:pt x="128" y="394"/>
                    <a:pt x="128" y="394"/>
                    <a:pt x="128" y="394"/>
                  </a:cubicBezTo>
                  <a:cubicBezTo>
                    <a:pt x="122" y="394"/>
                    <a:pt x="117" y="390"/>
                    <a:pt x="117" y="384"/>
                  </a:cubicBezTo>
                  <a:cubicBezTo>
                    <a:pt x="117" y="378"/>
                    <a:pt x="122" y="373"/>
                    <a:pt x="128" y="373"/>
                  </a:cubicBezTo>
                  <a:cubicBezTo>
                    <a:pt x="128" y="128"/>
                    <a:pt x="128" y="128"/>
                    <a:pt x="128" y="128"/>
                  </a:cubicBezTo>
                  <a:cubicBezTo>
                    <a:pt x="128" y="122"/>
                    <a:pt x="132" y="117"/>
                    <a:pt x="138" y="117"/>
                  </a:cubicBezTo>
                  <a:cubicBezTo>
                    <a:pt x="144" y="117"/>
                    <a:pt x="149" y="122"/>
                    <a:pt x="149" y="128"/>
                  </a:cubicBezTo>
                  <a:cubicBezTo>
                    <a:pt x="149" y="373"/>
                    <a:pt x="149" y="373"/>
                    <a:pt x="149" y="373"/>
                  </a:cubicBezTo>
                  <a:cubicBezTo>
                    <a:pt x="362" y="373"/>
                    <a:pt x="362" y="373"/>
                    <a:pt x="362" y="373"/>
                  </a:cubicBezTo>
                  <a:cubicBezTo>
                    <a:pt x="362" y="128"/>
                    <a:pt x="362" y="128"/>
                    <a:pt x="362" y="128"/>
                  </a:cubicBezTo>
                  <a:cubicBezTo>
                    <a:pt x="362" y="122"/>
                    <a:pt x="367" y="117"/>
                    <a:pt x="373" y="117"/>
                  </a:cubicBezTo>
                  <a:cubicBezTo>
                    <a:pt x="379" y="117"/>
                    <a:pt x="384" y="122"/>
                    <a:pt x="384" y="128"/>
                  </a:cubicBezTo>
                  <a:cubicBezTo>
                    <a:pt x="384" y="373"/>
                    <a:pt x="384" y="373"/>
                    <a:pt x="384" y="373"/>
                  </a:cubicBezTo>
                  <a:cubicBezTo>
                    <a:pt x="390" y="373"/>
                    <a:pt x="394" y="378"/>
                    <a:pt x="394" y="384"/>
                  </a:cubicBezTo>
                  <a:cubicBezTo>
                    <a:pt x="394" y="390"/>
                    <a:pt x="390" y="394"/>
                    <a:pt x="384" y="394"/>
                  </a:cubicBezTo>
                  <a:close/>
                </a:path>
              </a:pathLst>
            </a:custGeom>
            <a:solidFill>
              <a:srgbClr val="0D8390"/>
            </a:solidFill>
            <a:ln>
              <a:noFill/>
            </a:ln>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grpSp>
      <p:grpSp>
        <p:nvGrpSpPr>
          <p:cNvPr id="198" name="Group 197">
            <a:extLst>
              <a:ext uri="{FF2B5EF4-FFF2-40B4-BE49-F238E27FC236}">
                <a16:creationId xmlns:a16="http://schemas.microsoft.com/office/drawing/2014/main" id="{5ECFAA0C-0377-6233-04F6-43585A281F93}"/>
              </a:ext>
            </a:extLst>
          </p:cNvPr>
          <p:cNvGrpSpPr/>
          <p:nvPr/>
        </p:nvGrpSpPr>
        <p:grpSpPr>
          <a:xfrm>
            <a:off x="6764532" y="4437542"/>
            <a:ext cx="1249068" cy="1024305"/>
            <a:chOff x="6392748" y="3789510"/>
            <a:chExt cx="1249068" cy="1024305"/>
          </a:xfrm>
        </p:grpSpPr>
        <p:sp>
          <p:nvSpPr>
            <p:cNvPr id="178" name="Rectangle 177">
              <a:extLst>
                <a:ext uri="{FF2B5EF4-FFF2-40B4-BE49-F238E27FC236}">
                  <a16:creationId xmlns:a16="http://schemas.microsoft.com/office/drawing/2014/main" id="{0C857202-879A-ACAB-16E9-833B1F8FC886}"/>
                </a:ext>
              </a:extLst>
            </p:cNvPr>
            <p:cNvSpPr/>
            <p:nvPr/>
          </p:nvSpPr>
          <p:spPr>
            <a:xfrm>
              <a:off x="6446601" y="3789510"/>
              <a:ext cx="1103097" cy="1024305"/>
            </a:xfrm>
            <a:prstGeom prst="rect">
              <a:avLst/>
            </a:prstGeom>
            <a:solidFill>
              <a:srgbClr val="FFFFFF"/>
            </a:solidFill>
            <a:ln w="28575" cap="flat" cmpd="sng" algn="ctr">
              <a:solidFill>
                <a:srgbClr val="0D8390"/>
              </a:soli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179" name="TextBox 178">
              <a:extLst>
                <a:ext uri="{FF2B5EF4-FFF2-40B4-BE49-F238E27FC236}">
                  <a16:creationId xmlns:a16="http://schemas.microsoft.com/office/drawing/2014/main" id="{A348ED44-2EC5-346A-2F44-CC523AF33062}"/>
                </a:ext>
              </a:extLst>
            </p:cNvPr>
            <p:cNvSpPr txBox="1"/>
            <p:nvPr/>
          </p:nvSpPr>
          <p:spPr>
            <a:xfrm>
              <a:off x="6392748" y="4210401"/>
              <a:ext cx="1249068" cy="553998"/>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Supplier Accounts and Contracts</a:t>
              </a:r>
            </a:p>
          </p:txBody>
        </p:sp>
        <p:sp>
          <p:nvSpPr>
            <p:cNvPr id="177" name="Freeform 26">
              <a:extLst>
                <a:ext uri="{FF2B5EF4-FFF2-40B4-BE49-F238E27FC236}">
                  <a16:creationId xmlns:a16="http://schemas.microsoft.com/office/drawing/2014/main" id="{29338CCD-C517-F3CA-C7C9-0781F3B93FED}"/>
                </a:ext>
              </a:extLst>
            </p:cNvPr>
            <p:cNvSpPr>
              <a:spLocks noEditPoints="1"/>
            </p:cNvSpPr>
            <p:nvPr/>
          </p:nvSpPr>
          <p:spPr bwMode="auto">
            <a:xfrm>
              <a:off x="7123249" y="3855871"/>
              <a:ext cx="368300" cy="371475"/>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rgbClr val="0D8390"/>
            </a:solidFill>
            <a:ln>
              <a:noFill/>
            </a:ln>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grpSp>
      <p:grpSp>
        <p:nvGrpSpPr>
          <p:cNvPr id="23" name="Group 22">
            <a:extLst>
              <a:ext uri="{FF2B5EF4-FFF2-40B4-BE49-F238E27FC236}">
                <a16:creationId xmlns:a16="http://schemas.microsoft.com/office/drawing/2014/main" id="{DC9ADE42-279A-D403-C7CB-24BE5020992F}"/>
              </a:ext>
            </a:extLst>
          </p:cNvPr>
          <p:cNvGrpSpPr/>
          <p:nvPr/>
        </p:nvGrpSpPr>
        <p:grpSpPr>
          <a:xfrm>
            <a:off x="5634271" y="3328555"/>
            <a:ext cx="1103097" cy="1024305"/>
            <a:chOff x="5745750" y="3829217"/>
            <a:chExt cx="1103097" cy="1024305"/>
          </a:xfrm>
        </p:grpSpPr>
        <p:sp>
          <p:nvSpPr>
            <p:cNvPr id="186" name="Rectangle 185">
              <a:extLst>
                <a:ext uri="{FF2B5EF4-FFF2-40B4-BE49-F238E27FC236}">
                  <a16:creationId xmlns:a16="http://schemas.microsoft.com/office/drawing/2014/main" id="{D56C1CCD-E55C-EDF3-DB40-2656D77B0DAB}"/>
                </a:ext>
              </a:extLst>
            </p:cNvPr>
            <p:cNvSpPr/>
            <p:nvPr/>
          </p:nvSpPr>
          <p:spPr>
            <a:xfrm>
              <a:off x="5745750" y="3829217"/>
              <a:ext cx="1103097" cy="1024305"/>
            </a:xfrm>
            <a:prstGeom prst="rect">
              <a:avLst/>
            </a:prstGeom>
            <a:solidFill>
              <a:srgbClr val="FFFFFF"/>
            </a:solidFill>
            <a:ln w="28575" cap="flat" cmpd="sng" algn="ctr">
              <a:solidFill>
                <a:srgbClr val="0D8390"/>
              </a:soli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187" name="TextBox 186">
              <a:extLst>
                <a:ext uri="{FF2B5EF4-FFF2-40B4-BE49-F238E27FC236}">
                  <a16:creationId xmlns:a16="http://schemas.microsoft.com/office/drawing/2014/main" id="{91F9AEF7-8C58-12A2-970A-77AE3C5E932D}"/>
                </a:ext>
              </a:extLst>
            </p:cNvPr>
            <p:cNvSpPr txBox="1"/>
            <p:nvPr/>
          </p:nvSpPr>
          <p:spPr>
            <a:xfrm>
              <a:off x="5751625" y="4445170"/>
              <a:ext cx="1097222" cy="400110"/>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Banking and Settlement</a:t>
              </a:r>
            </a:p>
          </p:txBody>
        </p:sp>
        <p:grpSp>
          <p:nvGrpSpPr>
            <p:cNvPr id="182" name="Group 319">
              <a:extLst>
                <a:ext uri="{FF2B5EF4-FFF2-40B4-BE49-F238E27FC236}">
                  <a16:creationId xmlns:a16="http://schemas.microsoft.com/office/drawing/2014/main" id="{78489C56-500B-DE5D-81B2-7252AB601050}"/>
                </a:ext>
              </a:extLst>
            </p:cNvPr>
            <p:cNvGrpSpPr>
              <a:grpSpLocks noChangeAspect="1"/>
            </p:cNvGrpSpPr>
            <p:nvPr/>
          </p:nvGrpSpPr>
          <p:grpSpPr bwMode="auto">
            <a:xfrm>
              <a:off x="6405205" y="3882619"/>
              <a:ext cx="369676" cy="369676"/>
              <a:chOff x="5426" y="1148"/>
              <a:chExt cx="340" cy="340"/>
            </a:xfrm>
            <a:solidFill>
              <a:srgbClr val="0D8390"/>
            </a:solidFill>
          </p:grpSpPr>
          <p:sp>
            <p:nvSpPr>
              <p:cNvPr id="183" name="Freeform 320">
                <a:extLst>
                  <a:ext uri="{FF2B5EF4-FFF2-40B4-BE49-F238E27FC236}">
                    <a16:creationId xmlns:a16="http://schemas.microsoft.com/office/drawing/2014/main" id="{F12B77FE-D565-40B6-11FF-958051E0F257}"/>
                  </a:ext>
                </a:extLst>
              </p:cNvPr>
              <p:cNvSpPr>
                <a:spLocks noEditPoints="1"/>
              </p:cNvSpPr>
              <p:nvPr/>
            </p:nvSpPr>
            <p:spPr bwMode="auto">
              <a:xfrm>
                <a:off x="5518" y="1254"/>
                <a:ext cx="156" cy="142"/>
              </a:xfrm>
              <a:custGeom>
                <a:avLst/>
                <a:gdLst>
                  <a:gd name="T0" fmla="*/ 203 w 235"/>
                  <a:gd name="T1" fmla="*/ 53 h 213"/>
                  <a:gd name="T2" fmla="*/ 202 w 235"/>
                  <a:gd name="T3" fmla="*/ 57 h 213"/>
                  <a:gd name="T4" fmla="*/ 117 w 235"/>
                  <a:gd name="T5" fmla="*/ 106 h 213"/>
                  <a:gd name="T6" fmla="*/ 33 w 235"/>
                  <a:gd name="T7" fmla="*/ 57 h 213"/>
                  <a:gd name="T8" fmla="*/ 32 w 235"/>
                  <a:gd name="T9" fmla="*/ 53 h 213"/>
                  <a:gd name="T10" fmla="*/ 32 w 235"/>
                  <a:gd name="T11" fmla="*/ 0 h 213"/>
                  <a:gd name="T12" fmla="*/ 0 w 235"/>
                  <a:gd name="T13" fmla="*/ 0 h 213"/>
                  <a:gd name="T14" fmla="*/ 0 w 235"/>
                  <a:gd name="T15" fmla="*/ 213 h 213"/>
                  <a:gd name="T16" fmla="*/ 235 w 235"/>
                  <a:gd name="T17" fmla="*/ 213 h 213"/>
                  <a:gd name="T18" fmla="*/ 235 w 235"/>
                  <a:gd name="T19" fmla="*/ 0 h 213"/>
                  <a:gd name="T20" fmla="*/ 203 w 235"/>
                  <a:gd name="T21" fmla="*/ 0 h 213"/>
                  <a:gd name="T22" fmla="*/ 203 w 235"/>
                  <a:gd name="T23" fmla="*/ 53 h 213"/>
                  <a:gd name="T24" fmla="*/ 203 w 235"/>
                  <a:gd name="T25" fmla="*/ 192 h 213"/>
                  <a:gd name="T26" fmla="*/ 32 w 235"/>
                  <a:gd name="T27" fmla="*/ 192 h 213"/>
                  <a:gd name="T28" fmla="*/ 22 w 235"/>
                  <a:gd name="T29" fmla="*/ 181 h 213"/>
                  <a:gd name="T30" fmla="*/ 32 w 235"/>
                  <a:gd name="T31" fmla="*/ 170 h 213"/>
                  <a:gd name="T32" fmla="*/ 203 w 235"/>
                  <a:gd name="T33" fmla="*/ 170 h 213"/>
                  <a:gd name="T34" fmla="*/ 214 w 235"/>
                  <a:gd name="T35" fmla="*/ 181 h 213"/>
                  <a:gd name="T36" fmla="*/ 203 w 235"/>
                  <a:gd name="T37" fmla="*/ 192 h 213"/>
                  <a:gd name="T38" fmla="*/ 214 w 235"/>
                  <a:gd name="T39" fmla="*/ 138 h 213"/>
                  <a:gd name="T40" fmla="*/ 203 w 235"/>
                  <a:gd name="T41" fmla="*/ 149 h 213"/>
                  <a:gd name="T42" fmla="*/ 32 w 235"/>
                  <a:gd name="T43" fmla="*/ 149 h 213"/>
                  <a:gd name="T44" fmla="*/ 22 w 235"/>
                  <a:gd name="T45" fmla="*/ 138 h 213"/>
                  <a:gd name="T46" fmla="*/ 32 w 235"/>
                  <a:gd name="T47" fmla="*/ 128 h 213"/>
                  <a:gd name="T48" fmla="*/ 203 w 235"/>
                  <a:gd name="T49" fmla="*/ 128 h 213"/>
                  <a:gd name="T50" fmla="*/ 214 w 235"/>
                  <a:gd name="T51" fmla="*/ 138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35" h="213">
                    <a:moveTo>
                      <a:pt x="203" y="53"/>
                    </a:moveTo>
                    <a:cubicBezTo>
                      <a:pt x="203" y="55"/>
                      <a:pt x="203" y="56"/>
                      <a:pt x="202" y="57"/>
                    </a:cubicBezTo>
                    <a:cubicBezTo>
                      <a:pt x="189" y="87"/>
                      <a:pt x="155" y="106"/>
                      <a:pt x="117" y="106"/>
                    </a:cubicBezTo>
                    <a:cubicBezTo>
                      <a:pt x="80" y="106"/>
                      <a:pt x="47" y="87"/>
                      <a:pt x="33" y="57"/>
                    </a:cubicBezTo>
                    <a:cubicBezTo>
                      <a:pt x="33" y="56"/>
                      <a:pt x="32" y="55"/>
                      <a:pt x="32" y="53"/>
                    </a:cubicBezTo>
                    <a:cubicBezTo>
                      <a:pt x="32" y="0"/>
                      <a:pt x="32" y="0"/>
                      <a:pt x="32" y="0"/>
                    </a:cubicBezTo>
                    <a:cubicBezTo>
                      <a:pt x="0" y="0"/>
                      <a:pt x="0" y="0"/>
                      <a:pt x="0" y="0"/>
                    </a:cubicBezTo>
                    <a:cubicBezTo>
                      <a:pt x="0" y="213"/>
                      <a:pt x="0" y="213"/>
                      <a:pt x="0" y="213"/>
                    </a:cubicBezTo>
                    <a:cubicBezTo>
                      <a:pt x="235" y="213"/>
                      <a:pt x="235" y="213"/>
                      <a:pt x="235" y="213"/>
                    </a:cubicBezTo>
                    <a:cubicBezTo>
                      <a:pt x="235" y="0"/>
                      <a:pt x="235" y="0"/>
                      <a:pt x="235" y="0"/>
                    </a:cubicBezTo>
                    <a:cubicBezTo>
                      <a:pt x="203" y="0"/>
                      <a:pt x="203" y="0"/>
                      <a:pt x="203" y="0"/>
                    </a:cubicBezTo>
                    <a:lnTo>
                      <a:pt x="203" y="53"/>
                    </a:lnTo>
                    <a:close/>
                    <a:moveTo>
                      <a:pt x="203" y="192"/>
                    </a:moveTo>
                    <a:cubicBezTo>
                      <a:pt x="32" y="192"/>
                      <a:pt x="32" y="192"/>
                      <a:pt x="32" y="192"/>
                    </a:cubicBezTo>
                    <a:cubicBezTo>
                      <a:pt x="26" y="192"/>
                      <a:pt x="22" y="187"/>
                      <a:pt x="22" y="181"/>
                    </a:cubicBezTo>
                    <a:cubicBezTo>
                      <a:pt x="22" y="175"/>
                      <a:pt x="26" y="170"/>
                      <a:pt x="32" y="170"/>
                    </a:cubicBezTo>
                    <a:cubicBezTo>
                      <a:pt x="203" y="170"/>
                      <a:pt x="203" y="170"/>
                      <a:pt x="203" y="170"/>
                    </a:cubicBezTo>
                    <a:cubicBezTo>
                      <a:pt x="209" y="170"/>
                      <a:pt x="214" y="175"/>
                      <a:pt x="214" y="181"/>
                    </a:cubicBezTo>
                    <a:cubicBezTo>
                      <a:pt x="214" y="187"/>
                      <a:pt x="209" y="192"/>
                      <a:pt x="203" y="192"/>
                    </a:cubicBezTo>
                    <a:close/>
                    <a:moveTo>
                      <a:pt x="214" y="138"/>
                    </a:moveTo>
                    <a:cubicBezTo>
                      <a:pt x="214" y="144"/>
                      <a:pt x="209" y="149"/>
                      <a:pt x="203" y="149"/>
                    </a:cubicBezTo>
                    <a:cubicBezTo>
                      <a:pt x="32" y="149"/>
                      <a:pt x="32" y="149"/>
                      <a:pt x="32" y="149"/>
                    </a:cubicBezTo>
                    <a:cubicBezTo>
                      <a:pt x="26" y="149"/>
                      <a:pt x="22" y="144"/>
                      <a:pt x="22" y="138"/>
                    </a:cubicBezTo>
                    <a:cubicBezTo>
                      <a:pt x="22" y="132"/>
                      <a:pt x="26" y="128"/>
                      <a:pt x="32" y="128"/>
                    </a:cubicBezTo>
                    <a:cubicBezTo>
                      <a:pt x="203" y="128"/>
                      <a:pt x="203" y="128"/>
                      <a:pt x="203" y="128"/>
                    </a:cubicBezTo>
                    <a:cubicBezTo>
                      <a:pt x="209" y="128"/>
                      <a:pt x="214" y="132"/>
                      <a:pt x="214" y="13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sp>
            <p:nvSpPr>
              <p:cNvPr id="184" name="Freeform 321">
                <a:extLst>
                  <a:ext uri="{FF2B5EF4-FFF2-40B4-BE49-F238E27FC236}">
                    <a16:creationId xmlns:a16="http://schemas.microsoft.com/office/drawing/2014/main" id="{6DAB1525-8B83-7C67-62E0-FA6789E47CFB}"/>
                  </a:ext>
                </a:extLst>
              </p:cNvPr>
              <p:cNvSpPr>
                <a:spLocks noEditPoints="1"/>
              </p:cNvSpPr>
              <p:nvPr/>
            </p:nvSpPr>
            <p:spPr bwMode="auto">
              <a:xfrm>
                <a:off x="5553" y="1233"/>
                <a:ext cx="85" cy="78"/>
              </a:xfrm>
              <a:custGeom>
                <a:avLst/>
                <a:gdLst>
                  <a:gd name="T0" fmla="*/ 63 w 128"/>
                  <a:gd name="T1" fmla="*/ 117 h 117"/>
                  <a:gd name="T2" fmla="*/ 128 w 128"/>
                  <a:gd name="T3" fmla="*/ 83 h 117"/>
                  <a:gd name="T4" fmla="*/ 128 w 128"/>
                  <a:gd name="T5" fmla="*/ 0 h 117"/>
                  <a:gd name="T6" fmla="*/ 0 w 128"/>
                  <a:gd name="T7" fmla="*/ 0 h 117"/>
                  <a:gd name="T8" fmla="*/ 0 w 128"/>
                  <a:gd name="T9" fmla="*/ 83 h 117"/>
                  <a:gd name="T10" fmla="*/ 63 w 128"/>
                  <a:gd name="T11" fmla="*/ 117 h 117"/>
                  <a:gd name="T12" fmla="*/ 24 w 128"/>
                  <a:gd name="T13" fmla="*/ 45 h 117"/>
                  <a:gd name="T14" fmla="*/ 39 w 128"/>
                  <a:gd name="T15" fmla="*/ 45 h 117"/>
                  <a:gd name="T16" fmla="*/ 53 w 128"/>
                  <a:gd name="T17" fmla="*/ 59 h 117"/>
                  <a:gd name="T18" fmla="*/ 53 w 128"/>
                  <a:gd name="T19" fmla="*/ 32 h 117"/>
                  <a:gd name="T20" fmla="*/ 64 w 128"/>
                  <a:gd name="T21" fmla="*/ 21 h 117"/>
                  <a:gd name="T22" fmla="*/ 74 w 128"/>
                  <a:gd name="T23" fmla="*/ 32 h 117"/>
                  <a:gd name="T24" fmla="*/ 74 w 128"/>
                  <a:gd name="T25" fmla="*/ 59 h 117"/>
                  <a:gd name="T26" fmla="*/ 88 w 128"/>
                  <a:gd name="T27" fmla="*/ 45 h 117"/>
                  <a:gd name="T28" fmla="*/ 103 w 128"/>
                  <a:gd name="T29" fmla="*/ 45 h 117"/>
                  <a:gd name="T30" fmla="*/ 103 w 128"/>
                  <a:gd name="T31" fmla="*/ 61 h 117"/>
                  <a:gd name="T32" fmla="*/ 71 w 128"/>
                  <a:gd name="T33" fmla="*/ 93 h 117"/>
                  <a:gd name="T34" fmla="*/ 64 w 128"/>
                  <a:gd name="T35" fmla="*/ 96 h 117"/>
                  <a:gd name="T36" fmla="*/ 56 w 128"/>
                  <a:gd name="T37" fmla="*/ 93 h 117"/>
                  <a:gd name="T38" fmla="*/ 24 w 128"/>
                  <a:gd name="T39" fmla="*/ 61 h 117"/>
                  <a:gd name="T40" fmla="*/ 24 w 128"/>
                  <a:gd name="T41" fmla="*/ 45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28" h="117">
                    <a:moveTo>
                      <a:pt x="63" y="117"/>
                    </a:moveTo>
                    <a:cubicBezTo>
                      <a:pt x="91" y="117"/>
                      <a:pt x="117" y="103"/>
                      <a:pt x="128" y="83"/>
                    </a:cubicBezTo>
                    <a:cubicBezTo>
                      <a:pt x="128" y="0"/>
                      <a:pt x="128" y="0"/>
                      <a:pt x="128" y="0"/>
                    </a:cubicBezTo>
                    <a:cubicBezTo>
                      <a:pt x="0" y="0"/>
                      <a:pt x="0" y="0"/>
                      <a:pt x="0" y="0"/>
                    </a:cubicBezTo>
                    <a:cubicBezTo>
                      <a:pt x="0" y="83"/>
                      <a:pt x="0" y="83"/>
                      <a:pt x="0" y="83"/>
                    </a:cubicBezTo>
                    <a:cubicBezTo>
                      <a:pt x="9" y="100"/>
                      <a:pt x="31" y="117"/>
                      <a:pt x="63" y="117"/>
                    </a:cubicBezTo>
                    <a:close/>
                    <a:moveTo>
                      <a:pt x="24" y="45"/>
                    </a:moveTo>
                    <a:cubicBezTo>
                      <a:pt x="28" y="41"/>
                      <a:pt x="35" y="41"/>
                      <a:pt x="39" y="45"/>
                    </a:cubicBezTo>
                    <a:cubicBezTo>
                      <a:pt x="53" y="59"/>
                      <a:pt x="53" y="59"/>
                      <a:pt x="53" y="59"/>
                    </a:cubicBezTo>
                    <a:cubicBezTo>
                      <a:pt x="53" y="32"/>
                      <a:pt x="53" y="32"/>
                      <a:pt x="53" y="32"/>
                    </a:cubicBezTo>
                    <a:cubicBezTo>
                      <a:pt x="53" y="26"/>
                      <a:pt x="58" y="21"/>
                      <a:pt x="64" y="21"/>
                    </a:cubicBezTo>
                    <a:cubicBezTo>
                      <a:pt x="70" y="21"/>
                      <a:pt x="74" y="26"/>
                      <a:pt x="74" y="32"/>
                    </a:cubicBezTo>
                    <a:cubicBezTo>
                      <a:pt x="74" y="59"/>
                      <a:pt x="74" y="59"/>
                      <a:pt x="74" y="59"/>
                    </a:cubicBezTo>
                    <a:cubicBezTo>
                      <a:pt x="88" y="45"/>
                      <a:pt x="88" y="45"/>
                      <a:pt x="88" y="45"/>
                    </a:cubicBezTo>
                    <a:cubicBezTo>
                      <a:pt x="92" y="41"/>
                      <a:pt x="99" y="41"/>
                      <a:pt x="103" y="45"/>
                    </a:cubicBezTo>
                    <a:cubicBezTo>
                      <a:pt x="107" y="50"/>
                      <a:pt x="107" y="56"/>
                      <a:pt x="103" y="61"/>
                    </a:cubicBezTo>
                    <a:cubicBezTo>
                      <a:pt x="71" y="93"/>
                      <a:pt x="71" y="93"/>
                      <a:pt x="71" y="93"/>
                    </a:cubicBezTo>
                    <a:cubicBezTo>
                      <a:pt x="69" y="95"/>
                      <a:pt x="66" y="96"/>
                      <a:pt x="64" y="96"/>
                    </a:cubicBezTo>
                    <a:cubicBezTo>
                      <a:pt x="61" y="96"/>
                      <a:pt x="58" y="95"/>
                      <a:pt x="56" y="93"/>
                    </a:cubicBezTo>
                    <a:cubicBezTo>
                      <a:pt x="24" y="61"/>
                      <a:pt x="24" y="61"/>
                      <a:pt x="24" y="61"/>
                    </a:cubicBezTo>
                    <a:cubicBezTo>
                      <a:pt x="20" y="56"/>
                      <a:pt x="20" y="50"/>
                      <a:pt x="24" y="4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sp>
            <p:nvSpPr>
              <p:cNvPr id="185" name="Freeform 322">
                <a:extLst>
                  <a:ext uri="{FF2B5EF4-FFF2-40B4-BE49-F238E27FC236}">
                    <a16:creationId xmlns:a16="http://schemas.microsoft.com/office/drawing/2014/main" id="{D3AD8DFA-BEB1-6C5A-E805-6E2ACB28E2BA}"/>
                  </a:ext>
                </a:extLst>
              </p:cNvPr>
              <p:cNvSpPr>
                <a:spLocks noEditPoints="1"/>
              </p:cNvSpPr>
              <p:nvPr/>
            </p:nvSpPr>
            <p:spPr bwMode="auto">
              <a:xfrm>
                <a:off x="5426" y="114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384 h 512"/>
                  <a:gd name="T12" fmla="*/ 384 w 512"/>
                  <a:gd name="T13" fmla="*/ 394 h 512"/>
                  <a:gd name="T14" fmla="*/ 128 w 512"/>
                  <a:gd name="T15" fmla="*/ 394 h 512"/>
                  <a:gd name="T16" fmla="*/ 117 w 512"/>
                  <a:gd name="T17" fmla="*/ 384 h 512"/>
                  <a:gd name="T18" fmla="*/ 117 w 512"/>
                  <a:gd name="T19" fmla="*/ 149 h 512"/>
                  <a:gd name="T20" fmla="*/ 128 w 512"/>
                  <a:gd name="T21" fmla="*/ 138 h 512"/>
                  <a:gd name="T22" fmla="*/ 170 w 512"/>
                  <a:gd name="T23" fmla="*/ 138 h 512"/>
                  <a:gd name="T24" fmla="*/ 170 w 512"/>
                  <a:gd name="T25" fmla="*/ 117 h 512"/>
                  <a:gd name="T26" fmla="*/ 181 w 512"/>
                  <a:gd name="T27" fmla="*/ 106 h 512"/>
                  <a:gd name="T28" fmla="*/ 330 w 512"/>
                  <a:gd name="T29" fmla="*/ 106 h 512"/>
                  <a:gd name="T30" fmla="*/ 341 w 512"/>
                  <a:gd name="T31" fmla="*/ 117 h 512"/>
                  <a:gd name="T32" fmla="*/ 341 w 512"/>
                  <a:gd name="T33" fmla="*/ 138 h 512"/>
                  <a:gd name="T34" fmla="*/ 384 w 512"/>
                  <a:gd name="T35" fmla="*/ 138 h 512"/>
                  <a:gd name="T36" fmla="*/ 394 w 512"/>
                  <a:gd name="T37" fmla="*/ 149 h 512"/>
                  <a:gd name="T38" fmla="*/ 394 w 512"/>
                  <a:gd name="T39"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84"/>
                    </a:moveTo>
                    <a:cubicBezTo>
                      <a:pt x="394" y="390"/>
                      <a:pt x="390" y="394"/>
                      <a:pt x="384" y="394"/>
                    </a:cubicBezTo>
                    <a:cubicBezTo>
                      <a:pt x="128" y="394"/>
                      <a:pt x="128" y="394"/>
                      <a:pt x="128" y="394"/>
                    </a:cubicBezTo>
                    <a:cubicBezTo>
                      <a:pt x="122" y="394"/>
                      <a:pt x="117" y="390"/>
                      <a:pt x="117" y="384"/>
                    </a:cubicBezTo>
                    <a:cubicBezTo>
                      <a:pt x="117" y="149"/>
                      <a:pt x="117" y="149"/>
                      <a:pt x="117" y="149"/>
                    </a:cubicBezTo>
                    <a:cubicBezTo>
                      <a:pt x="117" y="143"/>
                      <a:pt x="122" y="138"/>
                      <a:pt x="128" y="138"/>
                    </a:cubicBezTo>
                    <a:cubicBezTo>
                      <a:pt x="170" y="138"/>
                      <a:pt x="170" y="138"/>
                      <a:pt x="170" y="138"/>
                    </a:cubicBezTo>
                    <a:cubicBezTo>
                      <a:pt x="170" y="117"/>
                      <a:pt x="170" y="117"/>
                      <a:pt x="170" y="117"/>
                    </a:cubicBezTo>
                    <a:cubicBezTo>
                      <a:pt x="170" y="111"/>
                      <a:pt x="175" y="106"/>
                      <a:pt x="181" y="106"/>
                    </a:cubicBezTo>
                    <a:cubicBezTo>
                      <a:pt x="330" y="106"/>
                      <a:pt x="330" y="106"/>
                      <a:pt x="330" y="106"/>
                    </a:cubicBezTo>
                    <a:cubicBezTo>
                      <a:pt x="336" y="106"/>
                      <a:pt x="341" y="111"/>
                      <a:pt x="341" y="117"/>
                    </a:cubicBezTo>
                    <a:cubicBezTo>
                      <a:pt x="341" y="138"/>
                      <a:pt x="341" y="138"/>
                      <a:pt x="341" y="138"/>
                    </a:cubicBezTo>
                    <a:cubicBezTo>
                      <a:pt x="384" y="138"/>
                      <a:pt x="384" y="138"/>
                      <a:pt x="384" y="138"/>
                    </a:cubicBezTo>
                    <a:cubicBezTo>
                      <a:pt x="390" y="138"/>
                      <a:pt x="394" y="143"/>
                      <a:pt x="394" y="149"/>
                    </a:cubicBezTo>
                    <a:lnTo>
                      <a:pt x="394" y="384"/>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grpSp>
      </p:grpSp>
      <p:grpSp>
        <p:nvGrpSpPr>
          <p:cNvPr id="225" name="Group 224">
            <a:extLst>
              <a:ext uri="{FF2B5EF4-FFF2-40B4-BE49-F238E27FC236}">
                <a16:creationId xmlns:a16="http://schemas.microsoft.com/office/drawing/2014/main" id="{478C6E01-B657-FF20-EBF7-B666DE79B59C}"/>
              </a:ext>
            </a:extLst>
          </p:cNvPr>
          <p:cNvGrpSpPr/>
          <p:nvPr/>
        </p:nvGrpSpPr>
        <p:grpSpPr>
          <a:xfrm>
            <a:off x="6724675" y="2190639"/>
            <a:ext cx="1343603" cy="1053425"/>
            <a:chOff x="1754843" y="3892825"/>
            <a:chExt cx="1343603" cy="1053425"/>
          </a:xfrm>
        </p:grpSpPr>
        <p:sp>
          <p:nvSpPr>
            <p:cNvPr id="199" name="Rectangle 198">
              <a:extLst>
                <a:ext uri="{FF2B5EF4-FFF2-40B4-BE49-F238E27FC236}">
                  <a16:creationId xmlns:a16="http://schemas.microsoft.com/office/drawing/2014/main" id="{AA67276E-0F20-42A5-15F9-2F1C064FBBB2}"/>
                </a:ext>
              </a:extLst>
            </p:cNvPr>
            <p:cNvSpPr/>
            <p:nvPr/>
          </p:nvSpPr>
          <p:spPr>
            <a:xfrm>
              <a:off x="1878844" y="3892825"/>
              <a:ext cx="1103097" cy="1024305"/>
            </a:xfrm>
            <a:prstGeom prst="rect">
              <a:avLst/>
            </a:prstGeom>
            <a:solidFill>
              <a:srgbClr val="FFFFFF"/>
            </a:solidFill>
            <a:ln w="28575" cap="flat" cmpd="sng" algn="ctr">
              <a:solidFill>
                <a:srgbClr val="0D8390"/>
              </a:soli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200" name="TextBox 199">
              <a:extLst>
                <a:ext uri="{FF2B5EF4-FFF2-40B4-BE49-F238E27FC236}">
                  <a16:creationId xmlns:a16="http://schemas.microsoft.com/office/drawing/2014/main" id="{78EB9C31-3DE4-C9FE-2106-B7597F812BD2}"/>
                </a:ext>
              </a:extLst>
            </p:cNvPr>
            <p:cNvSpPr txBox="1"/>
            <p:nvPr/>
          </p:nvSpPr>
          <p:spPr>
            <a:xfrm>
              <a:off x="1754843" y="4392252"/>
              <a:ext cx="1343603" cy="553998"/>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Grants Management</a:t>
              </a:r>
              <a:br>
                <a:rPr lang="en-US" sz="1000" b="1" kern="0">
                  <a:solidFill>
                    <a:srgbClr val="787878"/>
                  </a:solidFill>
                  <a:latin typeface="+mj-lt"/>
                  <a:ea typeface="Verdana" panose="020B0604030504040204" pitchFamily="34" charset="0"/>
                  <a:cs typeface="Verdana" panose="020B0604030504040204" pitchFamily="34" charset="0"/>
                </a:rPr>
              </a:br>
              <a:r>
                <a:rPr lang="en-US" sz="1000" b="1" kern="0">
                  <a:solidFill>
                    <a:srgbClr val="787878"/>
                  </a:solidFill>
                  <a:latin typeface="+mj-lt"/>
                  <a:ea typeface="Verdana" panose="020B0604030504040204" pitchFamily="34" charset="0"/>
                  <a:cs typeface="Verdana" panose="020B0604030504040204" pitchFamily="34" charset="0"/>
                </a:rPr>
                <a:t>(Post-Award)</a:t>
              </a:r>
            </a:p>
          </p:txBody>
        </p:sp>
        <p:grpSp>
          <p:nvGrpSpPr>
            <p:cNvPr id="224" name="Group 223">
              <a:extLst>
                <a:ext uri="{FF2B5EF4-FFF2-40B4-BE49-F238E27FC236}">
                  <a16:creationId xmlns:a16="http://schemas.microsoft.com/office/drawing/2014/main" id="{20DEF485-F9C7-2DAB-7690-222B33E91B8F}"/>
                </a:ext>
              </a:extLst>
            </p:cNvPr>
            <p:cNvGrpSpPr/>
            <p:nvPr/>
          </p:nvGrpSpPr>
          <p:grpSpPr>
            <a:xfrm>
              <a:off x="2576485" y="3970026"/>
              <a:ext cx="369021" cy="344011"/>
              <a:chOff x="2251639" y="4006822"/>
              <a:chExt cx="369021" cy="344011"/>
            </a:xfrm>
          </p:grpSpPr>
          <p:sp>
            <p:nvSpPr>
              <p:cNvPr id="202" name="Oval 201">
                <a:extLst>
                  <a:ext uri="{FF2B5EF4-FFF2-40B4-BE49-F238E27FC236}">
                    <a16:creationId xmlns:a16="http://schemas.microsoft.com/office/drawing/2014/main" id="{0BE4B710-88BE-3C4B-01E3-0420384A30CF}"/>
                  </a:ext>
                </a:extLst>
              </p:cNvPr>
              <p:cNvSpPr/>
              <p:nvPr/>
            </p:nvSpPr>
            <p:spPr bwMode="gray">
              <a:xfrm>
                <a:off x="2251639" y="4006822"/>
                <a:ext cx="369021" cy="344011"/>
              </a:xfrm>
              <a:prstGeom prst="ellipse">
                <a:avLst/>
              </a:prstGeom>
              <a:solidFill>
                <a:srgbClr val="0D8390"/>
              </a:solidFill>
              <a:ln w="19050" algn="ctr">
                <a:noFill/>
                <a:miter lim="800000"/>
                <a:headEnd/>
                <a:tailEnd/>
              </a:ln>
            </p:spPr>
            <p:txBody>
              <a:bodyPr wrap="square" lIns="88900" tIns="88900" rIns="88900" bIns="88900" rtlCol="0" anchor="ctr"/>
              <a:lstStyle/>
              <a:p>
                <a:pPr algn="ctr" defTabSz="1219170">
                  <a:lnSpc>
                    <a:spcPct val="106000"/>
                  </a:lnSpc>
                  <a:buFont typeface="Wingdings 2" pitchFamily="18" charset="2"/>
                  <a:buNone/>
                </a:pPr>
                <a:endParaRPr lang="en-US" sz="1000" b="1">
                  <a:solidFill>
                    <a:prstClr val="white"/>
                  </a:solidFill>
                  <a:latin typeface="+mj-lt"/>
                </a:endParaRPr>
              </a:p>
            </p:txBody>
          </p:sp>
          <p:pic>
            <p:nvPicPr>
              <p:cNvPr id="203" name="Graphic 202" descr="Presentation with bar chart">
                <a:extLst>
                  <a:ext uri="{FF2B5EF4-FFF2-40B4-BE49-F238E27FC236}">
                    <a16:creationId xmlns:a16="http://schemas.microsoft.com/office/drawing/2014/main" id="{19A43253-DF33-172A-969C-A1DE7F72DB2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291621" y="4020355"/>
                <a:ext cx="289059" cy="289059"/>
              </a:xfrm>
              <a:prstGeom prst="rect">
                <a:avLst/>
              </a:prstGeom>
            </p:spPr>
          </p:pic>
        </p:grpSp>
      </p:grpSp>
      <p:grpSp>
        <p:nvGrpSpPr>
          <p:cNvPr id="191" name="Group 190">
            <a:extLst>
              <a:ext uri="{FF2B5EF4-FFF2-40B4-BE49-F238E27FC236}">
                <a16:creationId xmlns:a16="http://schemas.microsoft.com/office/drawing/2014/main" id="{E0450248-297F-8C7F-353D-8CE77FD33A21}"/>
              </a:ext>
            </a:extLst>
          </p:cNvPr>
          <p:cNvGrpSpPr/>
          <p:nvPr/>
        </p:nvGrpSpPr>
        <p:grpSpPr>
          <a:xfrm>
            <a:off x="9312513" y="4446964"/>
            <a:ext cx="1103097" cy="1024305"/>
            <a:chOff x="7729411" y="4931600"/>
            <a:chExt cx="1103097" cy="1024305"/>
          </a:xfrm>
        </p:grpSpPr>
        <p:sp>
          <p:nvSpPr>
            <p:cNvPr id="212" name="Rectangle 211">
              <a:extLst>
                <a:ext uri="{FF2B5EF4-FFF2-40B4-BE49-F238E27FC236}">
                  <a16:creationId xmlns:a16="http://schemas.microsoft.com/office/drawing/2014/main" id="{52EB74C4-3D56-1F1D-C00F-31888D4341E4}"/>
                </a:ext>
              </a:extLst>
            </p:cNvPr>
            <p:cNvSpPr/>
            <p:nvPr/>
          </p:nvSpPr>
          <p:spPr>
            <a:xfrm>
              <a:off x="7729411" y="4931600"/>
              <a:ext cx="1103097" cy="1024305"/>
            </a:xfrm>
            <a:prstGeom prst="rect">
              <a:avLst/>
            </a:prstGeom>
            <a:solidFill>
              <a:srgbClr val="FFFFFF"/>
            </a:solidFill>
            <a:ln w="28575" cap="flat" cmpd="sng" algn="ctr">
              <a:solidFill>
                <a:srgbClr val="C00000"/>
              </a:soli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213" name="TextBox 212">
              <a:extLst>
                <a:ext uri="{FF2B5EF4-FFF2-40B4-BE49-F238E27FC236}">
                  <a16:creationId xmlns:a16="http://schemas.microsoft.com/office/drawing/2014/main" id="{7ADB44F9-6140-C3F4-DC81-7DDFAD9F56DF}"/>
                </a:ext>
              </a:extLst>
            </p:cNvPr>
            <p:cNvSpPr txBox="1"/>
            <p:nvPr/>
          </p:nvSpPr>
          <p:spPr>
            <a:xfrm>
              <a:off x="7735286" y="5500317"/>
              <a:ext cx="1097222" cy="400110"/>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Adaptive Planning</a:t>
              </a:r>
            </a:p>
          </p:txBody>
        </p:sp>
      </p:grpSp>
      <p:grpSp>
        <p:nvGrpSpPr>
          <p:cNvPr id="164" name="Group 163">
            <a:extLst>
              <a:ext uri="{FF2B5EF4-FFF2-40B4-BE49-F238E27FC236}">
                <a16:creationId xmlns:a16="http://schemas.microsoft.com/office/drawing/2014/main" id="{22DC2A5B-5E94-ECD8-28D7-60F90D4B81AC}"/>
              </a:ext>
            </a:extLst>
          </p:cNvPr>
          <p:cNvGrpSpPr/>
          <p:nvPr/>
        </p:nvGrpSpPr>
        <p:grpSpPr>
          <a:xfrm>
            <a:off x="2566088" y="3328555"/>
            <a:ext cx="1130831" cy="1020071"/>
            <a:chOff x="578380" y="2680523"/>
            <a:chExt cx="1130831" cy="1020071"/>
          </a:xfrm>
        </p:grpSpPr>
        <p:sp>
          <p:nvSpPr>
            <p:cNvPr id="44" name="TextBox 43">
              <a:extLst>
                <a:ext uri="{FF2B5EF4-FFF2-40B4-BE49-F238E27FC236}">
                  <a16:creationId xmlns:a16="http://schemas.microsoft.com/office/drawing/2014/main" id="{B4D4C9CE-3648-1FA4-B4D0-A494AEF5E561}"/>
                </a:ext>
              </a:extLst>
            </p:cNvPr>
            <p:cNvSpPr txBox="1"/>
            <p:nvPr/>
          </p:nvSpPr>
          <p:spPr>
            <a:xfrm>
              <a:off x="578380" y="3385447"/>
              <a:ext cx="1130831" cy="246221"/>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Recruiting</a:t>
              </a:r>
              <a:endParaRPr kumimoji="0" lang="en-US" sz="1000" b="0"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endParaRPr>
            </a:p>
          </p:txBody>
        </p:sp>
        <p:sp>
          <p:nvSpPr>
            <p:cNvPr id="42" name="Freeform 37">
              <a:extLst>
                <a:ext uri="{FF2B5EF4-FFF2-40B4-BE49-F238E27FC236}">
                  <a16:creationId xmlns:a16="http://schemas.microsoft.com/office/drawing/2014/main" id="{C739BE29-495D-82E7-EFD7-2E1CCB237087}"/>
                </a:ext>
              </a:extLst>
            </p:cNvPr>
            <p:cNvSpPr>
              <a:spLocks noChangeAspect="1" noEditPoints="1"/>
            </p:cNvSpPr>
            <p:nvPr/>
          </p:nvSpPr>
          <p:spPr bwMode="auto">
            <a:xfrm>
              <a:off x="1278613" y="2748861"/>
              <a:ext cx="368051" cy="368152"/>
            </a:xfrm>
            <a:custGeom>
              <a:avLst/>
              <a:gdLst>
                <a:gd name="T0" fmla="*/ 160 w 512"/>
                <a:gd name="T1" fmla="*/ 266 h 512"/>
                <a:gd name="T2" fmla="*/ 352 w 512"/>
                <a:gd name="T3" fmla="*/ 266 h 512"/>
                <a:gd name="T4" fmla="*/ 284 w 512"/>
                <a:gd name="T5" fmla="*/ 263 h 512"/>
                <a:gd name="T6" fmla="*/ 263 w 512"/>
                <a:gd name="T7" fmla="*/ 284 h 512"/>
                <a:gd name="T8" fmla="*/ 248 w 512"/>
                <a:gd name="T9" fmla="*/ 284 h 512"/>
                <a:gd name="T10" fmla="*/ 205 w 512"/>
                <a:gd name="T11" fmla="*/ 227 h 512"/>
                <a:gd name="T12" fmla="*/ 256 w 512"/>
                <a:gd name="T13" fmla="*/ 261 h 512"/>
                <a:gd name="T14" fmla="*/ 285 w 512"/>
                <a:gd name="T15" fmla="*/ 248 h 512"/>
                <a:gd name="T16" fmla="*/ 256 w 512"/>
                <a:gd name="T17" fmla="*/ 0 h 512"/>
                <a:gd name="T18" fmla="*/ 256 w 512"/>
                <a:gd name="T19" fmla="*/ 512 h 512"/>
                <a:gd name="T20" fmla="*/ 256 w 512"/>
                <a:gd name="T21" fmla="*/ 0 h 512"/>
                <a:gd name="T22" fmla="*/ 131 w 512"/>
                <a:gd name="T23" fmla="*/ 158 h 512"/>
                <a:gd name="T24" fmla="*/ 199 w 512"/>
                <a:gd name="T25" fmla="*/ 131 h 512"/>
                <a:gd name="T26" fmla="*/ 184 w 512"/>
                <a:gd name="T27" fmla="*/ 146 h 512"/>
                <a:gd name="T28" fmla="*/ 146 w 512"/>
                <a:gd name="T29" fmla="*/ 173 h 512"/>
                <a:gd name="T30" fmla="*/ 146 w 512"/>
                <a:gd name="T31" fmla="*/ 184 h 512"/>
                <a:gd name="T32" fmla="*/ 139 w 512"/>
                <a:gd name="T33" fmla="*/ 202 h 512"/>
                <a:gd name="T34" fmla="*/ 123 w 512"/>
                <a:gd name="T35" fmla="*/ 178 h 512"/>
                <a:gd name="T36" fmla="*/ 346 w 512"/>
                <a:gd name="T37" fmla="*/ 404 h 512"/>
                <a:gd name="T38" fmla="*/ 331 w 512"/>
                <a:gd name="T39" fmla="*/ 399 h 512"/>
                <a:gd name="T40" fmla="*/ 256 w 512"/>
                <a:gd name="T41" fmla="*/ 384 h 512"/>
                <a:gd name="T42" fmla="*/ 180 w 512"/>
                <a:gd name="T43" fmla="*/ 399 h 512"/>
                <a:gd name="T44" fmla="*/ 166 w 512"/>
                <a:gd name="T45" fmla="*/ 404 h 512"/>
                <a:gd name="T46" fmla="*/ 178 w 512"/>
                <a:gd name="T47" fmla="*/ 354 h 512"/>
                <a:gd name="T48" fmla="*/ 256 w 512"/>
                <a:gd name="T49" fmla="*/ 149 h 512"/>
                <a:gd name="T50" fmla="*/ 333 w 512"/>
                <a:gd name="T51" fmla="*/ 354 h 512"/>
                <a:gd name="T52" fmla="*/ 380 w 512"/>
                <a:gd name="T53" fmla="*/ 199 h 512"/>
                <a:gd name="T54" fmla="*/ 365 w 512"/>
                <a:gd name="T55" fmla="*/ 199 h 512"/>
                <a:gd name="T56" fmla="*/ 367 w 512"/>
                <a:gd name="T57" fmla="*/ 178 h 512"/>
                <a:gd name="T58" fmla="*/ 339 w 512"/>
                <a:gd name="T59" fmla="*/ 146 h 512"/>
                <a:gd name="T60" fmla="*/ 312 w 512"/>
                <a:gd name="T61" fmla="*/ 146 h 512"/>
                <a:gd name="T62" fmla="*/ 354 w 512"/>
                <a:gd name="T63" fmla="*/ 131 h 512"/>
                <a:gd name="T64" fmla="*/ 389 w 512"/>
                <a:gd name="T65"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170"/>
                  </a:moveTo>
                  <a:cubicBezTo>
                    <a:pt x="203" y="170"/>
                    <a:pt x="160" y="213"/>
                    <a:pt x="160" y="266"/>
                  </a:cubicBezTo>
                  <a:cubicBezTo>
                    <a:pt x="160" y="319"/>
                    <a:pt x="203" y="362"/>
                    <a:pt x="256" y="362"/>
                  </a:cubicBezTo>
                  <a:cubicBezTo>
                    <a:pt x="309" y="362"/>
                    <a:pt x="352" y="319"/>
                    <a:pt x="352" y="266"/>
                  </a:cubicBezTo>
                  <a:cubicBezTo>
                    <a:pt x="352" y="213"/>
                    <a:pt x="309" y="170"/>
                    <a:pt x="256" y="170"/>
                  </a:cubicBezTo>
                  <a:close/>
                  <a:moveTo>
                    <a:pt x="284" y="263"/>
                  </a:moveTo>
                  <a:cubicBezTo>
                    <a:pt x="263" y="284"/>
                    <a:pt x="263" y="284"/>
                    <a:pt x="263" y="284"/>
                  </a:cubicBezTo>
                  <a:cubicBezTo>
                    <a:pt x="263" y="284"/>
                    <a:pt x="263" y="284"/>
                    <a:pt x="263" y="284"/>
                  </a:cubicBezTo>
                  <a:cubicBezTo>
                    <a:pt x="261" y="286"/>
                    <a:pt x="258" y="287"/>
                    <a:pt x="256" y="287"/>
                  </a:cubicBezTo>
                  <a:cubicBezTo>
                    <a:pt x="253" y="287"/>
                    <a:pt x="250" y="286"/>
                    <a:pt x="248" y="284"/>
                  </a:cubicBezTo>
                  <a:cubicBezTo>
                    <a:pt x="206" y="242"/>
                    <a:pt x="206" y="242"/>
                    <a:pt x="206" y="242"/>
                  </a:cubicBezTo>
                  <a:cubicBezTo>
                    <a:pt x="201" y="238"/>
                    <a:pt x="201" y="231"/>
                    <a:pt x="205" y="227"/>
                  </a:cubicBezTo>
                  <a:cubicBezTo>
                    <a:pt x="210" y="223"/>
                    <a:pt x="216" y="223"/>
                    <a:pt x="220" y="227"/>
                  </a:cubicBezTo>
                  <a:cubicBezTo>
                    <a:pt x="256" y="261"/>
                    <a:pt x="256" y="261"/>
                    <a:pt x="256" y="261"/>
                  </a:cubicBezTo>
                  <a:cubicBezTo>
                    <a:pt x="270" y="248"/>
                    <a:pt x="270" y="248"/>
                    <a:pt x="270" y="248"/>
                  </a:cubicBezTo>
                  <a:cubicBezTo>
                    <a:pt x="274" y="244"/>
                    <a:pt x="281" y="244"/>
                    <a:pt x="285" y="248"/>
                  </a:cubicBezTo>
                  <a:cubicBezTo>
                    <a:pt x="289" y="253"/>
                    <a:pt x="289" y="259"/>
                    <a:pt x="284" y="26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3" y="178"/>
                  </a:moveTo>
                  <a:cubicBezTo>
                    <a:pt x="123" y="171"/>
                    <a:pt x="126" y="163"/>
                    <a:pt x="131" y="158"/>
                  </a:cubicBezTo>
                  <a:cubicBezTo>
                    <a:pt x="158" y="131"/>
                    <a:pt x="158" y="131"/>
                    <a:pt x="158" y="131"/>
                  </a:cubicBezTo>
                  <a:cubicBezTo>
                    <a:pt x="169" y="120"/>
                    <a:pt x="188" y="120"/>
                    <a:pt x="199" y="131"/>
                  </a:cubicBezTo>
                  <a:cubicBezTo>
                    <a:pt x="203" y="135"/>
                    <a:pt x="203" y="142"/>
                    <a:pt x="199" y="146"/>
                  </a:cubicBezTo>
                  <a:cubicBezTo>
                    <a:pt x="195" y="151"/>
                    <a:pt x="188" y="151"/>
                    <a:pt x="184" y="146"/>
                  </a:cubicBezTo>
                  <a:cubicBezTo>
                    <a:pt x="181" y="143"/>
                    <a:pt x="176" y="143"/>
                    <a:pt x="173" y="146"/>
                  </a:cubicBezTo>
                  <a:cubicBezTo>
                    <a:pt x="146" y="173"/>
                    <a:pt x="146" y="173"/>
                    <a:pt x="146" y="173"/>
                  </a:cubicBezTo>
                  <a:cubicBezTo>
                    <a:pt x="145" y="174"/>
                    <a:pt x="144" y="176"/>
                    <a:pt x="144" y="178"/>
                  </a:cubicBezTo>
                  <a:cubicBezTo>
                    <a:pt x="144" y="181"/>
                    <a:pt x="145" y="183"/>
                    <a:pt x="146" y="184"/>
                  </a:cubicBezTo>
                  <a:cubicBezTo>
                    <a:pt x="151" y="188"/>
                    <a:pt x="151" y="195"/>
                    <a:pt x="146" y="199"/>
                  </a:cubicBezTo>
                  <a:cubicBezTo>
                    <a:pt x="144" y="201"/>
                    <a:pt x="142" y="202"/>
                    <a:pt x="139" y="202"/>
                  </a:cubicBezTo>
                  <a:cubicBezTo>
                    <a:pt x="136" y="202"/>
                    <a:pt x="133" y="201"/>
                    <a:pt x="131" y="199"/>
                  </a:cubicBezTo>
                  <a:cubicBezTo>
                    <a:pt x="126" y="194"/>
                    <a:pt x="123" y="186"/>
                    <a:pt x="123" y="178"/>
                  </a:cubicBezTo>
                  <a:close/>
                  <a:moveTo>
                    <a:pt x="351" y="390"/>
                  </a:moveTo>
                  <a:cubicBezTo>
                    <a:pt x="353" y="395"/>
                    <a:pt x="351" y="401"/>
                    <a:pt x="346" y="404"/>
                  </a:cubicBezTo>
                  <a:cubicBezTo>
                    <a:pt x="344" y="405"/>
                    <a:pt x="343" y="405"/>
                    <a:pt x="341" y="405"/>
                  </a:cubicBezTo>
                  <a:cubicBezTo>
                    <a:pt x="337" y="405"/>
                    <a:pt x="333" y="403"/>
                    <a:pt x="331" y="399"/>
                  </a:cubicBezTo>
                  <a:cubicBezTo>
                    <a:pt x="315" y="367"/>
                    <a:pt x="315" y="367"/>
                    <a:pt x="315" y="367"/>
                  </a:cubicBezTo>
                  <a:cubicBezTo>
                    <a:pt x="298" y="378"/>
                    <a:pt x="278" y="384"/>
                    <a:pt x="256" y="384"/>
                  </a:cubicBezTo>
                  <a:cubicBezTo>
                    <a:pt x="234" y="384"/>
                    <a:pt x="213" y="378"/>
                    <a:pt x="196" y="367"/>
                  </a:cubicBezTo>
                  <a:cubicBezTo>
                    <a:pt x="180" y="399"/>
                    <a:pt x="180" y="399"/>
                    <a:pt x="180" y="399"/>
                  </a:cubicBezTo>
                  <a:cubicBezTo>
                    <a:pt x="178" y="403"/>
                    <a:pt x="174" y="405"/>
                    <a:pt x="170" y="405"/>
                  </a:cubicBezTo>
                  <a:cubicBezTo>
                    <a:pt x="169" y="405"/>
                    <a:pt x="167" y="405"/>
                    <a:pt x="166" y="404"/>
                  </a:cubicBezTo>
                  <a:cubicBezTo>
                    <a:pt x="160" y="401"/>
                    <a:pt x="158" y="395"/>
                    <a:pt x="161" y="390"/>
                  </a:cubicBezTo>
                  <a:cubicBezTo>
                    <a:pt x="178" y="354"/>
                    <a:pt x="178" y="354"/>
                    <a:pt x="178" y="354"/>
                  </a:cubicBezTo>
                  <a:cubicBezTo>
                    <a:pt x="154" y="333"/>
                    <a:pt x="138" y="301"/>
                    <a:pt x="138" y="266"/>
                  </a:cubicBezTo>
                  <a:cubicBezTo>
                    <a:pt x="138" y="202"/>
                    <a:pt x="191" y="149"/>
                    <a:pt x="256" y="149"/>
                  </a:cubicBezTo>
                  <a:cubicBezTo>
                    <a:pt x="320" y="149"/>
                    <a:pt x="373" y="202"/>
                    <a:pt x="373" y="266"/>
                  </a:cubicBezTo>
                  <a:cubicBezTo>
                    <a:pt x="373" y="301"/>
                    <a:pt x="357" y="333"/>
                    <a:pt x="333" y="354"/>
                  </a:cubicBezTo>
                  <a:lnTo>
                    <a:pt x="351" y="390"/>
                  </a:lnTo>
                  <a:close/>
                  <a:moveTo>
                    <a:pt x="380" y="199"/>
                  </a:moveTo>
                  <a:cubicBezTo>
                    <a:pt x="378" y="201"/>
                    <a:pt x="375" y="202"/>
                    <a:pt x="372" y="202"/>
                  </a:cubicBezTo>
                  <a:cubicBezTo>
                    <a:pt x="370" y="202"/>
                    <a:pt x="367" y="201"/>
                    <a:pt x="365" y="199"/>
                  </a:cubicBezTo>
                  <a:cubicBezTo>
                    <a:pt x="361" y="195"/>
                    <a:pt x="361" y="188"/>
                    <a:pt x="365" y="184"/>
                  </a:cubicBezTo>
                  <a:cubicBezTo>
                    <a:pt x="366" y="183"/>
                    <a:pt x="367" y="181"/>
                    <a:pt x="367" y="178"/>
                  </a:cubicBezTo>
                  <a:cubicBezTo>
                    <a:pt x="367" y="176"/>
                    <a:pt x="366" y="174"/>
                    <a:pt x="365" y="173"/>
                  </a:cubicBezTo>
                  <a:cubicBezTo>
                    <a:pt x="339" y="146"/>
                    <a:pt x="339" y="146"/>
                    <a:pt x="339" y="146"/>
                  </a:cubicBezTo>
                  <a:cubicBezTo>
                    <a:pt x="335" y="143"/>
                    <a:pt x="330" y="143"/>
                    <a:pt x="327" y="146"/>
                  </a:cubicBezTo>
                  <a:cubicBezTo>
                    <a:pt x="323" y="151"/>
                    <a:pt x="316" y="151"/>
                    <a:pt x="312" y="146"/>
                  </a:cubicBezTo>
                  <a:cubicBezTo>
                    <a:pt x="308" y="142"/>
                    <a:pt x="308" y="135"/>
                    <a:pt x="312" y="131"/>
                  </a:cubicBezTo>
                  <a:cubicBezTo>
                    <a:pt x="324" y="120"/>
                    <a:pt x="342" y="120"/>
                    <a:pt x="354" y="131"/>
                  </a:cubicBezTo>
                  <a:cubicBezTo>
                    <a:pt x="380" y="158"/>
                    <a:pt x="380" y="158"/>
                    <a:pt x="380" y="158"/>
                  </a:cubicBezTo>
                  <a:cubicBezTo>
                    <a:pt x="386" y="163"/>
                    <a:pt x="389" y="171"/>
                    <a:pt x="389" y="178"/>
                  </a:cubicBezTo>
                  <a:cubicBezTo>
                    <a:pt x="389" y="186"/>
                    <a:pt x="386" y="194"/>
                    <a:pt x="380" y="199"/>
                  </a:cubicBezTo>
                  <a:close/>
                </a:path>
              </a:pathLst>
            </a:custGeom>
            <a:solidFill>
              <a:srgbClr val="003366"/>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217" name="Rectangle 216">
              <a:extLst>
                <a:ext uri="{FF2B5EF4-FFF2-40B4-BE49-F238E27FC236}">
                  <a16:creationId xmlns:a16="http://schemas.microsoft.com/office/drawing/2014/main" id="{593B15A6-3560-534E-D8C5-D9B158539E26}"/>
                </a:ext>
              </a:extLst>
            </p:cNvPr>
            <p:cNvSpPr/>
            <p:nvPr/>
          </p:nvSpPr>
          <p:spPr>
            <a:xfrm>
              <a:off x="589001" y="2680523"/>
              <a:ext cx="1103097" cy="1020071"/>
            </a:xfrm>
            <a:prstGeom prst="rect">
              <a:avLst/>
            </a:prstGeom>
            <a:noFill/>
            <a:ln w="28575" cap="flat" cmpd="sng" algn="ctr">
              <a:solidFill>
                <a:srgbClr val="00336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grpSp>
      <p:grpSp>
        <p:nvGrpSpPr>
          <p:cNvPr id="152" name="Group 151">
            <a:extLst>
              <a:ext uri="{FF2B5EF4-FFF2-40B4-BE49-F238E27FC236}">
                <a16:creationId xmlns:a16="http://schemas.microsoft.com/office/drawing/2014/main" id="{766EBDFB-E3AE-20BE-2F04-0EDC9D94BB24}"/>
              </a:ext>
            </a:extLst>
          </p:cNvPr>
          <p:cNvGrpSpPr/>
          <p:nvPr/>
        </p:nvGrpSpPr>
        <p:grpSpPr>
          <a:xfrm>
            <a:off x="8072932" y="2190639"/>
            <a:ext cx="1131360" cy="1024305"/>
            <a:chOff x="5745750" y="2678816"/>
            <a:chExt cx="1131360" cy="1024305"/>
          </a:xfrm>
        </p:grpSpPr>
        <p:grpSp>
          <p:nvGrpSpPr>
            <p:cNvPr id="188" name="Group 187">
              <a:extLst>
                <a:ext uri="{FF2B5EF4-FFF2-40B4-BE49-F238E27FC236}">
                  <a16:creationId xmlns:a16="http://schemas.microsoft.com/office/drawing/2014/main" id="{C87C45ED-0A29-B0C9-6EA1-69665BE87F60}"/>
                </a:ext>
              </a:extLst>
            </p:cNvPr>
            <p:cNvGrpSpPr/>
            <p:nvPr/>
          </p:nvGrpSpPr>
          <p:grpSpPr>
            <a:xfrm>
              <a:off x="5779888" y="2744593"/>
              <a:ext cx="1097222" cy="914372"/>
              <a:chOff x="4670544" y="2579129"/>
              <a:chExt cx="1097222" cy="914372"/>
            </a:xfrm>
          </p:grpSpPr>
          <p:sp>
            <p:nvSpPr>
              <p:cNvPr id="192" name="TextBox 191">
                <a:extLst>
                  <a:ext uri="{FF2B5EF4-FFF2-40B4-BE49-F238E27FC236}">
                    <a16:creationId xmlns:a16="http://schemas.microsoft.com/office/drawing/2014/main" id="{61FE290B-BB40-EEF6-A5A2-3E9ED8F30E3C}"/>
                  </a:ext>
                </a:extLst>
              </p:cNvPr>
              <p:cNvSpPr txBox="1"/>
              <p:nvPr/>
            </p:nvSpPr>
            <p:spPr>
              <a:xfrm>
                <a:off x="4670544" y="3247280"/>
                <a:ext cx="1097222" cy="246221"/>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Procurement</a:t>
                </a:r>
              </a:p>
            </p:txBody>
          </p:sp>
          <p:sp>
            <p:nvSpPr>
              <p:cNvPr id="190" name="Freeform 1000">
                <a:extLst>
                  <a:ext uri="{FF2B5EF4-FFF2-40B4-BE49-F238E27FC236}">
                    <a16:creationId xmlns:a16="http://schemas.microsoft.com/office/drawing/2014/main" id="{1F543D5A-0741-0306-E5B6-913D91375FCF}"/>
                  </a:ext>
                </a:extLst>
              </p:cNvPr>
              <p:cNvSpPr>
                <a:spLocks noChangeAspect="1" noEditPoints="1"/>
              </p:cNvSpPr>
              <p:nvPr/>
            </p:nvSpPr>
            <p:spPr bwMode="auto">
              <a:xfrm>
                <a:off x="5307202" y="2579129"/>
                <a:ext cx="369021" cy="36902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3 w 512"/>
                  <a:gd name="T11" fmla="*/ 405 h 512"/>
                  <a:gd name="T12" fmla="*/ 362 w 512"/>
                  <a:gd name="T13" fmla="*/ 416 h 512"/>
                  <a:gd name="T14" fmla="*/ 149 w 512"/>
                  <a:gd name="T15" fmla="*/ 416 h 512"/>
                  <a:gd name="T16" fmla="*/ 138 w 512"/>
                  <a:gd name="T17" fmla="*/ 405 h 512"/>
                  <a:gd name="T18" fmla="*/ 138 w 512"/>
                  <a:gd name="T19" fmla="*/ 181 h 512"/>
                  <a:gd name="T20" fmla="*/ 149 w 512"/>
                  <a:gd name="T21" fmla="*/ 170 h 512"/>
                  <a:gd name="T22" fmla="*/ 202 w 512"/>
                  <a:gd name="T23" fmla="*/ 170 h 512"/>
                  <a:gd name="T24" fmla="*/ 202 w 512"/>
                  <a:gd name="T25" fmla="*/ 149 h 512"/>
                  <a:gd name="T26" fmla="*/ 256 w 512"/>
                  <a:gd name="T27" fmla="*/ 96 h 512"/>
                  <a:gd name="T28" fmla="*/ 309 w 512"/>
                  <a:gd name="T29" fmla="*/ 149 h 512"/>
                  <a:gd name="T30" fmla="*/ 309 w 512"/>
                  <a:gd name="T31" fmla="*/ 170 h 512"/>
                  <a:gd name="T32" fmla="*/ 362 w 512"/>
                  <a:gd name="T33" fmla="*/ 170 h 512"/>
                  <a:gd name="T34" fmla="*/ 373 w 512"/>
                  <a:gd name="T35" fmla="*/ 181 h 512"/>
                  <a:gd name="T36" fmla="*/ 373 w 512"/>
                  <a:gd name="T37" fmla="*/ 405 h 512"/>
                  <a:gd name="T38" fmla="*/ 288 w 512"/>
                  <a:gd name="T39" fmla="*/ 170 h 512"/>
                  <a:gd name="T40" fmla="*/ 224 w 512"/>
                  <a:gd name="T41" fmla="*/ 170 h 512"/>
                  <a:gd name="T42" fmla="*/ 224 w 512"/>
                  <a:gd name="T43" fmla="*/ 149 h 512"/>
                  <a:gd name="T44" fmla="*/ 256 w 512"/>
                  <a:gd name="T45" fmla="*/ 117 h 512"/>
                  <a:gd name="T46" fmla="*/ 288 w 512"/>
                  <a:gd name="T47" fmla="*/ 149 h 512"/>
                  <a:gd name="T48" fmla="*/ 288 w 512"/>
                  <a:gd name="T49" fmla="*/ 170 h 512"/>
                  <a:gd name="T50" fmla="*/ 309 w 512"/>
                  <a:gd name="T51" fmla="*/ 192 h 512"/>
                  <a:gd name="T52" fmla="*/ 352 w 512"/>
                  <a:gd name="T53" fmla="*/ 192 h 512"/>
                  <a:gd name="T54" fmla="*/ 352 w 512"/>
                  <a:gd name="T55" fmla="*/ 394 h 512"/>
                  <a:gd name="T56" fmla="*/ 160 w 512"/>
                  <a:gd name="T57" fmla="*/ 394 h 512"/>
                  <a:gd name="T58" fmla="*/ 160 w 512"/>
                  <a:gd name="T59" fmla="*/ 192 h 512"/>
                  <a:gd name="T60" fmla="*/ 202 w 512"/>
                  <a:gd name="T61" fmla="*/ 192 h 512"/>
                  <a:gd name="T62" fmla="*/ 202 w 512"/>
                  <a:gd name="T63" fmla="*/ 213 h 512"/>
                  <a:gd name="T64" fmla="*/ 213 w 512"/>
                  <a:gd name="T65" fmla="*/ 224 h 512"/>
                  <a:gd name="T66" fmla="*/ 224 w 512"/>
                  <a:gd name="T67" fmla="*/ 213 h 512"/>
                  <a:gd name="T68" fmla="*/ 224 w 512"/>
                  <a:gd name="T69" fmla="*/ 192 h 512"/>
                  <a:gd name="T70" fmla="*/ 288 w 512"/>
                  <a:gd name="T71" fmla="*/ 192 h 512"/>
                  <a:gd name="T72" fmla="*/ 288 w 512"/>
                  <a:gd name="T73" fmla="*/ 213 h 512"/>
                  <a:gd name="T74" fmla="*/ 298 w 512"/>
                  <a:gd name="T75" fmla="*/ 224 h 512"/>
                  <a:gd name="T76" fmla="*/ 309 w 512"/>
                  <a:gd name="T77" fmla="*/ 213 h 512"/>
                  <a:gd name="T78" fmla="*/ 309 w 512"/>
                  <a:gd name="T7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81"/>
                      <a:pt x="138" y="181"/>
                      <a:pt x="138" y="181"/>
                    </a:cubicBezTo>
                    <a:cubicBezTo>
                      <a:pt x="138" y="175"/>
                      <a:pt x="143" y="170"/>
                      <a:pt x="149" y="170"/>
                    </a:cubicBezTo>
                    <a:cubicBezTo>
                      <a:pt x="202" y="170"/>
                      <a:pt x="202" y="170"/>
                      <a:pt x="202" y="170"/>
                    </a:cubicBezTo>
                    <a:cubicBezTo>
                      <a:pt x="202" y="149"/>
                      <a:pt x="202" y="149"/>
                      <a:pt x="202" y="149"/>
                    </a:cubicBezTo>
                    <a:cubicBezTo>
                      <a:pt x="202" y="120"/>
                      <a:pt x="226" y="96"/>
                      <a:pt x="256" y="96"/>
                    </a:cubicBezTo>
                    <a:cubicBezTo>
                      <a:pt x="285" y="96"/>
                      <a:pt x="309" y="120"/>
                      <a:pt x="309" y="149"/>
                    </a:cubicBezTo>
                    <a:cubicBezTo>
                      <a:pt x="309" y="170"/>
                      <a:pt x="309" y="170"/>
                      <a:pt x="309" y="170"/>
                    </a:cubicBezTo>
                    <a:cubicBezTo>
                      <a:pt x="362" y="170"/>
                      <a:pt x="362" y="170"/>
                      <a:pt x="362" y="170"/>
                    </a:cubicBezTo>
                    <a:cubicBezTo>
                      <a:pt x="368" y="170"/>
                      <a:pt x="373" y="175"/>
                      <a:pt x="373" y="181"/>
                    </a:cubicBezTo>
                    <a:lnTo>
                      <a:pt x="373" y="405"/>
                    </a:lnTo>
                    <a:close/>
                    <a:moveTo>
                      <a:pt x="288" y="170"/>
                    </a:moveTo>
                    <a:cubicBezTo>
                      <a:pt x="224" y="170"/>
                      <a:pt x="224" y="170"/>
                      <a:pt x="224" y="170"/>
                    </a:cubicBezTo>
                    <a:cubicBezTo>
                      <a:pt x="224" y="149"/>
                      <a:pt x="224" y="149"/>
                      <a:pt x="224" y="149"/>
                    </a:cubicBezTo>
                    <a:cubicBezTo>
                      <a:pt x="224" y="131"/>
                      <a:pt x="238" y="117"/>
                      <a:pt x="256" y="117"/>
                    </a:cubicBezTo>
                    <a:cubicBezTo>
                      <a:pt x="273" y="117"/>
                      <a:pt x="288" y="131"/>
                      <a:pt x="288" y="149"/>
                    </a:cubicBezTo>
                    <a:lnTo>
                      <a:pt x="288" y="170"/>
                    </a:lnTo>
                    <a:close/>
                    <a:moveTo>
                      <a:pt x="309" y="192"/>
                    </a:moveTo>
                    <a:cubicBezTo>
                      <a:pt x="352" y="192"/>
                      <a:pt x="352" y="192"/>
                      <a:pt x="352" y="192"/>
                    </a:cubicBezTo>
                    <a:cubicBezTo>
                      <a:pt x="352" y="394"/>
                      <a:pt x="352" y="394"/>
                      <a:pt x="352" y="394"/>
                    </a:cubicBezTo>
                    <a:cubicBezTo>
                      <a:pt x="160" y="394"/>
                      <a:pt x="160" y="394"/>
                      <a:pt x="160" y="394"/>
                    </a:cubicBezTo>
                    <a:cubicBezTo>
                      <a:pt x="160" y="192"/>
                      <a:pt x="160" y="192"/>
                      <a:pt x="160" y="192"/>
                    </a:cubicBezTo>
                    <a:cubicBezTo>
                      <a:pt x="202" y="192"/>
                      <a:pt x="202" y="192"/>
                      <a:pt x="202" y="192"/>
                    </a:cubicBezTo>
                    <a:cubicBezTo>
                      <a:pt x="202" y="213"/>
                      <a:pt x="202" y="213"/>
                      <a:pt x="202" y="213"/>
                    </a:cubicBezTo>
                    <a:cubicBezTo>
                      <a:pt x="202" y="219"/>
                      <a:pt x="207" y="224"/>
                      <a:pt x="213" y="224"/>
                    </a:cubicBezTo>
                    <a:cubicBezTo>
                      <a:pt x="219" y="224"/>
                      <a:pt x="224" y="219"/>
                      <a:pt x="224" y="213"/>
                    </a:cubicBezTo>
                    <a:cubicBezTo>
                      <a:pt x="224" y="192"/>
                      <a:pt x="224" y="192"/>
                      <a:pt x="224" y="192"/>
                    </a:cubicBezTo>
                    <a:cubicBezTo>
                      <a:pt x="288" y="192"/>
                      <a:pt x="288" y="192"/>
                      <a:pt x="288" y="192"/>
                    </a:cubicBezTo>
                    <a:cubicBezTo>
                      <a:pt x="288" y="213"/>
                      <a:pt x="288" y="213"/>
                      <a:pt x="288" y="213"/>
                    </a:cubicBezTo>
                    <a:cubicBezTo>
                      <a:pt x="288" y="219"/>
                      <a:pt x="292" y="224"/>
                      <a:pt x="298" y="224"/>
                    </a:cubicBezTo>
                    <a:cubicBezTo>
                      <a:pt x="304" y="224"/>
                      <a:pt x="309" y="219"/>
                      <a:pt x="309" y="213"/>
                    </a:cubicBezTo>
                    <a:lnTo>
                      <a:pt x="309" y="192"/>
                    </a:lnTo>
                    <a:close/>
                  </a:path>
                </a:pathLst>
              </a:custGeom>
              <a:solidFill>
                <a:srgbClr val="0D8390"/>
              </a:solidFill>
              <a:ln>
                <a:noFill/>
              </a:ln>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grpSp>
        <p:sp>
          <p:nvSpPr>
            <p:cNvPr id="218" name="Rectangle 217">
              <a:extLst>
                <a:ext uri="{FF2B5EF4-FFF2-40B4-BE49-F238E27FC236}">
                  <a16:creationId xmlns:a16="http://schemas.microsoft.com/office/drawing/2014/main" id="{11F38D36-3D06-DF24-D72F-0D3CBE3A46AB}"/>
                </a:ext>
              </a:extLst>
            </p:cNvPr>
            <p:cNvSpPr/>
            <p:nvPr/>
          </p:nvSpPr>
          <p:spPr>
            <a:xfrm>
              <a:off x="5745750" y="2678816"/>
              <a:ext cx="1114463" cy="1024305"/>
            </a:xfrm>
            <a:prstGeom prst="rect">
              <a:avLst/>
            </a:prstGeom>
            <a:noFill/>
            <a:ln w="28575" cap="flat" cmpd="sng" algn="ctr">
              <a:solidFill>
                <a:srgbClr val="0D8390"/>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grpSp>
      <p:grpSp>
        <p:nvGrpSpPr>
          <p:cNvPr id="170" name="Group 169">
            <a:extLst>
              <a:ext uri="{FF2B5EF4-FFF2-40B4-BE49-F238E27FC236}">
                <a16:creationId xmlns:a16="http://schemas.microsoft.com/office/drawing/2014/main" id="{447A72FE-FE27-A1BE-996D-FBA46FFE1E7C}"/>
              </a:ext>
            </a:extLst>
          </p:cNvPr>
          <p:cNvGrpSpPr/>
          <p:nvPr/>
        </p:nvGrpSpPr>
        <p:grpSpPr>
          <a:xfrm>
            <a:off x="2581579" y="4437542"/>
            <a:ext cx="1104371" cy="1020071"/>
            <a:chOff x="1876914" y="2680523"/>
            <a:chExt cx="1104371" cy="1020071"/>
          </a:xfrm>
        </p:grpSpPr>
        <p:sp>
          <p:nvSpPr>
            <p:cNvPr id="49" name="TextBox 48">
              <a:extLst>
                <a:ext uri="{FF2B5EF4-FFF2-40B4-BE49-F238E27FC236}">
                  <a16:creationId xmlns:a16="http://schemas.microsoft.com/office/drawing/2014/main" id="{F7E72BF8-98D4-2CBB-0C7E-B3AFEF018879}"/>
                </a:ext>
              </a:extLst>
            </p:cNvPr>
            <p:cNvSpPr txBox="1"/>
            <p:nvPr/>
          </p:nvSpPr>
          <p:spPr>
            <a:xfrm>
              <a:off x="1876914" y="3417398"/>
              <a:ext cx="1085306" cy="245203"/>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Payroll</a:t>
              </a:r>
              <a:endParaRPr kumimoji="0" lang="en-US" sz="1000" b="0"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endParaRPr>
            </a:p>
          </p:txBody>
        </p:sp>
        <p:sp>
          <p:nvSpPr>
            <p:cNvPr id="47" name="Freeform 141">
              <a:extLst>
                <a:ext uri="{FF2B5EF4-FFF2-40B4-BE49-F238E27FC236}">
                  <a16:creationId xmlns:a16="http://schemas.microsoft.com/office/drawing/2014/main" id="{3B9FB340-6829-228D-6444-E50FA917FF63}"/>
                </a:ext>
              </a:extLst>
            </p:cNvPr>
            <p:cNvSpPr>
              <a:spLocks noChangeAspect="1" noEditPoints="1"/>
            </p:cNvSpPr>
            <p:nvPr/>
          </p:nvSpPr>
          <p:spPr bwMode="auto">
            <a:xfrm>
              <a:off x="2552405" y="2749382"/>
              <a:ext cx="365711" cy="367631"/>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rgbClr val="003366"/>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219" name="Rectangle 218">
              <a:extLst>
                <a:ext uri="{FF2B5EF4-FFF2-40B4-BE49-F238E27FC236}">
                  <a16:creationId xmlns:a16="http://schemas.microsoft.com/office/drawing/2014/main" id="{D848EBB7-A138-55FC-0E4C-F6D3E3BA569D}"/>
                </a:ext>
              </a:extLst>
            </p:cNvPr>
            <p:cNvSpPr/>
            <p:nvPr/>
          </p:nvSpPr>
          <p:spPr>
            <a:xfrm>
              <a:off x="1878188" y="2680523"/>
              <a:ext cx="1103097" cy="1020071"/>
            </a:xfrm>
            <a:prstGeom prst="rect">
              <a:avLst/>
            </a:prstGeom>
            <a:noFill/>
            <a:ln w="28575" cap="flat" cmpd="sng" algn="ctr">
              <a:solidFill>
                <a:srgbClr val="00336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grpSp>
      <p:grpSp>
        <p:nvGrpSpPr>
          <p:cNvPr id="171" name="Group 170">
            <a:extLst>
              <a:ext uri="{FF2B5EF4-FFF2-40B4-BE49-F238E27FC236}">
                <a16:creationId xmlns:a16="http://schemas.microsoft.com/office/drawing/2014/main" id="{B07E8DF4-703F-EE51-61B7-9E872AAC1DEC}"/>
              </a:ext>
            </a:extLst>
          </p:cNvPr>
          <p:cNvGrpSpPr/>
          <p:nvPr/>
        </p:nvGrpSpPr>
        <p:grpSpPr>
          <a:xfrm>
            <a:off x="1336599" y="2190639"/>
            <a:ext cx="1119244" cy="1020071"/>
            <a:chOff x="3167169" y="2695010"/>
            <a:chExt cx="1119244" cy="1020071"/>
          </a:xfrm>
        </p:grpSpPr>
        <p:sp>
          <p:nvSpPr>
            <p:cNvPr id="220" name="Rectangle 219">
              <a:extLst>
                <a:ext uri="{FF2B5EF4-FFF2-40B4-BE49-F238E27FC236}">
                  <a16:creationId xmlns:a16="http://schemas.microsoft.com/office/drawing/2014/main" id="{18C9E027-DBBA-63BC-DC72-49630A770B0C}"/>
                </a:ext>
              </a:extLst>
            </p:cNvPr>
            <p:cNvSpPr/>
            <p:nvPr/>
          </p:nvSpPr>
          <p:spPr>
            <a:xfrm>
              <a:off x="3167169" y="2695010"/>
              <a:ext cx="1103097" cy="1020071"/>
            </a:xfrm>
            <a:prstGeom prst="rect">
              <a:avLst/>
            </a:prstGeom>
            <a:solidFill>
              <a:srgbClr val="FFFFFF"/>
            </a:solidFill>
            <a:ln w="28575" cap="flat" cmpd="sng" algn="ctr">
              <a:solidFill>
                <a:srgbClr val="00336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221" name="TextBox 220">
              <a:extLst>
                <a:ext uri="{FF2B5EF4-FFF2-40B4-BE49-F238E27FC236}">
                  <a16:creationId xmlns:a16="http://schemas.microsoft.com/office/drawing/2014/main" id="{4447C24C-99FB-53BB-4A31-BD8F5A443E78}"/>
                </a:ext>
              </a:extLst>
            </p:cNvPr>
            <p:cNvSpPr txBox="1"/>
            <p:nvPr/>
          </p:nvSpPr>
          <p:spPr>
            <a:xfrm>
              <a:off x="3189191" y="3307513"/>
              <a:ext cx="1097222" cy="312539"/>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Absence Management</a:t>
              </a:r>
            </a:p>
          </p:txBody>
        </p:sp>
        <p:sp>
          <p:nvSpPr>
            <p:cNvPr id="222" name="Freeform 805">
              <a:extLst>
                <a:ext uri="{FF2B5EF4-FFF2-40B4-BE49-F238E27FC236}">
                  <a16:creationId xmlns:a16="http://schemas.microsoft.com/office/drawing/2014/main" id="{10B56C1D-367B-A72A-A98D-EB8989055194}"/>
                </a:ext>
              </a:extLst>
            </p:cNvPr>
            <p:cNvSpPr>
              <a:spLocks noChangeAspect="1" noEditPoints="1"/>
            </p:cNvSpPr>
            <p:nvPr/>
          </p:nvSpPr>
          <p:spPr bwMode="auto">
            <a:xfrm>
              <a:off x="3857828" y="2777554"/>
              <a:ext cx="367982" cy="367982"/>
            </a:xfrm>
            <a:custGeom>
              <a:avLst/>
              <a:gdLst>
                <a:gd name="T0" fmla="*/ 309 w 512"/>
                <a:gd name="T1" fmla="*/ 149 h 512"/>
                <a:gd name="T2" fmla="*/ 202 w 512"/>
                <a:gd name="T3" fmla="*/ 149 h 512"/>
                <a:gd name="T4" fmla="*/ 181 w 512"/>
                <a:gd name="T5" fmla="*/ 138 h 512"/>
                <a:gd name="T6" fmla="*/ 373 w 512"/>
                <a:gd name="T7" fmla="*/ 373 h 512"/>
                <a:gd name="T8" fmla="*/ 330 w 512"/>
                <a:gd name="T9" fmla="*/ 149 h 512"/>
                <a:gd name="T10" fmla="*/ 170 w 512"/>
                <a:gd name="T11" fmla="*/ 320 h 512"/>
                <a:gd name="T12" fmla="*/ 170 w 512"/>
                <a:gd name="T13" fmla="*/ 298 h 512"/>
                <a:gd name="T14" fmla="*/ 181 w 512"/>
                <a:gd name="T15" fmla="*/ 288 h 512"/>
                <a:gd name="T16" fmla="*/ 160 w 512"/>
                <a:gd name="T17" fmla="*/ 245 h 512"/>
                <a:gd name="T18" fmla="*/ 170 w 512"/>
                <a:gd name="T19" fmla="*/ 256 h 512"/>
                <a:gd name="T20" fmla="*/ 170 w 512"/>
                <a:gd name="T21" fmla="*/ 192 h 512"/>
                <a:gd name="T22" fmla="*/ 213 w 512"/>
                <a:gd name="T23" fmla="*/ 341 h 512"/>
                <a:gd name="T24" fmla="*/ 224 w 512"/>
                <a:gd name="T25" fmla="*/ 330 h 512"/>
                <a:gd name="T26" fmla="*/ 202 w 512"/>
                <a:gd name="T27" fmla="*/ 288 h 512"/>
                <a:gd name="T28" fmla="*/ 213 w 512"/>
                <a:gd name="T29" fmla="*/ 298 h 512"/>
                <a:gd name="T30" fmla="*/ 213 w 512"/>
                <a:gd name="T31" fmla="*/ 234 h 512"/>
                <a:gd name="T32" fmla="*/ 213 w 512"/>
                <a:gd name="T33" fmla="*/ 213 h 512"/>
                <a:gd name="T34" fmla="*/ 224 w 512"/>
                <a:gd name="T35" fmla="*/ 202 h 512"/>
                <a:gd name="T36" fmla="*/ 245 w 512"/>
                <a:gd name="T37" fmla="*/ 330 h 512"/>
                <a:gd name="T38" fmla="*/ 256 w 512"/>
                <a:gd name="T39" fmla="*/ 341 h 512"/>
                <a:gd name="T40" fmla="*/ 256 w 512"/>
                <a:gd name="T41" fmla="*/ 277 h 512"/>
                <a:gd name="T42" fmla="*/ 256 w 512"/>
                <a:gd name="T43" fmla="*/ 256 h 512"/>
                <a:gd name="T44" fmla="*/ 266 w 512"/>
                <a:gd name="T45" fmla="*/ 245 h 512"/>
                <a:gd name="T46" fmla="*/ 245 w 512"/>
                <a:gd name="T47" fmla="*/ 202 h 512"/>
                <a:gd name="T48" fmla="*/ 256 w 512"/>
                <a:gd name="T49" fmla="*/ 213 h 512"/>
                <a:gd name="T50" fmla="*/ 298 w 512"/>
                <a:gd name="T51" fmla="*/ 320 h 512"/>
                <a:gd name="T52" fmla="*/ 298 w 512"/>
                <a:gd name="T53" fmla="*/ 298 h 512"/>
                <a:gd name="T54" fmla="*/ 309 w 512"/>
                <a:gd name="T55" fmla="*/ 288 h 512"/>
                <a:gd name="T56" fmla="*/ 288 w 512"/>
                <a:gd name="T57" fmla="*/ 245 h 512"/>
                <a:gd name="T58" fmla="*/ 298 w 512"/>
                <a:gd name="T59" fmla="*/ 256 h 512"/>
                <a:gd name="T60" fmla="*/ 298 w 512"/>
                <a:gd name="T61" fmla="*/ 192 h 512"/>
                <a:gd name="T62" fmla="*/ 341 w 512"/>
                <a:gd name="T63" fmla="*/ 298 h 512"/>
                <a:gd name="T64" fmla="*/ 352 w 512"/>
                <a:gd name="T65" fmla="*/ 288 h 512"/>
                <a:gd name="T66" fmla="*/ 330 w 512"/>
                <a:gd name="T67" fmla="*/ 245 h 512"/>
                <a:gd name="T68" fmla="*/ 341 w 512"/>
                <a:gd name="T69" fmla="*/ 256 h 512"/>
                <a:gd name="T70" fmla="*/ 341 w 512"/>
                <a:gd name="T71" fmla="*/ 213 h 512"/>
                <a:gd name="T72" fmla="*/ 256 w 512"/>
                <a:gd name="T73" fmla="*/ 0 h 512"/>
                <a:gd name="T74" fmla="*/ 512 w 512"/>
                <a:gd name="T75" fmla="*/ 256 h 512"/>
                <a:gd name="T76" fmla="*/ 384 w 512"/>
                <a:gd name="T77" fmla="*/ 394 h 512"/>
                <a:gd name="T78" fmla="*/ 117 w 512"/>
                <a:gd name="T79" fmla="*/ 128 h 512"/>
                <a:gd name="T80" fmla="*/ 181 w 512"/>
                <a:gd name="T81" fmla="*/ 106 h 512"/>
                <a:gd name="T82" fmla="*/ 202 w 512"/>
                <a:gd name="T83" fmla="*/ 117 h 512"/>
                <a:gd name="T84" fmla="*/ 320 w 512"/>
                <a:gd name="T85" fmla="*/ 96 h 512"/>
                <a:gd name="T86" fmla="*/ 384 w 512"/>
                <a:gd name="T87" fmla="*/ 1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330" y="149"/>
                  </a:moveTo>
                  <a:cubicBezTo>
                    <a:pt x="330" y="155"/>
                    <a:pt x="326" y="160"/>
                    <a:pt x="320" y="160"/>
                  </a:cubicBezTo>
                  <a:cubicBezTo>
                    <a:pt x="314" y="160"/>
                    <a:pt x="309" y="155"/>
                    <a:pt x="309" y="149"/>
                  </a:cubicBezTo>
                  <a:cubicBezTo>
                    <a:pt x="309" y="138"/>
                    <a:pt x="309" y="138"/>
                    <a:pt x="309" y="138"/>
                  </a:cubicBezTo>
                  <a:cubicBezTo>
                    <a:pt x="202" y="138"/>
                    <a:pt x="202" y="138"/>
                    <a:pt x="202" y="138"/>
                  </a:cubicBezTo>
                  <a:cubicBezTo>
                    <a:pt x="202" y="149"/>
                    <a:pt x="202" y="149"/>
                    <a:pt x="202" y="149"/>
                  </a:cubicBezTo>
                  <a:cubicBezTo>
                    <a:pt x="202" y="155"/>
                    <a:pt x="198" y="160"/>
                    <a:pt x="192" y="160"/>
                  </a:cubicBezTo>
                  <a:cubicBezTo>
                    <a:pt x="186" y="160"/>
                    <a:pt x="181" y="155"/>
                    <a:pt x="181" y="149"/>
                  </a:cubicBezTo>
                  <a:cubicBezTo>
                    <a:pt x="181" y="138"/>
                    <a:pt x="181" y="138"/>
                    <a:pt x="181" y="138"/>
                  </a:cubicBezTo>
                  <a:cubicBezTo>
                    <a:pt x="138" y="138"/>
                    <a:pt x="138" y="138"/>
                    <a:pt x="138" y="138"/>
                  </a:cubicBezTo>
                  <a:cubicBezTo>
                    <a:pt x="138" y="373"/>
                    <a:pt x="138" y="373"/>
                    <a:pt x="138" y="373"/>
                  </a:cubicBezTo>
                  <a:cubicBezTo>
                    <a:pt x="373" y="373"/>
                    <a:pt x="373" y="373"/>
                    <a:pt x="373" y="373"/>
                  </a:cubicBezTo>
                  <a:cubicBezTo>
                    <a:pt x="373" y="138"/>
                    <a:pt x="373" y="138"/>
                    <a:pt x="373" y="138"/>
                  </a:cubicBezTo>
                  <a:cubicBezTo>
                    <a:pt x="330" y="138"/>
                    <a:pt x="330" y="138"/>
                    <a:pt x="330" y="138"/>
                  </a:cubicBezTo>
                  <a:lnTo>
                    <a:pt x="330" y="149"/>
                  </a:lnTo>
                  <a:close/>
                  <a:moveTo>
                    <a:pt x="170" y="341"/>
                  </a:moveTo>
                  <a:cubicBezTo>
                    <a:pt x="164" y="341"/>
                    <a:pt x="160" y="336"/>
                    <a:pt x="160" y="330"/>
                  </a:cubicBezTo>
                  <a:cubicBezTo>
                    <a:pt x="160" y="324"/>
                    <a:pt x="164" y="320"/>
                    <a:pt x="170" y="320"/>
                  </a:cubicBezTo>
                  <a:cubicBezTo>
                    <a:pt x="176" y="320"/>
                    <a:pt x="181" y="324"/>
                    <a:pt x="181" y="330"/>
                  </a:cubicBezTo>
                  <a:cubicBezTo>
                    <a:pt x="181" y="336"/>
                    <a:pt x="176" y="341"/>
                    <a:pt x="170" y="341"/>
                  </a:cubicBezTo>
                  <a:close/>
                  <a:moveTo>
                    <a:pt x="170" y="298"/>
                  </a:moveTo>
                  <a:cubicBezTo>
                    <a:pt x="164" y="298"/>
                    <a:pt x="160" y="294"/>
                    <a:pt x="160" y="288"/>
                  </a:cubicBezTo>
                  <a:cubicBezTo>
                    <a:pt x="160" y="282"/>
                    <a:pt x="164" y="277"/>
                    <a:pt x="170" y="277"/>
                  </a:cubicBezTo>
                  <a:cubicBezTo>
                    <a:pt x="176" y="277"/>
                    <a:pt x="181" y="282"/>
                    <a:pt x="181" y="288"/>
                  </a:cubicBezTo>
                  <a:cubicBezTo>
                    <a:pt x="181" y="294"/>
                    <a:pt x="176" y="298"/>
                    <a:pt x="170" y="298"/>
                  </a:cubicBezTo>
                  <a:close/>
                  <a:moveTo>
                    <a:pt x="170" y="256"/>
                  </a:moveTo>
                  <a:cubicBezTo>
                    <a:pt x="164" y="256"/>
                    <a:pt x="160" y="251"/>
                    <a:pt x="160" y="245"/>
                  </a:cubicBezTo>
                  <a:cubicBezTo>
                    <a:pt x="160" y="239"/>
                    <a:pt x="164" y="234"/>
                    <a:pt x="170" y="234"/>
                  </a:cubicBezTo>
                  <a:cubicBezTo>
                    <a:pt x="176" y="234"/>
                    <a:pt x="181" y="239"/>
                    <a:pt x="181" y="245"/>
                  </a:cubicBezTo>
                  <a:cubicBezTo>
                    <a:pt x="181" y="251"/>
                    <a:pt x="176" y="256"/>
                    <a:pt x="170" y="256"/>
                  </a:cubicBezTo>
                  <a:close/>
                  <a:moveTo>
                    <a:pt x="170" y="213"/>
                  </a:moveTo>
                  <a:cubicBezTo>
                    <a:pt x="164" y="213"/>
                    <a:pt x="160" y="208"/>
                    <a:pt x="160" y="202"/>
                  </a:cubicBezTo>
                  <a:cubicBezTo>
                    <a:pt x="160" y="196"/>
                    <a:pt x="164" y="192"/>
                    <a:pt x="170" y="192"/>
                  </a:cubicBezTo>
                  <a:cubicBezTo>
                    <a:pt x="176" y="192"/>
                    <a:pt x="181" y="196"/>
                    <a:pt x="181" y="202"/>
                  </a:cubicBezTo>
                  <a:cubicBezTo>
                    <a:pt x="181" y="208"/>
                    <a:pt x="176" y="213"/>
                    <a:pt x="170" y="213"/>
                  </a:cubicBezTo>
                  <a:close/>
                  <a:moveTo>
                    <a:pt x="213" y="341"/>
                  </a:moveTo>
                  <a:cubicBezTo>
                    <a:pt x="207" y="341"/>
                    <a:pt x="202" y="336"/>
                    <a:pt x="202" y="330"/>
                  </a:cubicBezTo>
                  <a:cubicBezTo>
                    <a:pt x="202" y="324"/>
                    <a:pt x="207" y="320"/>
                    <a:pt x="213" y="320"/>
                  </a:cubicBezTo>
                  <a:cubicBezTo>
                    <a:pt x="219" y="320"/>
                    <a:pt x="224" y="324"/>
                    <a:pt x="224" y="330"/>
                  </a:cubicBezTo>
                  <a:cubicBezTo>
                    <a:pt x="224" y="336"/>
                    <a:pt x="219" y="341"/>
                    <a:pt x="213" y="341"/>
                  </a:cubicBezTo>
                  <a:close/>
                  <a:moveTo>
                    <a:pt x="213" y="298"/>
                  </a:moveTo>
                  <a:cubicBezTo>
                    <a:pt x="207" y="298"/>
                    <a:pt x="202" y="294"/>
                    <a:pt x="202" y="288"/>
                  </a:cubicBezTo>
                  <a:cubicBezTo>
                    <a:pt x="202" y="282"/>
                    <a:pt x="207" y="277"/>
                    <a:pt x="213" y="277"/>
                  </a:cubicBezTo>
                  <a:cubicBezTo>
                    <a:pt x="219" y="277"/>
                    <a:pt x="224" y="282"/>
                    <a:pt x="224" y="288"/>
                  </a:cubicBezTo>
                  <a:cubicBezTo>
                    <a:pt x="224" y="294"/>
                    <a:pt x="219" y="298"/>
                    <a:pt x="213" y="298"/>
                  </a:cubicBezTo>
                  <a:close/>
                  <a:moveTo>
                    <a:pt x="213" y="256"/>
                  </a:moveTo>
                  <a:cubicBezTo>
                    <a:pt x="207" y="256"/>
                    <a:pt x="202" y="251"/>
                    <a:pt x="202" y="245"/>
                  </a:cubicBezTo>
                  <a:cubicBezTo>
                    <a:pt x="202" y="239"/>
                    <a:pt x="207" y="234"/>
                    <a:pt x="213" y="234"/>
                  </a:cubicBezTo>
                  <a:cubicBezTo>
                    <a:pt x="219" y="234"/>
                    <a:pt x="224" y="239"/>
                    <a:pt x="224" y="245"/>
                  </a:cubicBezTo>
                  <a:cubicBezTo>
                    <a:pt x="224" y="251"/>
                    <a:pt x="219" y="256"/>
                    <a:pt x="213" y="256"/>
                  </a:cubicBezTo>
                  <a:close/>
                  <a:moveTo>
                    <a:pt x="213" y="213"/>
                  </a:moveTo>
                  <a:cubicBezTo>
                    <a:pt x="207" y="213"/>
                    <a:pt x="202" y="208"/>
                    <a:pt x="202" y="202"/>
                  </a:cubicBezTo>
                  <a:cubicBezTo>
                    <a:pt x="202" y="196"/>
                    <a:pt x="207" y="192"/>
                    <a:pt x="213" y="192"/>
                  </a:cubicBezTo>
                  <a:cubicBezTo>
                    <a:pt x="219" y="192"/>
                    <a:pt x="224" y="196"/>
                    <a:pt x="224" y="202"/>
                  </a:cubicBezTo>
                  <a:cubicBezTo>
                    <a:pt x="224" y="208"/>
                    <a:pt x="219" y="213"/>
                    <a:pt x="213" y="213"/>
                  </a:cubicBezTo>
                  <a:close/>
                  <a:moveTo>
                    <a:pt x="256" y="341"/>
                  </a:moveTo>
                  <a:cubicBezTo>
                    <a:pt x="250" y="341"/>
                    <a:pt x="245" y="336"/>
                    <a:pt x="245" y="330"/>
                  </a:cubicBezTo>
                  <a:cubicBezTo>
                    <a:pt x="245" y="324"/>
                    <a:pt x="250" y="320"/>
                    <a:pt x="256" y="320"/>
                  </a:cubicBezTo>
                  <a:cubicBezTo>
                    <a:pt x="262" y="320"/>
                    <a:pt x="266" y="324"/>
                    <a:pt x="266" y="330"/>
                  </a:cubicBezTo>
                  <a:cubicBezTo>
                    <a:pt x="266" y="336"/>
                    <a:pt x="262" y="341"/>
                    <a:pt x="256" y="341"/>
                  </a:cubicBezTo>
                  <a:close/>
                  <a:moveTo>
                    <a:pt x="256" y="298"/>
                  </a:moveTo>
                  <a:cubicBezTo>
                    <a:pt x="250" y="298"/>
                    <a:pt x="245" y="294"/>
                    <a:pt x="245" y="288"/>
                  </a:cubicBezTo>
                  <a:cubicBezTo>
                    <a:pt x="245" y="282"/>
                    <a:pt x="250" y="277"/>
                    <a:pt x="256" y="277"/>
                  </a:cubicBezTo>
                  <a:cubicBezTo>
                    <a:pt x="262" y="277"/>
                    <a:pt x="266" y="282"/>
                    <a:pt x="266" y="288"/>
                  </a:cubicBezTo>
                  <a:cubicBezTo>
                    <a:pt x="266" y="294"/>
                    <a:pt x="262" y="298"/>
                    <a:pt x="256" y="298"/>
                  </a:cubicBezTo>
                  <a:close/>
                  <a:moveTo>
                    <a:pt x="256" y="256"/>
                  </a:moveTo>
                  <a:cubicBezTo>
                    <a:pt x="250" y="256"/>
                    <a:pt x="245" y="251"/>
                    <a:pt x="245" y="245"/>
                  </a:cubicBezTo>
                  <a:cubicBezTo>
                    <a:pt x="245" y="239"/>
                    <a:pt x="250" y="234"/>
                    <a:pt x="256" y="234"/>
                  </a:cubicBezTo>
                  <a:cubicBezTo>
                    <a:pt x="262" y="234"/>
                    <a:pt x="266" y="239"/>
                    <a:pt x="266" y="245"/>
                  </a:cubicBezTo>
                  <a:cubicBezTo>
                    <a:pt x="266" y="251"/>
                    <a:pt x="262" y="256"/>
                    <a:pt x="256" y="256"/>
                  </a:cubicBezTo>
                  <a:close/>
                  <a:moveTo>
                    <a:pt x="256" y="213"/>
                  </a:moveTo>
                  <a:cubicBezTo>
                    <a:pt x="250" y="213"/>
                    <a:pt x="245" y="208"/>
                    <a:pt x="245" y="202"/>
                  </a:cubicBezTo>
                  <a:cubicBezTo>
                    <a:pt x="245" y="196"/>
                    <a:pt x="250" y="192"/>
                    <a:pt x="256" y="192"/>
                  </a:cubicBezTo>
                  <a:cubicBezTo>
                    <a:pt x="262" y="192"/>
                    <a:pt x="266" y="196"/>
                    <a:pt x="266" y="202"/>
                  </a:cubicBezTo>
                  <a:cubicBezTo>
                    <a:pt x="266" y="208"/>
                    <a:pt x="262" y="213"/>
                    <a:pt x="256" y="213"/>
                  </a:cubicBezTo>
                  <a:close/>
                  <a:moveTo>
                    <a:pt x="298" y="341"/>
                  </a:moveTo>
                  <a:cubicBezTo>
                    <a:pt x="292" y="341"/>
                    <a:pt x="288" y="336"/>
                    <a:pt x="288" y="330"/>
                  </a:cubicBezTo>
                  <a:cubicBezTo>
                    <a:pt x="288" y="324"/>
                    <a:pt x="292" y="320"/>
                    <a:pt x="298" y="320"/>
                  </a:cubicBezTo>
                  <a:cubicBezTo>
                    <a:pt x="304" y="320"/>
                    <a:pt x="309" y="324"/>
                    <a:pt x="309" y="330"/>
                  </a:cubicBezTo>
                  <a:cubicBezTo>
                    <a:pt x="309" y="336"/>
                    <a:pt x="304" y="341"/>
                    <a:pt x="298" y="341"/>
                  </a:cubicBezTo>
                  <a:close/>
                  <a:moveTo>
                    <a:pt x="298" y="298"/>
                  </a:moveTo>
                  <a:cubicBezTo>
                    <a:pt x="292" y="298"/>
                    <a:pt x="288" y="294"/>
                    <a:pt x="288" y="288"/>
                  </a:cubicBezTo>
                  <a:cubicBezTo>
                    <a:pt x="288" y="282"/>
                    <a:pt x="292" y="277"/>
                    <a:pt x="298" y="277"/>
                  </a:cubicBezTo>
                  <a:cubicBezTo>
                    <a:pt x="304" y="277"/>
                    <a:pt x="309" y="282"/>
                    <a:pt x="309" y="288"/>
                  </a:cubicBezTo>
                  <a:cubicBezTo>
                    <a:pt x="309" y="294"/>
                    <a:pt x="304" y="298"/>
                    <a:pt x="298" y="298"/>
                  </a:cubicBezTo>
                  <a:close/>
                  <a:moveTo>
                    <a:pt x="298" y="256"/>
                  </a:moveTo>
                  <a:cubicBezTo>
                    <a:pt x="292" y="256"/>
                    <a:pt x="288" y="251"/>
                    <a:pt x="288" y="245"/>
                  </a:cubicBezTo>
                  <a:cubicBezTo>
                    <a:pt x="288" y="239"/>
                    <a:pt x="292" y="234"/>
                    <a:pt x="298" y="234"/>
                  </a:cubicBezTo>
                  <a:cubicBezTo>
                    <a:pt x="304" y="234"/>
                    <a:pt x="309" y="239"/>
                    <a:pt x="309" y="245"/>
                  </a:cubicBezTo>
                  <a:cubicBezTo>
                    <a:pt x="309" y="251"/>
                    <a:pt x="304" y="256"/>
                    <a:pt x="298" y="256"/>
                  </a:cubicBezTo>
                  <a:close/>
                  <a:moveTo>
                    <a:pt x="298" y="213"/>
                  </a:moveTo>
                  <a:cubicBezTo>
                    <a:pt x="292" y="213"/>
                    <a:pt x="288" y="208"/>
                    <a:pt x="288" y="202"/>
                  </a:cubicBezTo>
                  <a:cubicBezTo>
                    <a:pt x="288" y="196"/>
                    <a:pt x="292" y="192"/>
                    <a:pt x="298" y="192"/>
                  </a:cubicBezTo>
                  <a:cubicBezTo>
                    <a:pt x="304" y="192"/>
                    <a:pt x="309" y="196"/>
                    <a:pt x="309" y="202"/>
                  </a:cubicBezTo>
                  <a:cubicBezTo>
                    <a:pt x="309" y="208"/>
                    <a:pt x="304" y="213"/>
                    <a:pt x="298" y="213"/>
                  </a:cubicBezTo>
                  <a:close/>
                  <a:moveTo>
                    <a:pt x="341" y="298"/>
                  </a:moveTo>
                  <a:cubicBezTo>
                    <a:pt x="335" y="298"/>
                    <a:pt x="330" y="294"/>
                    <a:pt x="330" y="288"/>
                  </a:cubicBezTo>
                  <a:cubicBezTo>
                    <a:pt x="330" y="282"/>
                    <a:pt x="335" y="277"/>
                    <a:pt x="341" y="277"/>
                  </a:cubicBezTo>
                  <a:cubicBezTo>
                    <a:pt x="347" y="277"/>
                    <a:pt x="352" y="282"/>
                    <a:pt x="352" y="288"/>
                  </a:cubicBezTo>
                  <a:cubicBezTo>
                    <a:pt x="352" y="294"/>
                    <a:pt x="347" y="298"/>
                    <a:pt x="341" y="298"/>
                  </a:cubicBezTo>
                  <a:close/>
                  <a:moveTo>
                    <a:pt x="341" y="256"/>
                  </a:moveTo>
                  <a:cubicBezTo>
                    <a:pt x="335" y="256"/>
                    <a:pt x="330" y="251"/>
                    <a:pt x="330" y="245"/>
                  </a:cubicBezTo>
                  <a:cubicBezTo>
                    <a:pt x="330" y="239"/>
                    <a:pt x="335" y="234"/>
                    <a:pt x="341" y="234"/>
                  </a:cubicBezTo>
                  <a:cubicBezTo>
                    <a:pt x="347" y="234"/>
                    <a:pt x="352" y="239"/>
                    <a:pt x="352" y="245"/>
                  </a:cubicBezTo>
                  <a:cubicBezTo>
                    <a:pt x="352" y="251"/>
                    <a:pt x="347" y="256"/>
                    <a:pt x="341" y="256"/>
                  </a:cubicBezTo>
                  <a:close/>
                  <a:moveTo>
                    <a:pt x="341" y="192"/>
                  </a:moveTo>
                  <a:cubicBezTo>
                    <a:pt x="347" y="192"/>
                    <a:pt x="352" y="196"/>
                    <a:pt x="352" y="202"/>
                  </a:cubicBezTo>
                  <a:cubicBezTo>
                    <a:pt x="352" y="208"/>
                    <a:pt x="347" y="213"/>
                    <a:pt x="341" y="213"/>
                  </a:cubicBezTo>
                  <a:cubicBezTo>
                    <a:pt x="335" y="213"/>
                    <a:pt x="330" y="208"/>
                    <a:pt x="330" y="202"/>
                  </a:cubicBezTo>
                  <a:cubicBezTo>
                    <a:pt x="330" y="196"/>
                    <a:pt x="335" y="192"/>
                    <a:pt x="341" y="192"/>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84"/>
                  </a:moveTo>
                  <a:cubicBezTo>
                    <a:pt x="394" y="390"/>
                    <a:pt x="390" y="394"/>
                    <a:pt x="384" y="394"/>
                  </a:cubicBezTo>
                  <a:cubicBezTo>
                    <a:pt x="128" y="394"/>
                    <a:pt x="128" y="394"/>
                    <a:pt x="128" y="394"/>
                  </a:cubicBezTo>
                  <a:cubicBezTo>
                    <a:pt x="122" y="394"/>
                    <a:pt x="117" y="390"/>
                    <a:pt x="117" y="384"/>
                  </a:cubicBezTo>
                  <a:cubicBezTo>
                    <a:pt x="117" y="128"/>
                    <a:pt x="117" y="128"/>
                    <a:pt x="117" y="128"/>
                  </a:cubicBezTo>
                  <a:cubicBezTo>
                    <a:pt x="117" y="122"/>
                    <a:pt x="122" y="117"/>
                    <a:pt x="128" y="117"/>
                  </a:cubicBezTo>
                  <a:cubicBezTo>
                    <a:pt x="181" y="117"/>
                    <a:pt x="181" y="117"/>
                    <a:pt x="181" y="117"/>
                  </a:cubicBezTo>
                  <a:cubicBezTo>
                    <a:pt x="181" y="106"/>
                    <a:pt x="181" y="106"/>
                    <a:pt x="181" y="106"/>
                  </a:cubicBezTo>
                  <a:cubicBezTo>
                    <a:pt x="181" y="100"/>
                    <a:pt x="186" y="96"/>
                    <a:pt x="192" y="96"/>
                  </a:cubicBezTo>
                  <a:cubicBezTo>
                    <a:pt x="198" y="96"/>
                    <a:pt x="202" y="100"/>
                    <a:pt x="202" y="106"/>
                  </a:cubicBezTo>
                  <a:cubicBezTo>
                    <a:pt x="202" y="117"/>
                    <a:pt x="202" y="117"/>
                    <a:pt x="202" y="117"/>
                  </a:cubicBezTo>
                  <a:cubicBezTo>
                    <a:pt x="309" y="117"/>
                    <a:pt x="309" y="117"/>
                    <a:pt x="309" y="117"/>
                  </a:cubicBezTo>
                  <a:cubicBezTo>
                    <a:pt x="309" y="106"/>
                    <a:pt x="309" y="106"/>
                    <a:pt x="309" y="106"/>
                  </a:cubicBezTo>
                  <a:cubicBezTo>
                    <a:pt x="309" y="100"/>
                    <a:pt x="314" y="96"/>
                    <a:pt x="320" y="96"/>
                  </a:cubicBezTo>
                  <a:cubicBezTo>
                    <a:pt x="326" y="96"/>
                    <a:pt x="330" y="100"/>
                    <a:pt x="330" y="106"/>
                  </a:cubicBezTo>
                  <a:cubicBezTo>
                    <a:pt x="330" y="117"/>
                    <a:pt x="330" y="117"/>
                    <a:pt x="330" y="117"/>
                  </a:cubicBezTo>
                  <a:cubicBezTo>
                    <a:pt x="384" y="117"/>
                    <a:pt x="384" y="117"/>
                    <a:pt x="384" y="117"/>
                  </a:cubicBezTo>
                  <a:cubicBezTo>
                    <a:pt x="390" y="117"/>
                    <a:pt x="394" y="122"/>
                    <a:pt x="394" y="128"/>
                  </a:cubicBezTo>
                  <a:lnTo>
                    <a:pt x="394" y="384"/>
                  </a:lnTo>
                  <a:close/>
                </a:path>
              </a:pathLst>
            </a:custGeom>
            <a:solidFill>
              <a:srgbClr val="003366"/>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grpSp>
      <p:grpSp>
        <p:nvGrpSpPr>
          <p:cNvPr id="159" name="Group 158">
            <a:extLst>
              <a:ext uri="{FF2B5EF4-FFF2-40B4-BE49-F238E27FC236}">
                <a16:creationId xmlns:a16="http://schemas.microsoft.com/office/drawing/2014/main" id="{60D912CC-1746-6431-178A-0CDD939ED0AF}"/>
              </a:ext>
            </a:extLst>
          </p:cNvPr>
          <p:cNvGrpSpPr/>
          <p:nvPr/>
        </p:nvGrpSpPr>
        <p:grpSpPr>
          <a:xfrm>
            <a:off x="8089829" y="3328555"/>
            <a:ext cx="1114463" cy="1024305"/>
            <a:chOff x="3137970" y="4988697"/>
            <a:chExt cx="1114463" cy="1024305"/>
          </a:xfrm>
        </p:grpSpPr>
        <p:sp>
          <p:nvSpPr>
            <p:cNvPr id="162" name="TextBox 161">
              <a:extLst>
                <a:ext uri="{FF2B5EF4-FFF2-40B4-BE49-F238E27FC236}">
                  <a16:creationId xmlns:a16="http://schemas.microsoft.com/office/drawing/2014/main" id="{3DB19F8B-506E-9DF9-C42B-E287150925E1}"/>
                </a:ext>
              </a:extLst>
            </p:cNvPr>
            <p:cNvSpPr txBox="1"/>
            <p:nvPr/>
          </p:nvSpPr>
          <p:spPr>
            <a:xfrm>
              <a:off x="3152932" y="5454197"/>
              <a:ext cx="1097222" cy="553998"/>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Core Finance &amp; Payroll Accounting</a:t>
              </a:r>
            </a:p>
          </p:txBody>
        </p:sp>
        <p:sp>
          <p:nvSpPr>
            <p:cNvPr id="160" name="Freeform 795">
              <a:extLst>
                <a:ext uri="{FF2B5EF4-FFF2-40B4-BE49-F238E27FC236}">
                  <a16:creationId xmlns:a16="http://schemas.microsoft.com/office/drawing/2014/main" id="{88D43565-520A-6E5D-D9C6-8497D7708F07}"/>
                </a:ext>
              </a:extLst>
            </p:cNvPr>
            <p:cNvSpPr>
              <a:spLocks noChangeAspect="1" noEditPoints="1"/>
            </p:cNvSpPr>
            <p:nvPr/>
          </p:nvSpPr>
          <p:spPr bwMode="auto">
            <a:xfrm>
              <a:off x="3838368" y="5059297"/>
              <a:ext cx="367041" cy="367041"/>
            </a:xfrm>
            <a:custGeom>
              <a:avLst/>
              <a:gdLst>
                <a:gd name="T0" fmla="*/ 0 w 512"/>
                <a:gd name="T1" fmla="*/ 256 h 512"/>
                <a:gd name="T2" fmla="*/ 512 w 512"/>
                <a:gd name="T3" fmla="*/ 256 h 512"/>
                <a:gd name="T4" fmla="*/ 221 w 512"/>
                <a:gd name="T5" fmla="*/ 392 h 512"/>
                <a:gd name="T6" fmla="*/ 206 w 512"/>
                <a:gd name="T7" fmla="*/ 392 h 512"/>
                <a:gd name="T8" fmla="*/ 135 w 512"/>
                <a:gd name="T9" fmla="*/ 391 h 512"/>
                <a:gd name="T10" fmla="*/ 120 w 512"/>
                <a:gd name="T11" fmla="*/ 391 h 512"/>
                <a:gd name="T12" fmla="*/ 155 w 512"/>
                <a:gd name="T13" fmla="*/ 341 h 512"/>
                <a:gd name="T14" fmla="*/ 120 w 512"/>
                <a:gd name="T15" fmla="*/ 290 h 512"/>
                <a:gd name="T16" fmla="*/ 170 w 512"/>
                <a:gd name="T17" fmla="*/ 326 h 512"/>
                <a:gd name="T18" fmla="*/ 221 w 512"/>
                <a:gd name="T19" fmla="*/ 291 h 512"/>
                <a:gd name="T20" fmla="*/ 185 w 512"/>
                <a:gd name="T21" fmla="*/ 341 h 512"/>
                <a:gd name="T22" fmla="*/ 221 w 512"/>
                <a:gd name="T23" fmla="*/ 392 h 512"/>
                <a:gd name="T24" fmla="*/ 181 w 512"/>
                <a:gd name="T25" fmla="*/ 181 h 512"/>
                <a:gd name="T26" fmla="*/ 170 w 512"/>
                <a:gd name="T27" fmla="*/ 234 h 512"/>
                <a:gd name="T28" fmla="*/ 160 w 512"/>
                <a:gd name="T29" fmla="*/ 181 h 512"/>
                <a:gd name="T30" fmla="*/ 106 w 512"/>
                <a:gd name="T31" fmla="*/ 170 h 512"/>
                <a:gd name="T32" fmla="*/ 160 w 512"/>
                <a:gd name="T33" fmla="*/ 160 h 512"/>
                <a:gd name="T34" fmla="*/ 170 w 512"/>
                <a:gd name="T35" fmla="*/ 106 h 512"/>
                <a:gd name="T36" fmla="*/ 181 w 512"/>
                <a:gd name="T37" fmla="*/ 160 h 512"/>
                <a:gd name="T38" fmla="*/ 234 w 512"/>
                <a:gd name="T39" fmla="*/ 170 h 512"/>
                <a:gd name="T40" fmla="*/ 344 w 512"/>
                <a:gd name="T41" fmla="*/ 120 h 512"/>
                <a:gd name="T42" fmla="*/ 362 w 512"/>
                <a:gd name="T43" fmla="*/ 128 h 512"/>
                <a:gd name="T44" fmla="*/ 352 w 512"/>
                <a:gd name="T45" fmla="*/ 138 h 512"/>
                <a:gd name="T46" fmla="*/ 341 w 512"/>
                <a:gd name="T47" fmla="*/ 128 h 512"/>
                <a:gd name="T48" fmla="*/ 405 w 512"/>
                <a:gd name="T49" fmla="*/ 352 h 512"/>
                <a:gd name="T50" fmla="*/ 288 w 512"/>
                <a:gd name="T51" fmla="*/ 341 h 512"/>
                <a:gd name="T52" fmla="*/ 405 w 512"/>
                <a:gd name="T53" fmla="*/ 330 h 512"/>
                <a:gd name="T54" fmla="*/ 405 w 512"/>
                <a:gd name="T55" fmla="*/ 352 h 512"/>
                <a:gd name="T56" fmla="*/ 344 w 512"/>
                <a:gd name="T57" fmla="*/ 205 h 512"/>
                <a:gd name="T58" fmla="*/ 362 w 512"/>
                <a:gd name="T59" fmla="*/ 213 h 512"/>
                <a:gd name="T60" fmla="*/ 352 w 512"/>
                <a:gd name="T61" fmla="*/ 224 h 512"/>
                <a:gd name="T62" fmla="*/ 341 w 512"/>
                <a:gd name="T63" fmla="*/ 213 h 512"/>
                <a:gd name="T64" fmla="*/ 298 w 512"/>
                <a:gd name="T65" fmla="*/ 181 h 512"/>
                <a:gd name="T66" fmla="*/ 298 w 512"/>
                <a:gd name="T67" fmla="*/ 160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21" y="392"/>
                  </a:moveTo>
                  <a:cubicBezTo>
                    <a:pt x="219" y="394"/>
                    <a:pt x="216" y="395"/>
                    <a:pt x="213" y="395"/>
                  </a:cubicBezTo>
                  <a:cubicBezTo>
                    <a:pt x="211" y="395"/>
                    <a:pt x="208" y="394"/>
                    <a:pt x="206" y="392"/>
                  </a:cubicBezTo>
                  <a:cubicBezTo>
                    <a:pt x="170" y="356"/>
                    <a:pt x="170" y="356"/>
                    <a:pt x="170" y="356"/>
                  </a:cubicBezTo>
                  <a:cubicBezTo>
                    <a:pt x="135" y="391"/>
                    <a:pt x="135" y="391"/>
                    <a:pt x="135" y="391"/>
                  </a:cubicBezTo>
                  <a:cubicBezTo>
                    <a:pt x="133" y="393"/>
                    <a:pt x="130" y="394"/>
                    <a:pt x="128" y="394"/>
                  </a:cubicBezTo>
                  <a:cubicBezTo>
                    <a:pt x="125" y="394"/>
                    <a:pt x="122" y="393"/>
                    <a:pt x="120" y="391"/>
                  </a:cubicBezTo>
                  <a:cubicBezTo>
                    <a:pt x="116" y="387"/>
                    <a:pt x="116" y="380"/>
                    <a:pt x="120" y="376"/>
                  </a:cubicBezTo>
                  <a:cubicBezTo>
                    <a:pt x="155" y="341"/>
                    <a:pt x="155" y="341"/>
                    <a:pt x="155" y="341"/>
                  </a:cubicBezTo>
                  <a:cubicBezTo>
                    <a:pt x="120" y="306"/>
                    <a:pt x="120" y="306"/>
                    <a:pt x="120" y="306"/>
                  </a:cubicBezTo>
                  <a:cubicBezTo>
                    <a:pt x="116" y="301"/>
                    <a:pt x="116" y="295"/>
                    <a:pt x="120" y="290"/>
                  </a:cubicBezTo>
                  <a:cubicBezTo>
                    <a:pt x="124" y="286"/>
                    <a:pt x="131" y="286"/>
                    <a:pt x="135" y="290"/>
                  </a:cubicBezTo>
                  <a:cubicBezTo>
                    <a:pt x="170" y="326"/>
                    <a:pt x="170" y="326"/>
                    <a:pt x="170" y="326"/>
                  </a:cubicBezTo>
                  <a:cubicBezTo>
                    <a:pt x="205" y="291"/>
                    <a:pt x="205" y="291"/>
                    <a:pt x="205" y="291"/>
                  </a:cubicBezTo>
                  <a:cubicBezTo>
                    <a:pt x="210" y="287"/>
                    <a:pt x="216" y="287"/>
                    <a:pt x="221" y="291"/>
                  </a:cubicBezTo>
                  <a:cubicBezTo>
                    <a:pt x="225" y="295"/>
                    <a:pt x="225" y="302"/>
                    <a:pt x="221" y="306"/>
                  </a:cubicBezTo>
                  <a:cubicBezTo>
                    <a:pt x="185" y="341"/>
                    <a:pt x="185" y="341"/>
                    <a:pt x="185" y="341"/>
                  </a:cubicBezTo>
                  <a:cubicBezTo>
                    <a:pt x="221" y="377"/>
                    <a:pt x="221" y="377"/>
                    <a:pt x="221" y="377"/>
                  </a:cubicBezTo>
                  <a:cubicBezTo>
                    <a:pt x="225" y="381"/>
                    <a:pt x="225" y="387"/>
                    <a:pt x="221" y="392"/>
                  </a:cubicBezTo>
                  <a:close/>
                  <a:moveTo>
                    <a:pt x="224" y="181"/>
                  </a:moveTo>
                  <a:cubicBezTo>
                    <a:pt x="181" y="181"/>
                    <a:pt x="181" y="181"/>
                    <a:pt x="181" y="181"/>
                  </a:cubicBezTo>
                  <a:cubicBezTo>
                    <a:pt x="181" y="224"/>
                    <a:pt x="181" y="224"/>
                    <a:pt x="181" y="224"/>
                  </a:cubicBezTo>
                  <a:cubicBezTo>
                    <a:pt x="181" y="230"/>
                    <a:pt x="176" y="234"/>
                    <a:pt x="170" y="234"/>
                  </a:cubicBezTo>
                  <a:cubicBezTo>
                    <a:pt x="164" y="234"/>
                    <a:pt x="160" y="230"/>
                    <a:pt x="160" y="224"/>
                  </a:cubicBezTo>
                  <a:cubicBezTo>
                    <a:pt x="160" y="181"/>
                    <a:pt x="160" y="181"/>
                    <a:pt x="160" y="181"/>
                  </a:cubicBezTo>
                  <a:cubicBezTo>
                    <a:pt x="117" y="181"/>
                    <a:pt x="117" y="181"/>
                    <a:pt x="117" y="181"/>
                  </a:cubicBezTo>
                  <a:cubicBezTo>
                    <a:pt x="111" y="181"/>
                    <a:pt x="106" y="176"/>
                    <a:pt x="106" y="170"/>
                  </a:cubicBezTo>
                  <a:cubicBezTo>
                    <a:pt x="106" y="164"/>
                    <a:pt x="111" y="160"/>
                    <a:pt x="117" y="160"/>
                  </a:cubicBezTo>
                  <a:cubicBezTo>
                    <a:pt x="160" y="160"/>
                    <a:pt x="160" y="160"/>
                    <a:pt x="160" y="160"/>
                  </a:cubicBezTo>
                  <a:cubicBezTo>
                    <a:pt x="160" y="117"/>
                    <a:pt x="160" y="117"/>
                    <a:pt x="160" y="117"/>
                  </a:cubicBezTo>
                  <a:cubicBezTo>
                    <a:pt x="160" y="111"/>
                    <a:pt x="164" y="106"/>
                    <a:pt x="170" y="106"/>
                  </a:cubicBezTo>
                  <a:cubicBezTo>
                    <a:pt x="176" y="106"/>
                    <a:pt x="181" y="111"/>
                    <a:pt x="181" y="117"/>
                  </a:cubicBezTo>
                  <a:cubicBezTo>
                    <a:pt x="181" y="160"/>
                    <a:pt x="181" y="160"/>
                    <a:pt x="181" y="160"/>
                  </a:cubicBezTo>
                  <a:cubicBezTo>
                    <a:pt x="224" y="160"/>
                    <a:pt x="224" y="160"/>
                    <a:pt x="224" y="160"/>
                  </a:cubicBezTo>
                  <a:cubicBezTo>
                    <a:pt x="230" y="160"/>
                    <a:pt x="234" y="164"/>
                    <a:pt x="234" y="170"/>
                  </a:cubicBezTo>
                  <a:cubicBezTo>
                    <a:pt x="234" y="176"/>
                    <a:pt x="230" y="181"/>
                    <a:pt x="224" y="181"/>
                  </a:cubicBezTo>
                  <a:close/>
                  <a:moveTo>
                    <a:pt x="344" y="120"/>
                  </a:moveTo>
                  <a:cubicBezTo>
                    <a:pt x="348" y="116"/>
                    <a:pt x="355" y="116"/>
                    <a:pt x="359" y="120"/>
                  </a:cubicBezTo>
                  <a:cubicBezTo>
                    <a:pt x="361" y="122"/>
                    <a:pt x="362" y="125"/>
                    <a:pt x="362" y="128"/>
                  </a:cubicBezTo>
                  <a:cubicBezTo>
                    <a:pt x="362" y="130"/>
                    <a:pt x="361" y="133"/>
                    <a:pt x="359" y="135"/>
                  </a:cubicBezTo>
                  <a:cubicBezTo>
                    <a:pt x="357" y="137"/>
                    <a:pt x="354" y="138"/>
                    <a:pt x="352" y="138"/>
                  </a:cubicBezTo>
                  <a:cubicBezTo>
                    <a:pt x="349" y="138"/>
                    <a:pt x="346" y="137"/>
                    <a:pt x="344" y="135"/>
                  </a:cubicBezTo>
                  <a:cubicBezTo>
                    <a:pt x="342" y="133"/>
                    <a:pt x="341" y="130"/>
                    <a:pt x="341" y="128"/>
                  </a:cubicBezTo>
                  <a:cubicBezTo>
                    <a:pt x="341" y="125"/>
                    <a:pt x="342" y="122"/>
                    <a:pt x="344" y="120"/>
                  </a:cubicBezTo>
                  <a:close/>
                  <a:moveTo>
                    <a:pt x="405" y="352"/>
                  </a:moveTo>
                  <a:cubicBezTo>
                    <a:pt x="298" y="352"/>
                    <a:pt x="298" y="352"/>
                    <a:pt x="298" y="352"/>
                  </a:cubicBezTo>
                  <a:cubicBezTo>
                    <a:pt x="292" y="352"/>
                    <a:pt x="288" y="347"/>
                    <a:pt x="288" y="341"/>
                  </a:cubicBezTo>
                  <a:cubicBezTo>
                    <a:pt x="288" y="335"/>
                    <a:pt x="292" y="330"/>
                    <a:pt x="298" y="330"/>
                  </a:cubicBezTo>
                  <a:cubicBezTo>
                    <a:pt x="405" y="330"/>
                    <a:pt x="405" y="330"/>
                    <a:pt x="405" y="330"/>
                  </a:cubicBezTo>
                  <a:cubicBezTo>
                    <a:pt x="411" y="330"/>
                    <a:pt x="416" y="335"/>
                    <a:pt x="416" y="341"/>
                  </a:cubicBezTo>
                  <a:cubicBezTo>
                    <a:pt x="416" y="347"/>
                    <a:pt x="411" y="352"/>
                    <a:pt x="405" y="352"/>
                  </a:cubicBezTo>
                  <a:close/>
                  <a:moveTo>
                    <a:pt x="341" y="213"/>
                  </a:moveTo>
                  <a:cubicBezTo>
                    <a:pt x="341" y="210"/>
                    <a:pt x="342" y="207"/>
                    <a:pt x="344" y="205"/>
                  </a:cubicBezTo>
                  <a:cubicBezTo>
                    <a:pt x="348" y="201"/>
                    <a:pt x="355" y="201"/>
                    <a:pt x="359" y="205"/>
                  </a:cubicBezTo>
                  <a:cubicBezTo>
                    <a:pt x="361" y="207"/>
                    <a:pt x="362" y="210"/>
                    <a:pt x="362" y="213"/>
                  </a:cubicBezTo>
                  <a:cubicBezTo>
                    <a:pt x="362" y="216"/>
                    <a:pt x="361" y="219"/>
                    <a:pt x="359" y="221"/>
                  </a:cubicBezTo>
                  <a:cubicBezTo>
                    <a:pt x="357" y="222"/>
                    <a:pt x="354" y="224"/>
                    <a:pt x="352" y="224"/>
                  </a:cubicBezTo>
                  <a:cubicBezTo>
                    <a:pt x="349" y="224"/>
                    <a:pt x="346" y="222"/>
                    <a:pt x="344" y="221"/>
                  </a:cubicBezTo>
                  <a:cubicBezTo>
                    <a:pt x="342" y="219"/>
                    <a:pt x="341" y="216"/>
                    <a:pt x="341" y="213"/>
                  </a:cubicBezTo>
                  <a:close/>
                  <a:moveTo>
                    <a:pt x="405" y="181"/>
                  </a:moveTo>
                  <a:cubicBezTo>
                    <a:pt x="298" y="181"/>
                    <a:pt x="298" y="181"/>
                    <a:pt x="298" y="181"/>
                  </a:cubicBezTo>
                  <a:cubicBezTo>
                    <a:pt x="292" y="181"/>
                    <a:pt x="288" y="176"/>
                    <a:pt x="288" y="170"/>
                  </a:cubicBezTo>
                  <a:cubicBezTo>
                    <a:pt x="288" y="164"/>
                    <a:pt x="292" y="160"/>
                    <a:pt x="298" y="160"/>
                  </a:cubicBezTo>
                  <a:cubicBezTo>
                    <a:pt x="405" y="160"/>
                    <a:pt x="405" y="160"/>
                    <a:pt x="405" y="160"/>
                  </a:cubicBezTo>
                  <a:cubicBezTo>
                    <a:pt x="411" y="160"/>
                    <a:pt x="416" y="164"/>
                    <a:pt x="416" y="170"/>
                  </a:cubicBezTo>
                  <a:cubicBezTo>
                    <a:pt x="416" y="176"/>
                    <a:pt x="411" y="181"/>
                    <a:pt x="405" y="181"/>
                  </a:cubicBezTo>
                  <a:close/>
                </a:path>
              </a:pathLst>
            </a:custGeom>
            <a:solidFill>
              <a:srgbClr val="0D8390"/>
            </a:solidFill>
            <a:ln>
              <a:noFill/>
            </a:ln>
          </p:spPr>
          <p:txBody>
            <a:bodyPr vert="horz" wrap="square" lIns="91440" tIns="45720" rIns="91440" bIns="45720" numCol="1" anchor="t" anchorCtr="0" compatLnSpc="1">
              <a:prstTxWarp prst="textNoShape">
                <a:avLst/>
              </a:prstTxWarp>
            </a:bodyPr>
            <a:lstStyle/>
            <a:p>
              <a:pPr defTabSz="1219170">
                <a:defRPr/>
              </a:pPr>
              <a:endParaRPr lang="en-GB" sz="1000">
                <a:solidFill>
                  <a:prstClr val="black"/>
                </a:solidFill>
                <a:latin typeface="+mj-lt"/>
              </a:endParaRPr>
            </a:p>
          </p:txBody>
        </p:sp>
        <p:sp>
          <p:nvSpPr>
            <p:cNvPr id="223" name="Rectangle 222">
              <a:extLst>
                <a:ext uri="{FF2B5EF4-FFF2-40B4-BE49-F238E27FC236}">
                  <a16:creationId xmlns:a16="http://schemas.microsoft.com/office/drawing/2014/main" id="{4C37DA32-F081-E94D-EC04-F322325655E8}"/>
                </a:ext>
              </a:extLst>
            </p:cNvPr>
            <p:cNvSpPr/>
            <p:nvPr/>
          </p:nvSpPr>
          <p:spPr>
            <a:xfrm>
              <a:off x="3137970" y="4988697"/>
              <a:ext cx="1114463" cy="1024305"/>
            </a:xfrm>
            <a:prstGeom prst="rect">
              <a:avLst/>
            </a:prstGeom>
            <a:noFill/>
            <a:ln w="28575" cap="flat" cmpd="sng" algn="ctr">
              <a:solidFill>
                <a:srgbClr val="0D8390"/>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grpSp>
      <p:grpSp>
        <p:nvGrpSpPr>
          <p:cNvPr id="30" name="Group 29">
            <a:extLst>
              <a:ext uri="{FF2B5EF4-FFF2-40B4-BE49-F238E27FC236}">
                <a16:creationId xmlns:a16="http://schemas.microsoft.com/office/drawing/2014/main" id="{504AAF2C-DC1F-02EF-7CF6-6D6856D7F9DB}"/>
              </a:ext>
            </a:extLst>
          </p:cNvPr>
          <p:cNvGrpSpPr/>
          <p:nvPr/>
        </p:nvGrpSpPr>
        <p:grpSpPr>
          <a:xfrm>
            <a:off x="5569317" y="2190639"/>
            <a:ext cx="1249068" cy="1024305"/>
            <a:chOff x="5861837" y="2763371"/>
            <a:chExt cx="1249068" cy="1024305"/>
          </a:xfrm>
        </p:grpSpPr>
        <p:sp>
          <p:nvSpPr>
            <p:cNvPr id="27" name="Rectangle 26">
              <a:extLst>
                <a:ext uri="{FF2B5EF4-FFF2-40B4-BE49-F238E27FC236}">
                  <a16:creationId xmlns:a16="http://schemas.microsoft.com/office/drawing/2014/main" id="{290338EF-26EA-9601-C55C-B8BBEC4289EF}"/>
                </a:ext>
              </a:extLst>
            </p:cNvPr>
            <p:cNvSpPr/>
            <p:nvPr/>
          </p:nvSpPr>
          <p:spPr>
            <a:xfrm>
              <a:off x="5915690" y="2763371"/>
              <a:ext cx="1103097" cy="1024305"/>
            </a:xfrm>
            <a:prstGeom prst="rect">
              <a:avLst/>
            </a:prstGeom>
            <a:solidFill>
              <a:srgbClr val="FFFFFF"/>
            </a:solidFill>
            <a:ln w="28575" cap="flat" cmpd="sng" algn="ctr">
              <a:gradFill>
                <a:gsLst>
                  <a:gs pos="100000">
                    <a:srgbClr val="0D8390"/>
                  </a:gs>
                  <a:gs pos="0">
                    <a:srgbClr val="003366"/>
                  </a:gs>
                </a:gsLst>
                <a:lin ang="5400000" scaled="1"/>
              </a:gradFill>
              <a:prstDash val="solid"/>
              <a:miter lim="800000"/>
            </a:ln>
            <a:effectLst/>
          </p:spPr>
          <p:txBody>
            <a:bodyPr rtlCol="0" anchor="ctr"/>
            <a:lstStyle/>
            <a:p>
              <a:pPr algn="ctr">
                <a:defRPr/>
              </a:pPr>
              <a:endParaRPr lang="en-US" sz="1000" kern="0">
                <a:solidFill>
                  <a:srgbClr val="666666"/>
                </a:solidFill>
                <a:latin typeface="+mj-lt"/>
                <a:ea typeface="Verdana" panose="020B0604030504040204" pitchFamily="34" charset="0"/>
                <a:cs typeface="Verdana" panose="020B0604030504040204" pitchFamily="34" charset="0"/>
              </a:endParaRPr>
            </a:p>
          </p:txBody>
        </p:sp>
        <p:sp>
          <p:nvSpPr>
            <p:cNvPr id="28" name="TextBox 27">
              <a:extLst>
                <a:ext uri="{FF2B5EF4-FFF2-40B4-BE49-F238E27FC236}">
                  <a16:creationId xmlns:a16="http://schemas.microsoft.com/office/drawing/2014/main" id="{3CF1DF06-9B4E-82C3-06B8-1B60437267B3}"/>
                </a:ext>
              </a:extLst>
            </p:cNvPr>
            <p:cNvSpPr txBox="1"/>
            <p:nvPr/>
          </p:nvSpPr>
          <p:spPr>
            <a:xfrm>
              <a:off x="5861837" y="3456969"/>
              <a:ext cx="1249068" cy="246221"/>
            </a:xfrm>
            <a:prstGeom prst="rect">
              <a:avLst/>
            </a:prstGeom>
            <a:noFill/>
          </p:spPr>
          <p:txBody>
            <a:bodyPr wrap="square" rtlCol="0">
              <a:spAutoFit/>
            </a:bodyPr>
            <a:lstStyle/>
            <a:p>
              <a:pPr algn="ctr">
                <a:defRPr/>
              </a:pPr>
              <a:r>
                <a:rPr lang="en-US" sz="1000" b="1" kern="0">
                  <a:solidFill>
                    <a:srgbClr val="787878"/>
                  </a:solidFill>
                  <a:latin typeface="+mj-lt"/>
                  <a:ea typeface="Verdana" panose="020B0604030504040204" pitchFamily="34" charset="0"/>
                  <a:cs typeface="Verdana" panose="020B0604030504040204" pitchFamily="34" charset="0"/>
                </a:rPr>
                <a:t>FDM</a:t>
              </a:r>
            </a:p>
          </p:txBody>
        </p:sp>
      </p:grpSp>
      <p:sp>
        <p:nvSpPr>
          <p:cNvPr id="151" name="Rectangle 150">
            <a:extLst>
              <a:ext uri="{FF2B5EF4-FFF2-40B4-BE49-F238E27FC236}">
                <a16:creationId xmlns:a16="http://schemas.microsoft.com/office/drawing/2014/main" id="{C92E59A6-2869-443A-FE53-84AD03E22CEE}"/>
              </a:ext>
            </a:extLst>
          </p:cNvPr>
          <p:cNvSpPr/>
          <p:nvPr/>
        </p:nvSpPr>
        <p:spPr>
          <a:xfrm>
            <a:off x="7183248" y="1675870"/>
            <a:ext cx="1685552" cy="367188"/>
          </a:xfrm>
          <a:prstGeom prst="rect">
            <a:avLst/>
          </a:prstGeom>
          <a:solidFill>
            <a:srgbClr val="FFFFFF"/>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000000"/>
                </a:solidFill>
                <a:effectLst/>
                <a:uLnTx/>
                <a:uFillTx/>
                <a:ea typeface="Verdana" panose="020B0604030504040204" pitchFamily="34" charset="0"/>
                <a:cs typeface="Verdana" panose="020B0604030504040204" pitchFamily="34" charset="0"/>
              </a:rPr>
              <a:t>Workday Finance</a:t>
            </a:r>
          </a:p>
        </p:txBody>
      </p:sp>
      <p:sp>
        <p:nvSpPr>
          <p:cNvPr id="201" name="L-Shape 200">
            <a:extLst>
              <a:ext uri="{FF2B5EF4-FFF2-40B4-BE49-F238E27FC236}">
                <a16:creationId xmlns:a16="http://schemas.microsoft.com/office/drawing/2014/main" id="{5484F581-CA7A-3E5F-8D85-05744D8359AC}"/>
              </a:ext>
            </a:extLst>
          </p:cNvPr>
          <p:cNvSpPr/>
          <p:nvPr/>
        </p:nvSpPr>
        <p:spPr bwMode="gray">
          <a:xfrm>
            <a:off x="5451783" y="2073265"/>
            <a:ext cx="5148483" cy="3588911"/>
          </a:xfrm>
          <a:prstGeom prst="corner">
            <a:avLst>
              <a:gd name="adj1" fmla="val 27522"/>
              <a:gd name="adj2" fmla="val 226407"/>
            </a:avLst>
          </a:prstGeom>
          <a:noFill/>
          <a:ln w="9525" algn="ctr">
            <a:solidFill>
              <a:srgbClr val="000000"/>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000" b="1" i="0" u="none" strike="noStrike" kern="0" cap="none" spc="0" normalizeH="0" baseline="0" noProof="0">
              <a:ln>
                <a:noFill/>
              </a:ln>
              <a:solidFill>
                <a:srgbClr val="FFFFFF"/>
              </a:solidFill>
              <a:effectLst/>
              <a:uLnTx/>
              <a:uFillTx/>
              <a:ea typeface="Verdana" panose="020B0604030504040204" pitchFamily="34" charset="0"/>
              <a:cs typeface="Verdana" panose="020B0604030504040204" pitchFamily="34" charset="0"/>
            </a:endParaRPr>
          </a:p>
        </p:txBody>
      </p:sp>
      <p:grpSp>
        <p:nvGrpSpPr>
          <p:cNvPr id="204" name="Group 203">
            <a:extLst>
              <a:ext uri="{FF2B5EF4-FFF2-40B4-BE49-F238E27FC236}">
                <a16:creationId xmlns:a16="http://schemas.microsoft.com/office/drawing/2014/main" id="{9C1CD7DF-AA52-7319-6CCD-4929BFA29306}"/>
              </a:ext>
            </a:extLst>
          </p:cNvPr>
          <p:cNvGrpSpPr/>
          <p:nvPr/>
        </p:nvGrpSpPr>
        <p:grpSpPr>
          <a:xfrm>
            <a:off x="9727803" y="5662176"/>
            <a:ext cx="1860647" cy="654469"/>
            <a:chOff x="9777733" y="4541974"/>
            <a:chExt cx="1734055" cy="654469"/>
          </a:xfrm>
        </p:grpSpPr>
        <p:sp>
          <p:nvSpPr>
            <p:cNvPr id="208" name="Rectangle 207">
              <a:extLst>
                <a:ext uri="{FF2B5EF4-FFF2-40B4-BE49-F238E27FC236}">
                  <a16:creationId xmlns:a16="http://schemas.microsoft.com/office/drawing/2014/main" id="{CC597477-439D-98E5-965E-18A51B5B7B70}"/>
                </a:ext>
              </a:extLst>
            </p:cNvPr>
            <p:cNvSpPr/>
            <p:nvPr/>
          </p:nvSpPr>
          <p:spPr>
            <a:xfrm>
              <a:off x="9872271" y="4953536"/>
              <a:ext cx="1537542" cy="151243"/>
            </a:xfrm>
            <a:prstGeom prst="rect">
              <a:avLst/>
            </a:prstGeom>
            <a:solidFill>
              <a:srgbClr val="FFFFFF"/>
            </a:solidFill>
            <a:ln w="25400" cap="flat" cmpd="sng" algn="ctr">
              <a:solidFill>
                <a:srgbClr val="C00000"/>
              </a:solidFill>
              <a:prstDash val="solid"/>
              <a:miter lim="800000"/>
            </a:ln>
            <a:effectLst/>
          </p:spPr>
          <p:txBody>
            <a:bodyPr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US" sz="800" b="0" i="0" u="none" strike="noStrike" kern="0" cap="none" spc="0" normalizeH="0" baseline="0" noProof="0">
                  <a:ln>
                    <a:noFill/>
                  </a:ln>
                  <a:solidFill>
                    <a:srgbClr val="000000"/>
                  </a:solidFill>
                  <a:effectLst/>
                  <a:uLnTx/>
                  <a:uFillTx/>
                  <a:latin typeface="+mj-lt"/>
                  <a:ea typeface="Verdana" panose="020B0604030504040204" pitchFamily="34" charset="0"/>
                  <a:cs typeface="Verdana" panose="020B0604030504040204" pitchFamily="34" charset="0"/>
                </a:rPr>
                <a:t>To be determined</a:t>
              </a:r>
            </a:p>
          </p:txBody>
        </p:sp>
        <p:sp>
          <p:nvSpPr>
            <p:cNvPr id="206" name="Rectangle 205">
              <a:extLst>
                <a:ext uri="{FF2B5EF4-FFF2-40B4-BE49-F238E27FC236}">
                  <a16:creationId xmlns:a16="http://schemas.microsoft.com/office/drawing/2014/main" id="{B5224B46-0467-C3FC-93E7-6B0D65636EB2}"/>
                </a:ext>
              </a:extLst>
            </p:cNvPr>
            <p:cNvSpPr/>
            <p:nvPr/>
          </p:nvSpPr>
          <p:spPr bwMode="gray">
            <a:xfrm>
              <a:off x="9777733" y="4738347"/>
              <a:ext cx="1734055" cy="458096"/>
            </a:xfrm>
            <a:prstGeom prst="rect">
              <a:avLst/>
            </a:prstGeom>
            <a:noFill/>
            <a:ln w="9525" algn="ctr">
              <a:solidFill>
                <a:srgbClr val="000000"/>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800" b="1" i="0" u="none" strike="noStrike" kern="0" cap="none" spc="0" normalizeH="0" baseline="0" noProof="0">
                <a:ln>
                  <a:noFill/>
                </a:ln>
                <a:solidFill>
                  <a:srgbClr val="FFFFFF"/>
                </a:solidFill>
                <a:effectLst/>
                <a:uLnTx/>
                <a:uFillTx/>
                <a:latin typeface="+mj-lt"/>
                <a:ea typeface="Verdana" panose="020B0604030504040204" pitchFamily="34" charset="0"/>
                <a:cs typeface="Verdana" panose="020B0604030504040204" pitchFamily="34" charset="0"/>
              </a:endParaRPr>
            </a:p>
          </p:txBody>
        </p:sp>
        <p:sp>
          <p:nvSpPr>
            <p:cNvPr id="207" name="Rectangle 206">
              <a:extLst>
                <a:ext uri="{FF2B5EF4-FFF2-40B4-BE49-F238E27FC236}">
                  <a16:creationId xmlns:a16="http://schemas.microsoft.com/office/drawing/2014/main" id="{AA889E7E-D59E-77C5-1AD9-275741707BD4}"/>
                </a:ext>
              </a:extLst>
            </p:cNvPr>
            <p:cNvSpPr/>
            <p:nvPr/>
          </p:nvSpPr>
          <p:spPr>
            <a:xfrm>
              <a:off x="10286548" y="4541974"/>
              <a:ext cx="708988" cy="367188"/>
            </a:xfrm>
            <a:prstGeom prst="rect">
              <a:avLst/>
            </a:prstGeom>
            <a:solidFill>
              <a:schemeClr val="bg1"/>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1" i="0" u="none" strike="noStrike" kern="0" cap="none" spc="0" normalizeH="0" baseline="0" noProof="0">
                  <a:ln>
                    <a:noFill/>
                  </a:ln>
                  <a:solidFill>
                    <a:srgbClr val="000000"/>
                  </a:solidFill>
                  <a:effectLst/>
                  <a:uLnTx/>
                  <a:uFillTx/>
                  <a:latin typeface="+mj-lt"/>
                  <a:ea typeface="Verdana" panose="020B0604030504040204" pitchFamily="34" charset="0"/>
                  <a:cs typeface="Verdana" panose="020B0604030504040204" pitchFamily="34" charset="0"/>
                </a:rPr>
                <a:t>KEY</a:t>
              </a:r>
            </a:p>
          </p:txBody>
        </p:sp>
      </p:grpSp>
      <p:sp>
        <p:nvSpPr>
          <p:cNvPr id="215" name="Freeform 760">
            <a:extLst>
              <a:ext uri="{FF2B5EF4-FFF2-40B4-BE49-F238E27FC236}">
                <a16:creationId xmlns:a16="http://schemas.microsoft.com/office/drawing/2014/main" id="{8B84513E-B759-6EE6-740E-B831C5A5E3CA}"/>
              </a:ext>
            </a:extLst>
          </p:cNvPr>
          <p:cNvSpPr>
            <a:spLocks noChangeAspect="1" noEditPoints="1"/>
          </p:cNvSpPr>
          <p:nvPr/>
        </p:nvSpPr>
        <p:spPr bwMode="auto">
          <a:xfrm>
            <a:off x="6315865" y="2233068"/>
            <a:ext cx="367982" cy="367982"/>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216" name="Freeform 364">
            <a:extLst>
              <a:ext uri="{FF2B5EF4-FFF2-40B4-BE49-F238E27FC236}">
                <a16:creationId xmlns:a16="http://schemas.microsoft.com/office/drawing/2014/main" id="{652956FA-7B1A-CDB8-BEDD-23DC98CBF326}"/>
              </a:ext>
            </a:extLst>
          </p:cNvPr>
          <p:cNvSpPr>
            <a:spLocks noChangeAspect="1" noEditPoints="1"/>
          </p:cNvSpPr>
          <p:nvPr/>
        </p:nvSpPr>
        <p:spPr bwMode="auto">
          <a:xfrm>
            <a:off x="10004209" y="4503552"/>
            <a:ext cx="369064" cy="367982"/>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Tree>
    <p:extLst>
      <p:ext uri="{BB962C8B-B14F-4D97-AF65-F5344CB8AC3E}">
        <p14:creationId xmlns:p14="http://schemas.microsoft.com/office/powerpoint/2010/main" val="26219480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C2DB04B-4348-86EB-E019-FEABC258530C}"/>
            </a:ext>
          </a:extLst>
        </p:cNvPr>
        <p:cNvGrpSpPr/>
        <p:nvPr/>
      </p:nvGrpSpPr>
      <p:grpSpPr>
        <a:xfrm>
          <a:off x="0" y="0"/>
          <a:ext cx="0" cy="0"/>
          <a:chOff x="0" y="0"/>
          <a:chExt cx="0" cy="0"/>
        </a:xfrm>
      </p:grpSpPr>
      <p:sp>
        <p:nvSpPr>
          <p:cNvPr id="123" name="Rectangle 122">
            <a:extLst>
              <a:ext uri="{FF2B5EF4-FFF2-40B4-BE49-F238E27FC236}">
                <a16:creationId xmlns:a16="http://schemas.microsoft.com/office/drawing/2014/main" id="{FD959955-7649-767D-CC88-827FAFCF4EFE}"/>
              </a:ext>
            </a:extLst>
          </p:cNvPr>
          <p:cNvSpPr/>
          <p:nvPr/>
        </p:nvSpPr>
        <p:spPr>
          <a:xfrm>
            <a:off x="5163125" y="2091323"/>
            <a:ext cx="2729809" cy="2396993"/>
          </a:xfrm>
          <a:prstGeom prst="rect">
            <a:avLst/>
          </a:prstGeom>
          <a:noFill/>
          <a:ln w="9525"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rtlCol="0" anchor="ctr"/>
          <a:lstStyle/>
          <a:p>
            <a:pPr algn="ctr"/>
            <a:endParaRPr lang="en-US"/>
          </a:p>
        </p:txBody>
      </p:sp>
      <p:sp>
        <p:nvSpPr>
          <p:cNvPr id="112" name="Rectangle 111">
            <a:extLst>
              <a:ext uri="{FF2B5EF4-FFF2-40B4-BE49-F238E27FC236}">
                <a16:creationId xmlns:a16="http://schemas.microsoft.com/office/drawing/2014/main" id="{7FD0E41E-25DF-F434-2431-4E27E0E41F9D}"/>
              </a:ext>
            </a:extLst>
          </p:cNvPr>
          <p:cNvSpPr/>
          <p:nvPr/>
        </p:nvSpPr>
        <p:spPr>
          <a:xfrm>
            <a:off x="6593336" y="2176061"/>
            <a:ext cx="1103097" cy="1024305"/>
          </a:xfrm>
          <a:prstGeom prst="rect">
            <a:avLst/>
          </a:prstGeom>
          <a:solidFill>
            <a:srgbClr val="FFFFFF"/>
          </a:solidFill>
          <a:ln w="19050" cap="flat" cmpd="sng" algn="ctr">
            <a:solidFill>
              <a:srgbClr val="0076A8"/>
            </a:solidFill>
            <a:prstDash val="solid"/>
            <a:miter lim="800000"/>
          </a:ln>
          <a:effectLst/>
        </p:spPr>
        <p:txBody>
          <a:bodyPr rtlCol="0" anchor="ctr"/>
          <a:lstStyle/>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r>
              <a:rPr lang="en-US" sz="1000" b="1" kern="0">
                <a:solidFill>
                  <a:srgbClr val="787878"/>
                </a:solidFill>
                <a:ea typeface="Verdana" panose="020B0604030504040204" pitchFamily="34" charset="0"/>
                <a:cs typeface="Verdana" panose="020B0604030504040204" pitchFamily="34" charset="0"/>
              </a:rPr>
              <a:t>Change Preparation</a:t>
            </a:r>
          </a:p>
        </p:txBody>
      </p:sp>
      <p:sp>
        <p:nvSpPr>
          <p:cNvPr id="113" name="Rectangle 112">
            <a:extLst>
              <a:ext uri="{FF2B5EF4-FFF2-40B4-BE49-F238E27FC236}">
                <a16:creationId xmlns:a16="http://schemas.microsoft.com/office/drawing/2014/main" id="{E61CB15E-0174-47AE-70B0-AD8A8A11CA95}"/>
              </a:ext>
            </a:extLst>
          </p:cNvPr>
          <p:cNvSpPr/>
          <p:nvPr/>
        </p:nvSpPr>
        <p:spPr>
          <a:xfrm>
            <a:off x="6593336" y="3290216"/>
            <a:ext cx="1103097" cy="1024305"/>
          </a:xfrm>
          <a:prstGeom prst="rect">
            <a:avLst/>
          </a:prstGeom>
          <a:solidFill>
            <a:srgbClr val="FFFFFF"/>
          </a:solidFill>
          <a:ln w="19050" cap="flat" cmpd="sng" algn="ctr">
            <a:solidFill>
              <a:srgbClr val="0076A8"/>
            </a:solidFill>
            <a:prstDash val="solid"/>
            <a:miter lim="800000"/>
          </a:ln>
          <a:effectLst/>
        </p:spPr>
        <p:txBody>
          <a:bodyPr rtlCol="0" anchor="ctr"/>
          <a:lstStyle/>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r>
              <a:rPr lang="en-US" sz="1000" b="1" kern="0">
                <a:solidFill>
                  <a:srgbClr val="787878"/>
                </a:solidFill>
                <a:ea typeface="Verdana" panose="020B0604030504040204" pitchFamily="34" charset="0"/>
                <a:cs typeface="Verdana" panose="020B0604030504040204" pitchFamily="34" charset="0"/>
              </a:rPr>
              <a:t>Change Impact &amp; Engagement</a:t>
            </a:r>
          </a:p>
        </p:txBody>
      </p:sp>
      <p:sp>
        <p:nvSpPr>
          <p:cNvPr id="114" name="Rectangle 113">
            <a:extLst>
              <a:ext uri="{FF2B5EF4-FFF2-40B4-BE49-F238E27FC236}">
                <a16:creationId xmlns:a16="http://schemas.microsoft.com/office/drawing/2014/main" id="{F8EF266D-CA47-9392-5429-E014BAF3EDBC}"/>
              </a:ext>
            </a:extLst>
          </p:cNvPr>
          <p:cNvSpPr/>
          <p:nvPr/>
        </p:nvSpPr>
        <p:spPr>
          <a:xfrm>
            <a:off x="5395073" y="2176061"/>
            <a:ext cx="1103097" cy="1024305"/>
          </a:xfrm>
          <a:prstGeom prst="rect">
            <a:avLst/>
          </a:prstGeom>
          <a:solidFill>
            <a:srgbClr val="FFFFFF"/>
          </a:solidFill>
          <a:ln w="19050" cap="flat" cmpd="sng" algn="ctr">
            <a:solidFill>
              <a:srgbClr val="0076A8"/>
            </a:solidFill>
            <a:prstDash val="solid"/>
            <a:miter lim="800000"/>
          </a:ln>
          <a:effectLst/>
        </p:spPr>
        <p:txBody>
          <a:bodyPr rtlCol="0" anchor="ctr"/>
          <a:lstStyle/>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r>
              <a:rPr lang="en-US" sz="1000" b="1" kern="0">
                <a:solidFill>
                  <a:srgbClr val="787878"/>
                </a:solidFill>
                <a:ea typeface="Verdana" panose="020B0604030504040204" pitchFamily="34" charset="0"/>
                <a:cs typeface="Verdana" panose="020B0604030504040204" pitchFamily="34" charset="0"/>
              </a:rPr>
              <a:t>Comms and Marketing</a:t>
            </a:r>
          </a:p>
        </p:txBody>
      </p:sp>
      <p:sp>
        <p:nvSpPr>
          <p:cNvPr id="115" name="Rectangle 114">
            <a:extLst>
              <a:ext uri="{FF2B5EF4-FFF2-40B4-BE49-F238E27FC236}">
                <a16:creationId xmlns:a16="http://schemas.microsoft.com/office/drawing/2014/main" id="{DD9FB4B5-2758-5EEA-1767-56FE31747A37}"/>
              </a:ext>
            </a:extLst>
          </p:cNvPr>
          <p:cNvSpPr/>
          <p:nvPr/>
        </p:nvSpPr>
        <p:spPr>
          <a:xfrm>
            <a:off x="5395073" y="3290216"/>
            <a:ext cx="1103097" cy="1024305"/>
          </a:xfrm>
          <a:prstGeom prst="rect">
            <a:avLst/>
          </a:prstGeom>
          <a:solidFill>
            <a:srgbClr val="FFFFFF"/>
          </a:solidFill>
          <a:ln w="19050" cap="flat" cmpd="sng" algn="ctr">
            <a:solidFill>
              <a:srgbClr val="0076A8"/>
            </a:solidFill>
            <a:prstDash val="solid"/>
            <a:miter lim="800000"/>
          </a:ln>
          <a:effectLst/>
        </p:spPr>
        <p:txBody>
          <a:bodyPr rtlCol="0" anchor="ctr"/>
          <a:lstStyle/>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r>
              <a:rPr lang="en-US" sz="1000" b="1" kern="0">
                <a:solidFill>
                  <a:srgbClr val="787878"/>
                </a:solidFill>
                <a:ea typeface="Verdana" panose="020B0604030504040204" pitchFamily="34" charset="0"/>
                <a:cs typeface="Verdana" panose="020B0604030504040204" pitchFamily="34" charset="0"/>
              </a:rPr>
              <a:t>Training</a:t>
            </a:r>
          </a:p>
        </p:txBody>
      </p:sp>
      <p:sp>
        <p:nvSpPr>
          <p:cNvPr id="116" name="Rectangle 115">
            <a:extLst>
              <a:ext uri="{FF2B5EF4-FFF2-40B4-BE49-F238E27FC236}">
                <a16:creationId xmlns:a16="http://schemas.microsoft.com/office/drawing/2014/main" id="{E7CD59A2-D0F8-D66A-691F-9F1FAFA54BFD}"/>
              </a:ext>
            </a:extLst>
          </p:cNvPr>
          <p:cNvSpPr/>
          <p:nvPr/>
        </p:nvSpPr>
        <p:spPr>
          <a:xfrm>
            <a:off x="8413519" y="2189698"/>
            <a:ext cx="1103097" cy="1024305"/>
          </a:xfrm>
          <a:prstGeom prst="rect">
            <a:avLst/>
          </a:prstGeom>
          <a:solidFill>
            <a:srgbClr val="FFFFFF"/>
          </a:solidFill>
          <a:ln w="19050" cap="flat" cmpd="sng" algn="ctr">
            <a:solidFill>
              <a:srgbClr val="7030A0"/>
            </a:solidFill>
            <a:prstDash val="solid"/>
            <a:miter lim="800000"/>
          </a:ln>
          <a:effectLst/>
        </p:spPr>
        <p:txBody>
          <a:bodyPr rtlCol="0" anchor="ctr"/>
          <a:lstStyle/>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r>
              <a:rPr lang="en-US" sz="1000" b="1" kern="0">
                <a:solidFill>
                  <a:srgbClr val="787878"/>
                </a:solidFill>
                <a:ea typeface="Verdana" panose="020B0604030504040204" pitchFamily="34" charset="0"/>
                <a:cs typeface="Verdana" panose="020B0604030504040204" pitchFamily="34" charset="0"/>
              </a:rPr>
              <a:t>Service Catalog &amp; Knowledge Management</a:t>
            </a:r>
          </a:p>
        </p:txBody>
      </p:sp>
      <p:sp>
        <p:nvSpPr>
          <p:cNvPr id="117" name="Rectangle 116">
            <a:extLst>
              <a:ext uri="{FF2B5EF4-FFF2-40B4-BE49-F238E27FC236}">
                <a16:creationId xmlns:a16="http://schemas.microsoft.com/office/drawing/2014/main" id="{3447AE43-C8D4-5395-A837-059289E495D5}"/>
              </a:ext>
            </a:extLst>
          </p:cNvPr>
          <p:cNvSpPr/>
          <p:nvPr/>
        </p:nvSpPr>
        <p:spPr>
          <a:xfrm>
            <a:off x="8413519" y="3303853"/>
            <a:ext cx="1103097" cy="1024305"/>
          </a:xfrm>
          <a:prstGeom prst="rect">
            <a:avLst/>
          </a:prstGeom>
          <a:solidFill>
            <a:srgbClr val="FFFFFF"/>
          </a:solidFill>
          <a:ln w="19050" cap="flat" cmpd="sng" algn="ctr">
            <a:solidFill>
              <a:srgbClr val="7030A0"/>
            </a:solidFill>
            <a:prstDash val="solid"/>
            <a:miter lim="800000"/>
          </a:ln>
          <a:effectLst/>
        </p:spPr>
        <p:txBody>
          <a:bodyPr rtlCol="0" anchor="ctr"/>
          <a:lstStyle/>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r>
              <a:rPr lang="en-US" sz="1000" b="1" kern="0">
                <a:solidFill>
                  <a:srgbClr val="787878"/>
                </a:solidFill>
                <a:ea typeface="Verdana" panose="020B0604030504040204" pitchFamily="34" charset="0"/>
                <a:cs typeface="Verdana" panose="020B0604030504040204" pitchFamily="34" charset="0"/>
              </a:rPr>
              <a:t>Service Center Design &amp; User Experience</a:t>
            </a:r>
          </a:p>
        </p:txBody>
      </p:sp>
      <p:sp>
        <p:nvSpPr>
          <p:cNvPr id="118" name="Rectangle 117">
            <a:extLst>
              <a:ext uri="{FF2B5EF4-FFF2-40B4-BE49-F238E27FC236}">
                <a16:creationId xmlns:a16="http://schemas.microsoft.com/office/drawing/2014/main" id="{AAECAD9D-978C-8948-65F5-7E531B8FBB4C}"/>
              </a:ext>
            </a:extLst>
          </p:cNvPr>
          <p:cNvSpPr/>
          <p:nvPr/>
        </p:nvSpPr>
        <p:spPr>
          <a:xfrm>
            <a:off x="9615403" y="2206932"/>
            <a:ext cx="1103097" cy="1024305"/>
          </a:xfrm>
          <a:prstGeom prst="rect">
            <a:avLst/>
          </a:prstGeom>
          <a:solidFill>
            <a:srgbClr val="FFFFFF"/>
          </a:solidFill>
          <a:ln w="19050" cap="flat" cmpd="sng" algn="ctr">
            <a:solidFill>
              <a:srgbClr val="7030A0"/>
            </a:solidFill>
            <a:prstDash val="solid"/>
            <a:miter lim="800000"/>
          </a:ln>
          <a:effectLst/>
        </p:spPr>
        <p:txBody>
          <a:bodyPr rtlCol="0" anchor="ctr"/>
          <a:lstStyle/>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r>
              <a:rPr lang="en-US" sz="1000" b="1" kern="0">
                <a:solidFill>
                  <a:srgbClr val="787878"/>
                </a:solidFill>
                <a:ea typeface="Verdana" panose="020B0604030504040204" pitchFamily="34" charset="0"/>
                <a:cs typeface="Verdana" panose="020B0604030504040204" pitchFamily="34" charset="0"/>
              </a:rPr>
              <a:t>Service Platforms</a:t>
            </a:r>
          </a:p>
        </p:txBody>
      </p:sp>
      <p:sp>
        <p:nvSpPr>
          <p:cNvPr id="119" name="Rectangle 118">
            <a:extLst>
              <a:ext uri="{FF2B5EF4-FFF2-40B4-BE49-F238E27FC236}">
                <a16:creationId xmlns:a16="http://schemas.microsoft.com/office/drawing/2014/main" id="{CD3F9832-7291-8131-A603-F72C3BA6BD2B}"/>
              </a:ext>
            </a:extLst>
          </p:cNvPr>
          <p:cNvSpPr/>
          <p:nvPr/>
        </p:nvSpPr>
        <p:spPr>
          <a:xfrm>
            <a:off x="9615403" y="3321087"/>
            <a:ext cx="1103097" cy="1024305"/>
          </a:xfrm>
          <a:prstGeom prst="rect">
            <a:avLst/>
          </a:prstGeom>
          <a:solidFill>
            <a:srgbClr val="FFFFFF"/>
          </a:solidFill>
          <a:ln w="19050" cap="flat" cmpd="sng" algn="ctr">
            <a:solidFill>
              <a:srgbClr val="7030A0"/>
            </a:solidFill>
            <a:prstDash val="solid"/>
            <a:miter lim="800000"/>
          </a:ln>
          <a:effectLst/>
        </p:spPr>
        <p:txBody>
          <a:bodyPr rtlCol="0" anchor="ctr"/>
          <a:lstStyle/>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endParaRPr lang="en-US" sz="1000" b="1" kern="0">
              <a:solidFill>
                <a:srgbClr val="787878"/>
              </a:solidFill>
              <a:ea typeface="Verdana" panose="020B0604030504040204" pitchFamily="34" charset="0"/>
              <a:cs typeface="Verdana" panose="020B0604030504040204" pitchFamily="34" charset="0"/>
            </a:endParaRPr>
          </a:p>
          <a:p>
            <a:pPr lvl="0" algn="ctr">
              <a:defRPr/>
            </a:pPr>
            <a:r>
              <a:rPr lang="en-US" sz="1000" b="1" kern="0">
                <a:solidFill>
                  <a:srgbClr val="787878"/>
                </a:solidFill>
                <a:ea typeface="Verdana" panose="020B0604030504040204" pitchFamily="34" charset="0"/>
                <a:cs typeface="Verdana" panose="020B0604030504040204" pitchFamily="34" charset="0"/>
              </a:rPr>
              <a:t>Support Model Optimization</a:t>
            </a:r>
          </a:p>
        </p:txBody>
      </p:sp>
      <p:sp>
        <p:nvSpPr>
          <p:cNvPr id="70" name="Rectangle 69">
            <a:extLst>
              <a:ext uri="{FF2B5EF4-FFF2-40B4-BE49-F238E27FC236}">
                <a16:creationId xmlns:a16="http://schemas.microsoft.com/office/drawing/2014/main" id="{70FB0A01-B5F7-02C7-7C2E-BADEDE37E11E}"/>
              </a:ext>
            </a:extLst>
          </p:cNvPr>
          <p:cNvSpPr/>
          <p:nvPr/>
        </p:nvSpPr>
        <p:spPr>
          <a:xfrm>
            <a:off x="3600346" y="2275202"/>
            <a:ext cx="1103097" cy="1024305"/>
          </a:xfrm>
          <a:prstGeom prst="rect">
            <a:avLst/>
          </a:prstGeom>
          <a:solidFill>
            <a:srgbClr val="FFFFFF"/>
          </a:solidFill>
          <a:ln w="19050" cap="flat" cmpd="sng" algn="ctr">
            <a:solidFill>
              <a:srgbClr val="009A44"/>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41" name="Rectangle 40">
            <a:extLst>
              <a:ext uri="{FF2B5EF4-FFF2-40B4-BE49-F238E27FC236}">
                <a16:creationId xmlns:a16="http://schemas.microsoft.com/office/drawing/2014/main" id="{B2E33E7E-C9D8-7067-FCCF-189EFEDA3803}"/>
              </a:ext>
            </a:extLst>
          </p:cNvPr>
          <p:cNvSpPr/>
          <p:nvPr/>
        </p:nvSpPr>
        <p:spPr>
          <a:xfrm>
            <a:off x="1160049" y="2275202"/>
            <a:ext cx="1103097" cy="1024305"/>
          </a:xfrm>
          <a:prstGeom prst="rect">
            <a:avLst/>
          </a:prstGeom>
          <a:solidFill>
            <a:srgbClr val="FFFFFF"/>
          </a:solidFill>
          <a:ln w="19050" cap="flat" cmpd="sng" algn="ctr">
            <a:solidFill>
              <a:srgbClr val="009A44"/>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45" name="Rectangle 44">
            <a:extLst>
              <a:ext uri="{FF2B5EF4-FFF2-40B4-BE49-F238E27FC236}">
                <a16:creationId xmlns:a16="http://schemas.microsoft.com/office/drawing/2014/main" id="{089D49CB-36F6-1F1E-5D1D-CF7897A9A78D}"/>
              </a:ext>
            </a:extLst>
          </p:cNvPr>
          <p:cNvSpPr/>
          <p:nvPr/>
        </p:nvSpPr>
        <p:spPr>
          <a:xfrm>
            <a:off x="2380198" y="2275202"/>
            <a:ext cx="1103097" cy="1024305"/>
          </a:xfrm>
          <a:prstGeom prst="rect">
            <a:avLst/>
          </a:prstGeom>
          <a:solidFill>
            <a:srgbClr val="FFFFFF"/>
          </a:solidFill>
          <a:ln w="19050" cap="flat" cmpd="sng" algn="ctr">
            <a:solidFill>
              <a:srgbClr val="009A44"/>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8" name="Rectangle 7">
            <a:extLst>
              <a:ext uri="{FF2B5EF4-FFF2-40B4-BE49-F238E27FC236}">
                <a16:creationId xmlns:a16="http://schemas.microsoft.com/office/drawing/2014/main" id="{06AD6849-88B7-25B8-EA15-BD11DC9F38D9}"/>
              </a:ext>
            </a:extLst>
          </p:cNvPr>
          <p:cNvSpPr/>
          <p:nvPr/>
        </p:nvSpPr>
        <p:spPr>
          <a:xfrm>
            <a:off x="3600346" y="3389357"/>
            <a:ext cx="1103097" cy="1024305"/>
          </a:xfrm>
          <a:prstGeom prst="rect">
            <a:avLst/>
          </a:prstGeom>
          <a:solidFill>
            <a:srgbClr val="FFFFFF"/>
          </a:solidFill>
          <a:ln w="19050" cap="flat" cmpd="sng" algn="ctr">
            <a:solidFill>
              <a:srgbClr val="009A44"/>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24" name="Rectangle 23">
            <a:extLst>
              <a:ext uri="{FF2B5EF4-FFF2-40B4-BE49-F238E27FC236}">
                <a16:creationId xmlns:a16="http://schemas.microsoft.com/office/drawing/2014/main" id="{C693A874-AF74-E7A6-E51C-5FA07C3F1EC9}"/>
              </a:ext>
            </a:extLst>
          </p:cNvPr>
          <p:cNvSpPr/>
          <p:nvPr/>
        </p:nvSpPr>
        <p:spPr>
          <a:xfrm>
            <a:off x="1160049" y="3389357"/>
            <a:ext cx="1103097" cy="1024305"/>
          </a:xfrm>
          <a:prstGeom prst="rect">
            <a:avLst/>
          </a:prstGeom>
          <a:solidFill>
            <a:srgbClr val="FFFFFF"/>
          </a:solidFill>
          <a:ln w="19050" cap="flat" cmpd="sng" algn="ctr">
            <a:solidFill>
              <a:srgbClr val="009A44"/>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107" name="Rectangle 106">
            <a:extLst>
              <a:ext uri="{FF2B5EF4-FFF2-40B4-BE49-F238E27FC236}">
                <a16:creationId xmlns:a16="http://schemas.microsoft.com/office/drawing/2014/main" id="{D4AC950C-4C3D-0434-DB89-34D426C6453B}"/>
              </a:ext>
            </a:extLst>
          </p:cNvPr>
          <p:cNvSpPr/>
          <p:nvPr/>
        </p:nvSpPr>
        <p:spPr>
          <a:xfrm>
            <a:off x="2380198" y="3389357"/>
            <a:ext cx="1103097" cy="1024305"/>
          </a:xfrm>
          <a:prstGeom prst="rect">
            <a:avLst/>
          </a:prstGeom>
          <a:solidFill>
            <a:srgbClr val="FFFFFF"/>
          </a:solidFill>
          <a:ln w="19050" cap="flat" cmpd="sng" algn="ctr">
            <a:solidFill>
              <a:srgbClr val="009A44"/>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109" name="Rectangle 108">
            <a:extLst>
              <a:ext uri="{FF2B5EF4-FFF2-40B4-BE49-F238E27FC236}">
                <a16:creationId xmlns:a16="http://schemas.microsoft.com/office/drawing/2014/main" id="{1CAEC246-78A1-19D6-ED35-CEAAD7915D55}"/>
              </a:ext>
            </a:extLst>
          </p:cNvPr>
          <p:cNvSpPr/>
          <p:nvPr/>
        </p:nvSpPr>
        <p:spPr>
          <a:xfrm>
            <a:off x="1160049" y="4506568"/>
            <a:ext cx="1103097" cy="1024305"/>
          </a:xfrm>
          <a:prstGeom prst="rect">
            <a:avLst/>
          </a:prstGeom>
          <a:solidFill>
            <a:srgbClr val="FFFFFF"/>
          </a:solidFill>
          <a:ln w="19050" cap="flat" cmpd="sng" algn="ctr">
            <a:solidFill>
              <a:srgbClr val="009A44"/>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110" name="Rectangle 109">
            <a:extLst>
              <a:ext uri="{FF2B5EF4-FFF2-40B4-BE49-F238E27FC236}">
                <a16:creationId xmlns:a16="http://schemas.microsoft.com/office/drawing/2014/main" id="{E5BED9C1-8A81-637C-6597-80D532FB6FD9}"/>
              </a:ext>
            </a:extLst>
          </p:cNvPr>
          <p:cNvSpPr/>
          <p:nvPr/>
        </p:nvSpPr>
        <p:spPr>
          <a:xfrm>
            <a:off x="2380198" y="4506568"/>
            <a:ext cx="1103097" cy="1024305"/>
          </a:xfrm>
          <a:prstGeom prst="rect">
            <a:avLst/>
          </a:prstGeom>
          <a:solidFill>
            <a:srgbClr val="FFFFFF"/>
          </a:solidFill>
          <a:ln w="19050" cap="flat" cmpd="sng" algn="ctr">
            <a:solidFill>
              <a:srgbClr val="009A44"/>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srgbClr val="666666"/>
              </a:solidFill>
              <a:effectLst/>
              <a:uLnTx/>
              <a:uFillTx/>
              <a:ea typeface="Verdana" panose="020B0604030504040204" pitchFamily="34" charset="0"/>
              <a:cs typeface="Verdana" panose="020B0604030504040204" pitchFamily="34" charset="0"/>
            </a:endParaRPr>
          </a:p>
        </p:txBody>
      </p:sp>
      <p:sp>
        <p:nvSpPr>
          <p:cNvPr id="2" name="Title 1">
            <a:extLst>
              <a:ext uri="{FF2B5EF4-FFF2-40B4-BE49-F238E27FC236}">
                <a16:creationId xmlns:a16="http://schemas.microsoft.com/office/drawing/2014/main" id="{06058BDE-0BAB-6B84-10FA-722CF0A0AE76}"/>
              </a:ext>
            </a:extLst>
          </p:cNvPr>
          <p:cNvSpPr>
            <a:spLocks noGrp="1"/>
          </p:cNvSpPr>
          <p:nvPr>
            <p:ph type="title"/>
          </p:nvPr>
        </p:nvSpPr>
        <p:spPr/>
        <p:txBody>
          <a:bodyPr/>
          <a:lstStyle/>
          <a:p>
            <a:r>
              <a:rPr lang="en-US"/>
              <a:t>Program Scope</a:t>
            </a:r>
          </a:p>
        </p:txBody>
      </p:sp>
      <p:sp>
        <p:nvSpPr>
          <p:cNvPr id="9" name="Rectangle 8">
            <a:extLst>
              <a:ext uri="{FF2B5EF4-FFF2-40B4-BE49-F238E27FC236}">
                <a16:creationId xmlns:a16="http://schemas.microsoft.com/office/drawing/2014/main" id="{7D3D9A28-497F-6D63-C7C1-FFA179585838}"/>
              </a:ext>
            </a:extLst>
          </p:cNvPr>
          <p:cNvSpPr/>
          <p:nvPr/>
        </p:nvSpPr>
        <p:spPr>
          <a:xfrm>
            <a:off x="8861408" y="1704591"/>
            <a:ext cx="1201884" cy="382012"/>
          </a:xfrm>
          <a:prstGeom prst="rect">
            <a:avLst/>
          </a:prstGeom>
          <a:solidFill>
            <a:srgbClr val="FFFFFF"/>
          </a:solidFill>
          <a:ln w="12700" cap="flat" cmpd="sng" algn="ctr">
            <a:noFill/>
            <a:prstDash val="solid"/>
            <a:miter lim="800000"/>
          </a:ln>
          <a:effectLst/>
        </p:spPr>
        <p:txBody>
          <a:bodyPr lIns="0" rIns="0" rtlCol="0" anchor="ctr"/>
          <a:lstStyle/>
          <a:p>
            <a:pPr lvl="0" algn="ctr">
              <a:defRPr/>
            </a:pPr>
            <a:r>
              <a:rPr lang="en-US" sz="1000" b="1" kern="0">
                <a:solidFill>
                  <a:srgbClr val="000000"/>
                </a:solidFill>
                <a:ea typeface="Verdana" panose="020B0604030504040204" pitchFamily="34" charset="0"/>
                <a:cs typeface="Verdana" panose="020B0604030504040204" pitchFamily="34" charset="0"/>
              </a:rPr>
              <a:t>SERVICE DELIVERY</a:t>
            </a:r>
          </a:p>
        </p:txBody>
      </p:sp>
      <p:sp>
        <p:nvSpPr>
          <p:cNvPr id="10" name="Rectangle 9">
            <a:extLst>
              <a:ext uri="{FF2B5EF4-FFF2-40B4-BE49-F238E27FC236}">
                <a16:creationId xmlns:a16="http://schemas.microsoft.com/office/drawing/2014/main" id="{430096CD-E8FE-B27B-5CA9-A240197F98F4}"/>
              </a:ext>
            </a:extLst>
          </p:cNvPr>
          <p:cNvSpPr/>
          <p:nvPr/>
        </p:nvSpPr>
        <p:spPr>
          <a:xfrm>
            <a:off x="5812764" y="1704591"/>
            <a:ext cx="1561144" cy="351768"/>
          </a:xfrm>
          <a:prstGeom prst="rect">
            <a:avLst/>
          </a:prstGeom>
          <a:solidFill>
            <a:srgbClr val="FFFFFF"/>
          </a:solidFill>
          <a:ln w="9525" cap="flat" cmpd="sng" algn="ctr">
            <a:noFill/>
            <a:prstDash val="solid"/>
            <a:miter lim="800000"/>
          </a:ln>
          <a:effectLst/>
        </p:spPr>
        <p:txBody>
          <a:bodyPr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b="1" kern="0">
                <a:solidFill>
                  <a:srgbClr val="000000"/>
                </a:solidFill>
                <a:ea typeface="Verdana" panose="020B0604030504040204" pitchFamily="34" charset="0"/>
                <a:cs typeface="Verdana" panose="020B0604030504040204" pitchFamily="34" charset="0"/>
              </a:rPr>
              <a:t>ORGANIZATIONAL CHANGE MANAGEMENT</a:t>
            </a:r>
            <a:endParaRPr kumimoji="0" lang="en-US" sz="1000" b="1" i="0" u="none" strike="noStrike" kern="0" cap="none" spc="0" normalizeH="0" baseline="0" noProof="0">
              <a:ln>
                <a:noFill/>
              </a:ln>
              <a:solidFill>
                <a:srgbClr val="000000"/>
              </a:solidFill>
              <a:effectLst/>
              <a:uLnTx/>
              <a:uFillTx/>
              <a:ea typeface="Verdana" panose="020B0604030504040204" pitchFamily="34" charset="0"/>
              <a:cs typeface="Verdana" panose="020B0604030504040204" pitchFamily="34" charset="0"/>
            </a:endParaRPr>
          </a:p>
        </p:txBody>
      </p:sp>
      <p:sp>
        <p:nvSpPr>
          <p:cNvPr id="12" name="Rectangle 11">
            <a:extLst>
              <a:ext uri="{FF2B5EF4-FFF2-40B4-BE49-F238E27FC236}">
                <a16:creationId xmlns:a16="http://schemas.microsoft.com/office/drawing/2014/main" id="{1E313666-3A09-DAE1-42BE-1A4F66AB38BA}"/>
              </a:ext>
            </a:extLst>
          </p:cNvPr>
          <p:cNvSpPr/>
          <p:nvPr/>
        </p:nvSpPr>
        <p:spPr>
          <a:xfrm>
            <a:off x="994957" y="1734351"/>
            <a:ext cx="3664060" cy="367188"/>
          </a:xfrm>
          <a:prstGeom prst="rect">
            <a:avLst/>
          </a:prstGeom>
          <a:solidFill>
            <a:srgbClr val="FFFFFF"/>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b="1" kern="0">
                <a:solidFill>
                  <a:srgbClr val="000000"/>
                </a:solidFill>
                <a:ea typeface="Verdana" panose="020B0604030504040204" pitchFamily="34" charset="0"/>
                <a:cs typeface="Verdana" panose="020B0604030504040204" pitchFamily="34" charset="0"/>
              </a:rPr>
              <a:t>TECHNICAL ENABLEMENT &amp; INFRASTRUCTURE</a:t>
            </a:r>
            <a:endParaRPr kumimoji="0" lang="en-US" sz="1000" b="1" i="0" u="none" strike="noStrike" kern="0" cap="none" spc="0" normalizeH="0" baseline="0" noProof="0">
              <a:ln>
                <a:noFill/>
              </a:ln>
              <a:solidFill>
                <a:srgbClr val="000000"/>
              </a:solidFill>
              <a:effectLst/>
              <a:uLnTx/>
              <a:uFillTx/>
              <a:ea typeface="Verdana" panose="020B0604030504040204" pitchFamily="34" charset="0"/>
              <a:cs typeface="Verdana" panose="020B0604030504040204" pitchFamily="34" charset="0"/>
            </a:endParaRPr>
          </a:p>
        </p:txBody>
      </p:sp>
      <p:sp>
        <p:nvSpPr>
          <p:cNvPr id="59" name="TextBox 58">
            <a:extLst>
              <a:ext uri="{FF2B5EF4-FFF2-40B4-BE49-F238E27FC236}">
                <a16:creationId xmlns:a16="http://schemas.microsoft.com/office/drawing/2014/main" id="{CB422544-A981-370D-AB5D-1429A473B023}"/>
              </a:ext>
            </a:extLst>
          </p:cNvPr>
          <p:cNvSpPr txBox="1"/>
          <p:nvPr/>
        </p:nvSpPr>
        <p:spPr>
          <a:xfrm>
            <a:off x="2464679" y="5146575"/>
            <a:ext cx="1101221" cy="400110"/>
          </a:xfrm>
          <a:prstGeom prst="rect">
            <a:avLst/>
          </a:prstGeom>
          <a:noFill/>
          <a:ln>
            <a:noFill/>
          </a:ln>
        </p:spPr>
        <p:txBody>
          <a:bodyPr wrap="square" rtlCol="0">
            <a:spAutoFit/>
          </a:bodyPr>
          <a:lstStyle/>
          <a:p>
            <a:pPr algn="ctr">
              <a:defRPr/>
            </a:pPr>
            <a:r>
              <a:rPr lang="en-US" sz="1000" b="1" kern="0">
                <a:solidFill>
                  <a:srgbClr val="787878"/>
                </a:solidFill>
                <a:ea typeface="Verdana" panose="020B0604030504040204" pitchFamily="34" charset="0"/>
                <a:cs typeface="Verdana" panose="020B0604030504040204" pitchFamily="34" charset="0"/>
              </a:rPr>
              <a:t>Extend &amp; Automation</a:t>
            </a:r>
          </a:p>
        </p:txBody>
      </p:sp>
      <p:sp>
        <p:nvSpPr>
          <p:cNvPr id="64" name="TextBox 63">
            <a:extLst>
              <a:ext uri="{FF2B5EF4-FFF2-40B4-BE49-F238E27FC236}">
                <a16:creationId xmlns:a16="http://schemas.microsoft.com/office/drawing/2014/main" id="{166CE46A-7964-7F2D-7449-88A9D995A1A7}"/>
              </a:ext>
            </a:extLst>
          </p:cNvPr>
          <p:cNvSpPr txBox="1"/>
          <p:nvPr/>
        </p:nvSpPr>
        <p:spPr>
          <a:xfrm>
            <a:off x="2395119" y="3960345"/>
            <a:ext cx="1101325" cy="415498"/>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Data Conversion</a:t>
            </a:r>
          </a:p>
        </p:txBody>
      </p:sp>
      <p:sp>
        <p:nvSpPr>
          <p:cNvPr id="62" name="Freeform 983">
            <a:extLst>
              <a:ext uri="{FF2B5EF4-FFF2-40B4-BE49-F238E27FC236}">
                <a16:creationId xmlns:a16="http://schemas.microsoft.com/office/drawing/2014/main" id="{8EF95E83-9B0A-CFA7-19B9-8D3D0B570269}"/>
              </a:ext>
            </a:extLst>
          </p:cNvPr>
          <p:cNvSpPr>
            <a:spLocks noChangeAspect="1" noEditPoints="1"/>
          </p:cNvSpPr>
          <p:nvPr/>
        </p:nvSpPr>
        <p:spPr bwMode="auto">
          <a:xfrm>
            <a:off x="3062525" y="3433348"/>
            <a:ext cx="370106" cy="369021"/>
          </a:xfrm>
          <a:custGeom>
            <a:avLst/>
            <a:gdLst>
              <a:gd name="T0" fmla="*/ 0 w 512"/>
              <a:gd name="T1" fmla="*/ 256 h 512"/>
              <a:gd name="T2" fmla="*/ 512 w 512"/>
              <a:gd name="T3" fmla="*/ 256 h 512"/>
              <a:gd name="T4" fmla="*/ 352 w 512"/>
              <a:gd name="T5" fmla="*/ 192 h 512"/>
              <a:gd name="T6" fmla="*/ 275 w 512"/>
              <a:gd name="T7" fmla="*/ 251 h 512"/>
              <a:gd name="T8" fmla="*/ 275 w 512"/>
              <a:gd name="T9" fmla="*/ 262 h 512"/>
              <a:gd name="T10" fmla="*/ 352 w 512"/>
              <a:gd name="T11" fmla="*/ 320 h 512"/>
              <a:gd name="T12" fmla="*/ 355 w 512"/>
              <a:gd name="T13" fmla="*/ 296 h 512"/>
              <a:gd name="T14" fmla="*/ 370 w 512"/>
              <a:gd name="T15" fmla="*/ 281 h 512"/>
              <a:gd name="T16" fmla="*/ 415 w 512"/>
              <a:gd name="T17" fmla="*/ 327 h 512"/>
              <a:gd name="T18" fmla="*/ 413 w 512"/>
              <a:gd name="T19" fmla="*/ 339 h 512"/>
              <a:gd name="T20" fmla="*/ 363 w 512"/>
              <a:gd name="T21" fmla="*/ 384 h 512"/>
              <a:gd name="T22" fmla="*/ 355 w 512"/>
              <a:gd name="T23" fmla="*/ 366 h 512"/>
              <a:gd name="T24" fmla="*/ 352 w 512"/>
              <a:gd name="T25" fmla="*/ 342 h 512"/>
              <a:gd name="T26" fmla="*/ 259 w 512"/>
              <a:gd name="T27" fmla="*/ 276 h 512"/>
              <a:gd name="T28" fmla="*/ 253 w 512"/>
              <a:gd name="T29" fmla="*/ 276 h 512"/>
              <a:gd name="T30" fmla="*/ 160 w 512"/>
              <a:gd name="T31" fmla="*/ 342 h 512"/>
              <a:gd name="T32" fmla="*/ 96 w 512"/>
              <a:gd name="T33" fmla="*/ 331 h 512"/>
              <a:gd name="T34" fmla="*/ 160 w 512"/>
              <a:gd name="T35" fmla="*/ 320 h 512"/>
              <a:gd name="T36" fmla="*/ 237 w 512"/>
              <a:gd name="T37" fmla="*/ 261 h 512"/>
              <a:gd name="T38" fmla="*/ 237 w 512"/>
              <a:gd name="T39" fmla="*/ 251 h 512"/>
              <a:gd name="T40" fmla="*/ 160 w 512"/>
              <a:gd name="T41" fmla="*/ 192 h 512"/>
              <a:gd name="T42" fmla="*/ 96 w 512"/>
              <a:gd name="T43" fmla="*/ 182 h 512"/>
              <a:gd name="T44" fmla="*/ 160 w 512"/>
              <a:gd name="T45" fmla="*/ 171 h 512"/>
              <a:gd name="T46" fmla="*/ 253 w 512"/>
              <a:gd name="T47" fmla="*/ 237 h 512"/>
              <a:gd name="T48" fmla="*/ 259 w 512"/>
              <a:gd name="T49" fmla="*/ 237 h 512"/>
              <a:gd name="T50" fmla="*/ 352 w 512"/>
              <a:gd name="T51" fmla="*/ 171 h 512"/>
              <a:gd name="T52" fmla="*/ 355 w 512"/>
              <a:gd name="T53" fmla="*/ 147 h 512"/>
              <a:gd name="T54" fmla="*/ 370 w 512"/>
              <a:gd name="T55" fmla="*/ 131 h 512"/>
              <a:gd name="T56" fmla="*/ 415 w 512"/>
              <a:gd name="T57" fmla="*/ 178 h 512"/>
              <a:gd name="T58" fmla="*/ 413 w 512"/>
              <a:gd name="T59" fmla="*/ 189 h 512"/>
              <a:gd name="T60" fmla="*/ 363 w 512"/>
              <a:gd name="T61" fmla="*/ 235 h 512"/>
              <a:gd name="T62" fmla="*/ 355 w 512"/>
              <a:gd name="T63" fmla="*/ 217 h 512"/>
              <a:gd name="T64" fmla="*/ 352 w 512"/>
              <a:gd name="T65"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2" y="192"/>
                </a:moveTo>
                <a:cubicBezTo>
                  <a:pt x="321" y="192"/>
                  <a:pt x="303" y="216"/>
                  <a:pt x="287" y="237"/>
                </a:cubicBezTo>
                <a:cubicBezTo>
                  <a:pt x="282" y="242"/>
                  <a:pt x="278" y="247"/>
                  <a:pt x="275" y="251"/>
                </a:cubicBezTo>
                <a:cubicBezTo>
                  <a:pt x="270" y="256"/>
                  <a:pt x="270" y="256"/>
                  <a:pt x="270" y="256"/>
                </a:cubicBezTo>
                <a:cubicBezTo>
                  <a:pt x="275" y="262"/>
                  <a:pt x="275" y="262"/>
                  <a:pt x="275" y="262"/>
                </a:cubicBezTo>
                <a:cubicBezTo>
                  <a:pt x="278" y="266"/>
                  <a:pt x="282" y="271"/>
                  <a:pt x="287" y="276"/>
                </a:cubicBezTo>
                <a:cubicBezTo>
                  <a:pt x="303" y="297"/>
                  <a:pt x="321" y="320"/>
                  <a:pt x="352" y="320"/>
                </a:cubicBezTo>
                <a:cubicBezTo>
                  <a:pt x="380" y="320"/>
                  <a:pt x="380" y="320"/>
                  <a:pt x="380" y="320"/>
                </a:cubicBezTo>
                <a:cubicBezTo>
                  <a:pt x="355" y="296"/>
                  <a:pt x="355" y="296"/>
                  <a:pt x="355" y="296"/>
                </a:cubicBezTo>
                <a:cubicBezTo>
                  <a:pt x="351" y="292"/>
                  <a:pt x="351" y="285"/>
                  <a:pt x="355" y="281"/>
                </a:cubicBezTo>
                <a:cubicBezTo>
                  <a:pt x="359" y="277"/>
                  <a:pt x="366" y="277"/>
                  <a:pt x="370" y="281"/>
                </a:cubicBezTo>
                <a:cubicBezTo>
                  <a:pt x="413" y="323"/>
                  <a:pt x="413" y="323"/>
                  <a:pt x="413" y="323"/>
                </a:cubicBezTo>
                <a:cubicBezTo>
                  <a:pt x="414" y="324"/>
                  <a:pt x="415" y="326"/>
                  <a:pt x="415" y="327"/>
                </a:cubicBezTo>
                <a:cubicBezTo>
                  <a:pt x="416" y="330"/>
                  <a:pt x="416" y="332"/>
                  <a:pt x="415" y="335"/>
                </a:cubicBezTo>
                <a:cubicBezTo>
                  <a:pt x="415" y="336"/>
                  <a:pt x="414" y="338"/>
                  <a:pt x="413" y="339"/>
                </a:cubicBezTo>
                <a:cubicBezTo>
                  <a:pt x="370" y="381"/>
                  <a:pt x="370" y="381"/>
                  <a:pt x="370" y="381"/>
                </a:cubicBezTo>
                <a:cubicBezTo>
                  <a:pt x="368" y="383"/>
                  <a:pt x="365" y="384"/>
                  <a:pt x="363" y="384"/>
                </a:cubicBezTo>
                <a:cubicBezTo>
                  <a:pt x="360" y="384"/>
                  <a:pt x="357" y="383"/>
                  <a:pt x="355" y="381"/>
                </a:cubicBezTo>
                <a:cubicBezTo>
                  <a:pt x="351" y="377"/>
                  <a:pt x="351" y="370"/>
                  <a:pt x="355" y="366"/>
                </a:cubicBezTo>
                <a:cubicBezTo>
                  <a:pt x="380" y="342"/>
                  <a:pt x="380" y="342"/>
                  <a:pt x="380" y="342"/>
                </a:cubicBezTo>
                <a:cubicBezTo>
                  <a:pt x="352" y="342"/>
                  <a:pt x="352" y="342"/>
                  <a:pt x="352" y="342"/>
                </a:cubicBezTo>
                <a:cubicBezTo>
                  <a:pt x="311" y="342"/>
                  <a:pt x="287" y="311"/>
                  <a:pt x="270" y="289"/>
                </a:cubicBezTo>
                <a:cubicBezTo>
                  <a:pt x="266" y="284"/>
                  <a:pt x="262" y="280"/>
                  <a:pt x="259" y="276"/>
                </a:cubicBezTo>
                <a:cubicBezTo>
                  <a:pt x="256" y="273"/>
                  <a:pt x="256" y="273"/>
                  <a:pt x="256" y="273"/>
                </a:cubicBezTo>
                <a:cubicBezTo>
                  <a:pt x="253" y="276"/>
                  <a:pt x="253" y="276"/>
                  <a:pt x="253" y="276"/>
                </a:cubicBezTo>
                <a:cubicBezTo>
                  <a:pt x="250" y="280"/>
                  <a:pt x="246" y="284"/>
                  <a:pt x="242" y="289"/>
                </a:cubicBezTo>
                <a:cubicBezTo>
                  <a:pt x="225" y="311"/>
                  <a:pt x="201" y="342"/>
                  <a:pt x="160" y="342"/>
                </a:cubicBezTo>
                <a:cubicBezTo>
                  <a:pt x="107" y="342"/>
                  <a:pt x="107" y="342"/>
                  <a:pt x="107" y="342"/>
                </a:cubicBezTo>
                <a:cubicBezTo>
                  <a:pt x="101" y="342"/>
                  <a:pt x="96" y="337"/>
                  <a:pt x="96" y="331"/>
                </a:cubicBezTo>
                <a:cubicBezTo>
                  <a:pt x="96" y="325"/>
                  <a:pt x="101" y="320"/>
                  <a:pt x="107" y="320"/>
                </a:cubicBezTo>
                <a:cubicBezTo>
                  <a:pt x="160" y="320"/>
                  <a:pt x="160" y="320"/>
                  <a:pt x="160" y="320"/>
                </a:cubicBezTo>
                <a:cubicBezTo>
                  <a:pt x="191" y="320"/>
                  <a:pt x="209" y="297"/>
                  <a:pt x="225" y="276"/>
                </a:cubicBezTo>
                <a:cubicBezTo>
                  <a:pt x="230" y="271"/>
                  <a:pt x="234" y="266"/>
                  <a:pt x="237" y="261"/>
                </a:cubicBezTo>
                <a:cubicBezTo>
                  <a:pt x="242" y="256"/>
                  <a:pt x="242" y="256"/>
                  <a:pt x="242" y="256"/>
                </a:cubicBezTo>
                <a:cubicBezTo>
                  <a:pt x="237" y="251"/>
                  <a:pt x="237" y="251"/>
                  <a:pt x="237" y="251"/>
                </a:cubicBezTo>
                <a:cubicBezTo>
                  <a:pt x="234" y="247"/>
                  <a:pt x="230" y="242"/>
                  <a:pt x="225" y="237"/>
                </a:cubicBezTo>
                <a:cubicBezTo>
                  <a:pt x="209" y="216"/>
                  <a:pt x="191" y="192"/>
                  <a:pt x="160" y="192"/>
                </a:cubicBezTo>
                <a:cubicBezTo>
                  <a:pt x="107" y="192"/>
                  <a:pt x="107" y="192"/>
                  <a:pt x="107" y="192"/>
                </a:cubicBezTo>
                <a:cubicBezTo>
                  <a:pt x="101" y="192"/>
                  <a:pt x="96" y="188"/>
                  <a:pt x="96" y="182"/>
                </a:cubicBezTo>
                <a:cubicBezTo>
                  <a:pt x="96" y="176"/>
                  <a:pt x="101" y="171"/>
                  <a:pt x="107" y="171"/>
                </a:cubicBezTo>
                <a:cubicBezTo>
                  <a:pt x="160" y="171"/>
                  <a:pt x="160" y="171"/>
                  <a:pt x="160" y="171"/>
                </a:cubicBezTo>
                <a:cubicBezTo>
                  <a:pt x="201" y="171"/>
                  <a:pt x="225" y="201"/>
                  <a:pt x="242" y="223"/>
                </a:cubicBezTo>
                <a:cubicBezTo>
                  <a:pt x="246" y="228"/>
                  <a:pt x="250" y="233"/>
                  <a:pt x="253" y="237"/>
                </a:cubicBezTo>
                <a:cubicBezTo>
                  <a:pt x="256" y="240"/>
                  <a:pt x="256" y="240"/>
                  <a:pt x="256" y="240"/>
                </a:cubicBezTo>
                <a:cubicBezTo>
                  <a:pt x="259" y="237"/>
                  <a:pt x="259" y="237"/>
                  <a:pt x="259" y="237"/>
                </a:cubicBezTo>
                <a:cubicBezTo>
                  <a:pt x="262" y="233"/>
                  <a:pt x="266" y="228"/>
                  <a:pt x="270" y="223"/>
                </a:cubicBezTo>
                <a:cubicBezTo>
                  <a:pt x="287" y="201"/>
                  <a:pt x="311" y="171"/>
                  <a:pt x="352" y="171"/>
                </a:cubicBezTo>
                <a:cubicBezTo>
                  <a:pt x="380" y="171"/>
                  <a:pt x="380" y="171"/>
                  <a:pt x="380" y="171"/>
                </a:cubicBezTo>
                <a:cubicBezTo>
                  <a:pt x="355" y="147"/>
                  <a:pt x="355" y="147"/>
                  <a:pt x="355" y="147"/>
                </a:cubicBezTo>
                <a:cubicBezTo>
                  <a:pt x="351" y="142"/>
                  <a:pt x="351" y="136"/>
                  <a:pt x="355" y="131"/>
                </a:cubicBezTo>
                <a:cubicBezTo>
                  <a:pt x="359" y="127"/>
                  <a:pt x="366" y="127"/>
                  <a:pt x="370" y="131"/>
                </a:cubicBezTo>
                <a:cubicBezTo>
                  <a:pt x="413" y="174"/>
                  <a:pt x="413" y="174"/>
                  <a:pt x="413" y="174"/>
                </a:cubicBezTo>
                <a:cubicBezTo>
                  <a:pt x="414" y="175"/>
                  <a:pt x="415" y="176"/>
                  <a:pt x="415" y="178"/>
                </a:cubicBezTo>
                <a:cubicBezTo>
                  <a:pt x="416" y="180"/>
                  <a:pt x="416" y="183"/>
                  <a:pt x="415" y="186"/>
                </a:cubicBezTo>
                <a:cubicBezTo>
                  <a:pt x="415" y="187"/>
                  <a:pt x="414" y="188"/>
                  <a:pt x="413" y="189"/>
                </a:cubicBezTo>
                <a:cubicBezTo>
                  <a:pt x="370" y="232"/>
                  <a:pt x="370" y="232"/>
                  <a:pt x="370" y="232"/>
                </a:cubicBezTo>
                <a:cubicBezTo>
                  <a:pt x="368" y="234"/>
                  <a:pt x="365" y="235"/>
                  <a:pt x="363" y="235"/>
                </a:cubicBezTo>
                <a:cubicBezTo>
                  <a:pt x="360" y="235"/>
                  <a:pt x="357" y="234"/>
                  <a:pt x="355" y="232"/>
                </a:cubicBezTo>
                <a:cubicBezTo>
                  <a:pt x="351" y="228"/>
                  <a:pt x="351" y="221"/>
                  <a:pt x="355" y="217"/>
                </a:cubicBezTo>
                <a:cubicBezTo>
                  <a:pt x="380" y="192"/>
                  <a:pt x="380" y="192"/>
                  <a:pt x="380" y="192"/>
                </a:cubicBezTo>
                <a:lnTo>
                  <a:pt x="352" y="192"/>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71" name="TextBox 70">
            <a:extLst>
              <a:ext uri="{FF2B5EF4-FFF2-40B4-BE49-F238E27FC236}">
                <a16:creationId xmlns:a16="http://schemas.microsoft.com/office/drawing/2014/main" id="{03DC4514-DE5D-DE10-4429-FA7F2975B28F}"/>
              </a:ext>
            </a:extLst>
          </p:cNvPr>
          <p:cNvSpPr txBox="1"/>
          <p:nvPr/>
        </p:nvSpPr>
        <p:spPr>
          <a:xfrm>
            <a:off x="3633018" y="3003527"/>
            <a:ext cx="1098602" cy="246221"/>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Integrations</a:t>
            </a:r>
          </a:p>
        </p:txBody>
      </p:sp>
      <p:grpSp>
        <p:nvGrpSpPr>
          <p:cNvPr id="67" name="Group 412">
            <a:extLst>
              <a:ext uri="{FF2B5EF4-FFF2-40B4-BE49-F238E27FC236}">
                <a16:creationId xmlns:a16="http://schemas.microsoft.com/office/drawing/2014/main" id="{3BADF9D3-2C95-493D-F4EA-6744B7AD2F29}"/>
              </a:ext>
            </a:extLst>
          </p:cNvPr>
          <p:cNvGrpSpPr>
            <a:grpSpLocks noChangeAspect="1"/>
          </p:cNvGrpSpPr>
          <p:nvPr/>
        </p:nvGrpSpPr>
        <p:grpSpPr bwMode="auto">
          <a:xfrm>
            <a:off x="4295601" y="2337041"/>
            <a:ext cx="367631" cy="367631"/>
            <a:chOff x="2297" y="1592"/>
            <a:chExt cx="340" cy="340"/>
          </a:xfrm>
          <a:solidFill>
            <a:srgbClr val="009A44"/>
          </a:solidFill>
        </p:grpSpPr>
        <p:sp>
          <p:nvSpPr>
            <p:cNvPr id="68" name="Freeform 54">
              <a:extLst>
                <a:ext uri="{FF2B5EF4-FFF2-40B4-BE49-F238E27FC236}">
                  <a16:creationId xmlns:a16="http://schemas.microsoft.com/office/drawing/2014/main" id="{C287566C-254E-9641-08AD-6D2958082741}"/>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69" name="Freeform 55">
              <a:extLst>
                <a:ext uri="{FF2B5EF4-FFF2-40B4-BE49-F238E27FC236}">
                  <a16:creationId xmlns:a16="http://schemas.microsoft.com/office/drawing/2014/main" id="{28EB0F63-1606-025A-E6F5-B951362B4582}"/>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grpSp>
      <p:sp>
        <p:nvSpPr>
          <p:cNvPr id="136" name="TextBox 135">
            <a:extLst>
              <a:ext uri="{FF2B5EF4-FFF2-40B4-BE49-F238E27FC236}">
                <a16:creationId xmlns:a16="http://schemas.microsoft.com/office/drawing/2014/main" id="{96A3FF36-406F-F191-5027-9F4C1D724E32}"/>
              </a:ext>
            </a:extLst>
          </p:cNvPr>
          <p:cNvSpPr txBox="1"/>
          <p:nvPr/>
        </p:nvSpPr>
        <p:spPr>
          <a:xfrm>
            <a:off x="1163817" y="4058438"/>
            <a:ext cx="1101325" cy="246221"/>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Architecture</a:t>
            </a:r>
          </a:p>
        </p:txBody>
      </p:sp>
      <p:sp>
        <p:nvSpPr>
          <p:cNvPr id="158" name="L-Shape 157">
            <a:extLst>
              <a:ext uri="{FF2B5EF4-FFF2-40B4-BE49-F238E27FC236}">
                <a16:creationId xmlns:a16="http://schemas.microsoft.com/office/drawing/2014/main" id="{CF16EBD0-35ED-D49C-A9E7-607A2889628B}"/>
              </a:ext>
            </a:extLst>
          </p:cNvPr>
          <p:cNvSpPr/>
          <p:nvPr/>
        </p:nvSpPr>
        <p:spPr>
          <a:xfrm>
            <a:off x="926384" y="2079270"/>
            <a:ext cx="3996267" cy="3641079"/>
          </a:xfrm>
          <a:prstGeom prst="corner">
            <a:avLst>
              <a:gd name="adj1" fmla="val 86282"/>
              <a:gd name="adj2" fmla="val 110264"/>
            </a:avLst>
          </a:prstGeom>
          <a:noFill/>
          <a:ln w="9525"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rtlCol="0" anchor="ctr"/>
          <a:lstStyle/>
          <a:p>
            <a:pPr algn="ctr"/>
            <a:endParaRPr lang="en-US" b="1"/>
          </a:p>
        </p:txBody>
      </p:sp>
      <p:sp>
        <p:nvSpPr>
          <p:cNvPr id="14" name="TextBox 13">
            <a:extLst>
              <a:ext uri="{FF2B5EF4-FFF2-40B4-BE49-F238E27FC236}">
                <a16:creationId xmlns:a16="http://schemas.microsoft.com/office/drawing/2014/main" id="{F9F4E09C-D7EE-470A-8E09-93486139F5FB}"/>
              </a:ext>
            </a:extLst>
          </p:cNvPr>
          <p:cNvSpPr txBox="1"/>
          <p:nvPr/>
        </p:nvSpPr>
        <p:spPr>
          <a:xfrm>
            <a:off x="1146132" y="5146575"/>
            <a:ext cx="1098602" cy="400110"/>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Tenant Management</a:t>
            </a:r>
          </a:p>
        </p:txBody>
      </p:sp>
      <p:sp>
        <p:nvSpPr>
          <p:cNvPr id="43" name="TextBox 42">
            <a:extLst>
              <a:ext uri="{FF2B5EF4-FFF2-40B4-BE49-F238E27FC236}">
                <a16:creationId xmlns:a16="http://schemas.microsoft.com/office/drawing/2014/main" id="{F5CBB2A4-D0F0-96ED-B1BA-E2AB86A9742C}"/>
              </a:ext>
            </a:extLst>
          </p:cNvPr>
          <p:cNvSpPr txBox="1"/>
          <p:nvPr/>
        </p:nvSpPr>
        <p:spPr>
          <a:xfrm>
            <a:off x="1146132" y="2692657"/>
            <a:ext cx="1098602" cy="553998"/>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Data Management &amp; Reporting</a:t>
            </a:r>
          </a:p>
        </p:txBody>
      </p:sp>
      <p:sp>
        <p:nvSpPr>
          <p:cNvPr id="46" name="TextBox 45">
            <a:extLst>
              <a:ext uri="{FF2B5EF4-FFF2-40B4-BE49-F238E27FC236}">
                <a16:creationId xmlns:a16="http://schemas.microsoft.com/office/drawing/2014/main" id="{91EA300F-418A-2C63-7741-4FE9FFD83120}"/>
              </a:ext>
            </a:extLst>
          </p:cNvPr>
          <p:cNvSpPr txBox="1"/>
          <p:nvPr/>
        </p:nvSpPr>
        <p:spPr>
          <a:xfrm>
            <a:off x="2397387" y="2848044"/>
            <a:ext cx="1098602" cy="400110"/>
          </a:xfrm>
          <a:prstGeom prst="rect">
            <a:avLst/>
          </a:prstGeom>
          <a:no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a:ln>
                  <a:noFill/>
                </a:ln>
                <a:solidFill>
                  <a:srgbClr val="787878"/>
                </a:solidFill>
                <a:effectLst/>
                <a:uLnTx/>
                <a:uFillTx/>
                <a:ea typeface="Verdana" panose="020B0604030504040204" pitchFamily="34" charset="0"/>
                <a:cs typeface="Verdana" panose="020B0604030504040204" pitchFamily="34" charset="0"/>
              </a:rPr>
              <a:t>Security &amp; Access</a:t>
            </a:r>
          </a:p>
        </p:txBody>
      </p:sp>
      <p:sp>
        <p:nvSpPr>
          <p:cNvPr id="22" name="Freeform 115">
            <a:extLst>
              <a:ext uri="{FF2B5EF4-FFF2-40B4-BE49-F238E27FC236}">
                <a16:creationId xmlns:a16="http://schemas.microsoft.com/office/drawing/2014/main" id="{44324451-72F7-3ED1-40AB-515229C60967}"/>
              </a:ext>
            </a:extLst>
          </p:cNvPr>
          <p:cNvSpPr>
            <a:spLocks noChangeAspect="1" noEditPoints="1"/>
          </p:cNvSpPr>
          <p:nvPr/>
        </p:nvSpPr>
        <p:spPr bwMode="auto">
          <a:xfrm>
            <a:off x="3068094" y="2337041"/>
            <a:ext cx="367041" cy="367041"/>
          </a:xfrm>
          <a:custGeom>
            <a:avLst/>
            <a:gdLst>
              <a:gd name="T0" fmla="*/ 224 w 512"/>
              <a:gd name="T1" fmla="*/ 309 h 512"/>
              <a:gd name="T2" fmla="*/ 288 w 512"/>
              <a:gd name="T3" fmla="*/ 309 h 512"/>
              <a:gd name="T4" fmla="*/ 288 w 512"/>
              <a:gd name="T5" fmla="*/ 373 h 512"/>
              <a:gd name="T6" fmla="*/ 224 w 512"/>
              <a:gd name="T7" fmla="*/ 373 h 512"/>
              <a:gd name="T8" fmla="*/ 224 w 512"/>
              <a:gd name="T9" fmla="*/ 309 h 512"/>
              <a:gd name="T10" fmla="*/ 224 w 512"/>
              <a:gd name="T11" fmla="*/ 202 h 512"/>
              <a:gd name="T12" fmla="*/ 288 w 512"/>
              <a:gd name="T13" fmla="*/ 202 h 512"/>
              <a:gd name="T14" fmla="*/ 288 w 512"/>
              <a:gd name="T15" fmla="*/ 138 h 512"/>
              <a:gd name="T16" fmla="*/ 224 w 512"/>
              <a:gd name="T17" fmla="*/ 138 h 512"/>
              <a:gd name="T18" fmla="*/ 224 w 512"/>
              <a:gd name="T19" fmla="*/ 202 h 512"/>
              <a:gd name="T20" fmla="*/ 224 w 512"/>
              <a:gd name="T21" fmla="*/ 288 h 512"/>
              <a:gd name="T22" fmla="*/ 288 w 512"/>
              <a:gd name="T23" fmla="*/ 288 h 512"/>
              <a:gd name="T24" fmla="*/ 288 w 512"/>
              <a:gd name="T25" fmla="*/ 224 h 512"/>
              <a:gd name="T26" fmla="*/ 224 w 512"/>
              <a:gd name="T27" fmla="*/ 224 h 512"/>
              <a:gd name="T28" fmla="*/ 224 w 512"/>
              <a:gd name="T29" fmla="*/ 288 h 512"/>
              <a:gd name="T30" fmla="*/ 138 w 512"/>
              <a:gd name="T31" fmla="*/ 288 h 512"/>
              <a:gd name="T32" fmla="*/ 202 w 512"/>
              <a:gd name="T33" fmla="*/ 288 h 512"/>
              <a:gd name="T34" fmla="*/ 202 w 512"/>
              <a:gd name="T35" fmla="*/ 224 h 512"/>
              <a:gd name="T36" fmla="*/ 138 w 512"/>
              <a:gd name="T37" fmla="*/ 224 h 512"/>
              <a:gd name="T38" fmla="*/ 138 w 512"/>
              <a:gd name="T39" fmla="*/ 288 h 512"/>
              <a:gd name="T40" fmla="*/ 138 w 512"/>
              <a:gd name="T41" fmla="*/ 373 h 512"/>
              <a:gd name="T42" fmla="*/ 202 w 512"/>
              <a:gd name="T43" fmla="*/ 373 h 512"/>
              <a:gd name="T44" fmla="*/ 202 w 512"/>
              <a:gd name="T45" fmla="*/ 309 h 512"/>
              <a:gd name="T46" fmla="*/ 138 w 512"/>
              <a:gd name="T47" fmla="*/ 309 h 512"/>
              <a:gd name="T48" fmla="*/ 138 w 512"/>
              <a:gd name="T49" fmla="*/ 373 h 512"/>
              <a:gd name="T50" fmla="*/ 138 w 512"/>
              <a:gd name="T51" fmla="*/ 202 h 512"/>
              <a:gd name="T52" fmla="*/ 202 w 512"/>
              <a:gd name="T53" fmla="*/ 202 h 512"/>
              <a:gd name="T54" fmla="*/ 202 w 512"/>
              <a:gd name="T55" fmla="*/ 138 h 512"/>
              <a:gd name="T56" fmla="*/ 138 w 512"/>
              <a:gd name="T57" fmla="*/ 138 h 512"/>
              <a:gd name="T58" fmla="*/ 138 w 512"/>
              <a:gd name="T59" fmla="*/ 202 h 512"/>
              <a:gd name="T60" fmla="*/ 309 w 512"/>
              <a:gd name="T61" fmla="*/ 202 h 512"/>
              <a:gd name="T62" fmla="*/ 373 w 512"/>
              <a:gd name="T63" fmla="*/ 202 h 512"/>
              <a:gd name="T64" fmla="*/ 373 w 512"/>
              <a:gd name="T65" fmla="*/ 138 h 512"/>
              <a:gd name="T66" fmla="*/ 309 w 512"/>
              <a:gd name="T67" fmla="*/ 138 h 512"/>
              <a:gd name="T68" fmla="*/ 309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394 w 512"/>
              <a:gd name="T81" fmla="*/ 128 h 512"/>
              <a:gd name="T82" fmla="*/ 384 w 512"/>
              <a:gd name="T83" fmla="*/ 117 h 512"/>
              <a:gd name="T84" fmla="*/ 128 w 512"/>
              <a:gd name="T85" fmla="*/ 117 h 512"/>
              <a:gd name="T86" fmla="*/ 117 w 512"/>
              <a:gd name="T87" fmla="*/ 128 h 512"/>
              <a:gd name="T88" fmla="*/ 117 w 512"/>
              <a:gd name="T89" fmla="*/ 384 h 512"/>
              <a:gd name="T90" fmla="*/ 128 w 512"/>
              <a:gd name="T91" fmla="*/ 394 h 512"/>
              <a:gd name="T92" fmla="*/ 384 w 512"/>
              <a:gd name="T93" fmla="*/ 394 h 512"/>
              <a:gd name="T94" fmla="*/ 394 w 512"/>
              <a:gd name="T95" fmla="*/ 384 h 512"/>
              <a:gd name="T96" fmla="*/ 394 w 512"/>
              <a:gd name="T97" fmla="*/ 128 h 512"/>
              <a:gd name="T98" fmla="*/ 309 w 512"/>
              <a:gd name="T99" fmla="*/ 288 h 512"/>
              <a:gd name="T100" fmla="*/ 373 w 512"/>
              <a:gd name="T101" fmla="*/ 288 h 512"/>
              <a:gd name="T102" fmla="*/ 373 w 512"/>
              <a:gd name="T103" fmla="*/ 224 h 512"/>
              <a:gd name="T104" fmla="*/ 309 w 512"/>
              <a:gd name="T105" fmla="*/ 224 h 512"/>
              <a:gd name="T106" fmla="*/ 309 w 512"/>
              <a:gd name="T107" fmla="*/ 288 h 512"/>
              <a:gd name="T108" fmla="*/ 309 w 512"/>
              <a:gd name="T109" fmla="*/ 373 h 512"/>
              <a:gd name="T110" fmla="*/ 373 w 512"/>
              <a:gd name="T111" fmla="*/ 373 h 512"/>
              <a:gd name="T112" fmla="*/ 373 w 512"/>
              <a:gd name="T113" fmla="*/ 309 h 512"/>
              <a:gd name="T114" fmla="*/ 309 w 512"/>
              <a:gd name="T115" fmla="*/ 309 h 512"/>
              <a:gd name="T116" fmla="*/ 309 w 512"/>
              <a:gd name="T117"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224" y="309"/>
                </a:moveTo>
                <a:cubicBezTo>
                  <a:pt x="288" y="309"/>
                  <a:pt x="288" y="309"/>
                  <a:pt x="288" y="309"/>
                </a:cubicBezTo>
                <a:cubicBezTo>
                  <a:pt x="288" y="373"/>
                  <a:pt x="288" y="373"/>
                  <a:pt x="288" y="373"/>
                </a:cubicBezTo>
                <a:cubicBezTo>
                  <a:pt x="224" y="373"/>
                  <a:pt x="224" y="373"/>
                  <a:pt x="224" y="373"/>
                </a:cubicBezTo>
                <a:lnTo>
                  <a:pt x="224" y="309"/>
                </a:lnTo>
                <a:close/>
                <a:moveTo>
                  <a:pt x="224" y="202"/>
                </a:moveTo>
                <a:cubicBezTo>
                  <a:pt x="288" y="202"/>
                  <a:pt x="288" y="202"/>
                  <a:pt x="288" y="202"/>
                </a:cubicBezTo>
                <a:cubicBezTo>
                  <a:pt x="288" y="138"/>
                  <a:pt x="288" y="138"/>
                  <a:pt x="288" y="138"/>
                </a:cubicBezTo>
                <a:cubicBezTo>
                  <a:pt x="224" y="138"/>
                  <a:pt x="224" y="138"/>
                  <a:pt x="224" y="138"/>
                </a:cubicBezTo>
                <a:lnTo>
                  <a:pt x="224" y="202"/>
                </a:lnTo>
                <a:close/>
                <a:moveTo>
                  <a:pt x="224" y="288"/>
                </a:moveTo>
                <a:cubicBezTo>
                  <a:pt x="288" y="288"/>
                  <a:pt x="288" y="288"/>
                  <a:pt x="288" y="288"/>
                </a:cubicBezTo>
                <a:cubicBezTo>
                  <a:pt x="288" y="224"/>
                  <a:pt x="288" y="224"/>
                  <a:pt x="288" y="224"/>
                </a:cubicBezTo>
                <a:cubicBezTo>
                  <a:pt x="224" y="224"/>
                  <a:pt x="224" y="224"/>
                  <a:pt x="224" y="224"/>
                </a:cubicBezTo>
                <a:lnTo>
                  <a:pt x="224" y="288"/>
                </a:lnTo>
                <a:close/>
                <a:moveTo>
                  <a:pt x="138" y="288"/>
                </a:moveTo>
                <a:cubicBezTo>
                  <a:pt x="202" y="288"/>
                  <a:pt x="202" y="288"/>
                  <a:pt x="202" y="288"/>
                </a:cubicBezTo>
                <a:cubicBezTo>
                  <a:pt x="202" y="224"/>
                  <a:pt x="202" y="224"/>
                  <a:pt x="202" y="224"/>
                </a:cubicBezTo>
                <a:cubicBezTo>
                  <a:pt x="138" y="224"/>
                  <a:pt x="138" y="224"/>
                  <a:pt x="138" y="224"/>
                </a:cubicBezTo>
                <a:lnTo>
                  <a:pt x="138" y="288"/>
                </a:lnTo>
                <a:close/>
                <a:moveTo>
                  <a:pt x="138" y="373"/>
                </a:moveTo>
                <a:cubicBezTo>
                  <a:pt x="202" y="373"/>
                  <a:pt x="202" y="373"/>
                  <a:pt x="202" y="373"/>
                </a:cubicBezTo>
                <a:cubicBezTo>
                  <a:pt x="202" y="309"/>
                  <a:pt x="202" y="309"/>
                  <a:pt x="202" y="309"/>
                </a:cubicBezTo>
                <a:cubicBezTo>
                  <a:pt x="138" y="309"/>
                  <a:pt x="138" y="309"/>
                  <a:pt x="138" y="309"/>
                </a:cubicBezTo>
                <a:lnTo>
                  <a:pt x="138" y="373"/>
                </a:lnTo>
                <a:close/>
                <a:moveTo>
                  <a:pt x="138" y="202"/>
                </a:moveTo>
                <a:cubicBezTo>
                  <a:pt x="202" y="202"/>
                  <a:pt x="202" y="202"/>
                  <a:pt x="202" y="202"/>
                </a:cubicBezTo>
                <a:cubicBezTo>
                  <a:pt x="202" y="138"/>
                  <a:pt x="202" y="138"/>
                  <a:pt x="202" y="138"/>
                </a:cubicBezTo>
                <a:cubicBezTo>
                  <a:pt x="138" y="138"/>
                  <a:pt x="138" y="138"/>
                  <a:pt x="138" y="138"/>
                </a:cubicBezTo>
                <a:lnTo>
                  <a:pt x="138" y="202"/>
                </a:lnTo>
                <a:close/>
                <a:moveTo>
                  <a:pt x="309" y="202"/>
                </a:moveTo>
                <a:cubicBezTo>
                  <a:pt x="373" y="202"/>
                  <a:pt x="373" y="202"/>
                  <a:pt x="373" y="202"/>
                </a:cubicBezTo>
                <a:cubicBezTo>
                  <a:pt x="373" y="138"/>
                  <a:pt x="373" y="138"/>
                  <a:pt x="373" y="138"/>
                </a:cubicBezTo>
                <a:cubicBezTo>
                  <a:pt x="309" y="138"/>
                  <a:pt x="309" y="138"/>
                  <a:pt x="309" y="138"/>
                </a:cubicBezTo>
                <a:lnTo>
                  <a:pt x="309"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28"/>
                </a:moveTo>
                <a:cubicBezTo>
                  <a:pt x="394" y="122"/>
                  <a:pt x="390" y="117"/>
                  <a:pt x="384" y="117"/>
                </a:cubicBezTo>
                <a:cubicBezTo>
                  <a:pt x="128" y="117"/>
                  <a:pt x="128" y="117"/>
                  <a:pt x="128" y="117"/>
                </a:cubicBezTo>
                <a:cubicBezTo>
                  <a:pt x="122" y="117"/>
                  <a:pt x="117" y="122"/>
                  <a:pt x="117" y="128"/>
                </a:cubicBezTo>
                <a:cubicBezTo>
                  <a:pt x="117" y="384"/>
                  <a:pt x="117" y="384"/>
                  <a:pt x="117" y="384"/>
                </a:cubicBezTo>
                <a:cubicBezTo>
                  <a:pt x="117" y="390"/>
                  <a:pt x="122" y="394"/>
                  <a:pt x="128" y="394"/>
                </a:cubicBezTo>
                <a:cubicBezTo>
                  <a:pt x="384" y="394"/>
                  <a:pt x="384" y="394"/>
                  <a:pt x="384" y="394"/>
                </a:cubicBezTo>
                <a:cubicBezTo>
                  <a:pt x="390" y="394"/>
                  <a:pt x="394" y="390"/>
                  <a:pt x="394" y="384"/>
                </a:cubicBezTo>
                <a:lnTo>
                  <a:pt x="394" y="128"/>
                </a:lnTo>
                <a:close/>
                <a:moveTo>
                  <a:pt x="309" y="288"/>
                </a:moveTo>
                <a:cubicBezTo>
                  <a:pt x="373" y="288"/>
                  <a:pt x="373" y="288"/>
                  <a:pt x="373" y="288"/>
                </a:cubicBezTo>
                <a:cubicBezTo>
                  <a:pt x="373" y="224"/>
                  <a:pt x="373" y="224"/>
                  <a:pt x="373" y="224"/>
                </a:cubicBezTo>
                <a:cubicBezTo>
                  <a:pt x="309" y="224"/>
                  <a:pt x="309" y="224"/>
                  <a:pt x="309" y="224"/>
                </a:cubicBezTo>
                <a:lnTo>
                  <a:pt x="309" y="288"/>
                </a:lnTo>
                <a:close/>
                <a:moveTo>
                  <a:pt x="309" y="373"/>
                </a:moveTo>
                <a:cubicBezTo>
                  <a:pt x="373" y="373"/>
                  <a:pt x="373" y="373"/>
                  <a:pt x="373" y="373"/>
                </a:cubicBezTo>
                <a:cubicBezTo>
                  <a:pt x="373" y="309"/>
                  <a:pt x="373" y="309"/>
                  <a:pt x="373" y="309"/>
                </a:cubicBezTo>
                <a:cubicBezTo>
                  <a:pt x="309" y="309"/>
                  <a:pt x="309" y="309"/>
                  <a:pt x="309" y="309"/>
                </a:cubicBezTo>
                <a:lnTo>
                  <a:pt x="309" y="373"/>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40" name="TextBox 39">
            <a:extLst>
              <a:ext uri="{FF2B5EF4-FFF2-40B4-BE49-F238E27FC236}">
                <a16:creationId xmlns:a16="http://schemas.microsoft.com/office/drawing/2014/main" id="{B003A0D6-23B4-FEEB-6491-04EFE2871E4D}"/>
              </a:ext>
            </a:extLst>
          </p:cNvPr>
          <p:cNvSpPr txBox="1"/>
          <p:nvPr/>
        </p:nvSpPr>
        <p:spPr>
          <a:xfrm>
            <a:off x="3625530" y="3981493"/>
            <a:ext cx="1101221" cy="400110"/>
          </a:xfrm>
          <a:prstGeom prst="rect">
            <a:avLst/>
          </a:prstGeom>
          <a:noFill/>
          <a:ln>
            <a:noFill/>
          </a:ln>
        </p:spPr>
        <p:txBody>
          <a:bodyPr wrap="square" rtlCol="0">
            <a:spAutoFit/>
          </a:bodyPr>
          <a:lstStyle/>
          <a:p>
            <a:pPr algn="ctr">
              <a:defRPr/>
            </a:pPr>
            <a:r>
              <a:rPr lang="en-US" sz="1000" b="1" kern="0">
                <a:solidFill>
                  <a:srgbClr val="787878"/>
                </a:solidFill>
                <a:ea typeface="Verdana" panose="020B0604030504040204" pitchFamily="34" charset="0"/>
                <a:cs typeface="Verdana" panose="020B0604030504040204" pitchFamily="34" charset="0"/>
              </a:rPr>
              <a:t>Integrating Systems</a:t>
            </a:r>
          </a:p>
        </p:txBody>
      </p:sp>
      <p:sp>
        <p:nvSpPr>
          <p:cNvPr id="35" name="Freeform 584">
            <a:extLst>
              <a:ext uri="{FF2B5EF4-FFF2-40B4-BE49-F238E27FC236}">
                <a16:creationId xmlns:a16="http://schemas.microsoft.com/office/drawing/2014/main" id="{9D83A322-8312-3983-B61C-9E701B0E25D6}"/>
              </a:ext>
            </a:extLst>
          </p:cNvPr>
          <p:cNvSpPr>
            <a:spLocks noChangeAspect="1" noEditPoints="1"/>
          </p:cNvSpPr>
          <p:nvPr/>
        </p:nvSpPr>
        <p:spPr bwMode="auto">
          <a:xfrm>
            <a:off x="4291976" y="3437427"/>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73 h 512"/>
              <a:gd name="T12" fmla="*/ 106 w 512"/>
              <a:gd name="T13" fmla="*/ 373 h 512"/>
              <a:gd name="T14" fmla="*/ 96 w 512"/>
              <a:gd name="T15" fmla="*/ 362 h 512"/>
              <a:gd name="T16" fmla="*/ 96 w 512"/>
              <a:gd name="T17" fmla="*/ 149 h 512"/>
              <a:gd name="T18" fmla="*/ 106 w 512"/>
              <a:gd name="T19" fmla="*/ 138 h 512"/>
              <a:gd name="T20" fmla="*/ 117 w 512"/>
              <a:gd name="T21" fmla="*/ 149 h 512"/>
              <a:gd name="T22" fmla="*/ 117 w 512"/>
              <a:gd name="T23" fmla="*/ 352 h 512"/>
              <a:gd name="T24" fmla="*/ 405 w 512"/>
              <a:gd name="T25" fmla="*/ 352 h 512"/>
              <a:gd name="T26" fmla="*/ 416 w 512"/>
              <a:gd name="T27" fmla="*/ 362 h 512"/>
              <a:gd name="T28" fmla="*/ 405 w 512"/>
              <a:gd name="T29" fmla="*/ 373 h 512"/>
              <a:gd name="T30" fmla="*/ 413 w 512"/>
              <a:gd name="T31" fmla="*/ 178 h 512"/>
              <a:gd name="T32" fmla="*/ 295 w 512"/>
              <a:gd name="T33" fmla="*/ 295 h 512"/>
              <a:gd name="T34" fmla="*/ 280 w 512"/>
              <a:gd name="T35" fmla="*/ 295 h 512"/>
              <a:gd name="T36" fmla="*/ 224 w 512"/>
              <a:gd name="T37" fmla="*/ 239 h 512"/>
              <a:gd name="T38" fmla="*/ 157 w 512"/>
              <a:gd name="T39" fmla="*/ 306 h 512"/>
              <a:gd name="T40" fmla="*/ 149 w 512"/>
              <a:gd name="T41" fmla="*/ 309 h 512"/>
              <a:gd name="T42" fmla="*/ 141 w 512"/>
              <a:gd name="T43" fmla="*/ 306 h 512"/>
              <a:gd name="T44" fmla="*/ 141 w 512"/>
              <a:gd name="T45" fmla="*/ 291 h 512"/>
              <a:gd name="T46" fmla="*/ 216 w 512"/>
              <a:gd name="T47" fmla="*/ 216 h 512"/>
              <a:gd name="T48" fmla="*/ 231 w 512"/>
              <a:gd name="T49" fmla="*/ 216 h 512"/>
              <a:gd name="T50" fmla="*/ 288 w 512"/>
              <a:gd name="T51" fmla="*/ 273 h 512"/>
              <a:gd name="T52" fmla="*/ 397 w 512"/>
              <a:gd name="T53" fmla="*/ 163 h 512"/>
              <a:gd name="T54" fmla="*/ 413 w 512"/>
              <a:gd name="T55" fmla="*/ 163 h 512"/>
              <a:gd name="T56" fmla="*/ 413 w 512"/>
              <a:gd name="T57"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73"/>
                </a:moveTo>
                <a:cubicBezTo>
                  <a:pt x="106" y="373"/>
                  <a:pt x="106"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352"/>
                  <a:pt x="117" y="352"/>
                  <a:pt x="117" y="352"/>
                </a:cubicBezTo>
                <a:cubicBezTo>
                  <a:pt x="405" y="352"/>
                  <a:pt x="405" y="352"/>
                  <a:pt x="405" y="352"/>
                </a:cubicBezTo>
                <a:cubicBezTo>
                  <a:pt x="411" y="352"/>
                  <a:pt x="416" y="356"/>
                  <a:pt x="416" y="362"/>
                </a:cubicBezTo>
                <a:cubicBezTo>
                  <a:pt x="416" y="368"/>
                  <a:pt x="411" y="373"/>
                  <a:pt x="405" y="373"/>
                </a:cubicBezTo>
                <a:close/>
                <a:moveTo>
                  <a:pt x="413" y="178"/>
                </a:moveTo>
                <a:cubicBezTo>
                  <a:pt x="295" y="295"/>
                  <a:pt x="295" y="295"/>
                  <a:pt x="295" y="295"/>
                </a:cubicBezTo>
                <a:cubicBezTo>
                  <a:pt x="291" y="299"/>
                  <a:pt x="284" y="299"/>
                  <a:pt x="280" y="295"/>
                </a:cubicBezTo>
                <a:cubicBezTo>
                  <a:pt x="224" y="239"/>
                  <a:pt x="224" y="239"/>
                  <a:pt x="224" y="239"/>
                </a:cubicBezTo>
                <a:cubicBezTo>
                  <a:pt x="157" y="306"/>
                  <a:pt x="157" y="306"/>
                  <a:pt x="157" y="306"/>
                </a:cubicBezTo>
                <a:cubicBezTo>
                  <a:pt x="154" y="308"/>
                  <a:pt x="152" y="309"/>
                  <a:pt x="149" y="309"/>
                </a:cubicBezTo>
                <a:cubicBezTo>
                  <a:pt x="146" y="309"/>
                  <a:pt x="144" y="308"/>
                  <a:pt x="141" y="306"/>
                </a:cubicBezTo>
                <a:cubicBezTo>
                  <a:pt x="137" y="302"/>
                  <a:pt x="137" y="295"/>
                  <a:pt x="141" y="291"/>
                </a:cubicBezTo>
                <a:cubicBezTo>
                  <a:pt x="216" y="216"/>
                  <a:pt x="216" y="216"/>
                  <a:pt x="216" y="216"/>
                </a:cubicBezTo>
                <a:cubicBezTo>
                  <a:pt x="220" y="212"/>
                  <a:pt x="227" y="212"/>
                  <a:pt x="231" y="216"/>
                </a:cubicBezTo>
                <a:cubicBezTo>
                  <a:pt x="288" y="273"/>
                  <a:pt x="288" y="273"/>
                  <a:pt x="288" y="273"/>
                </a:cubicBezTo>
                <a:cubicBezTo>
                  <a:pt x="397" y="163"/>
                  <a:pt x="397" y="163"/>
                  <a:pt x="397" y="163"/>
                </a:cubicBezTo>
                <a:cubicBezTo>
                  <a:pt x="402" y="159"/>
                  <a:pt x="408" y="159"/>
                  <a:pt x="413" y="163"/>
                </a:cubicBezTo>
                <a:cubicBezTo>
                  <a:pt x="417" y="167"/>
                  <a:pt x="417" y="174"/>
                  <a:pt x="413" y="178"/>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3" name="Freeform 603">
            <a:extLst>
              <a:ext uri="{FF2B5EF4-FFF2-40B4-BE49-F238E27FC236}">
                <a16:creationId xmlns:a16="http://schemas.microsoft.com/office/drawing/2014/main" id="{D04FEECB-007F-6118-97BF-FDFBB6E200C2}"/>
              </a:ext>
            </a:extLst>
          </p:cNvPr>
          <p:cNvSpPr>
            <a:spLocks noChangeAspect="1" noEditPoints="1"/>
          </p:cNvSpPr>
          <p:nvPr/>
        </p:nvSpPr>
        <p:spPr bwMode="auto">
          <a:xfrm>
            <a:off x="9095309" y="3335930"/>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7030A0"/>
          </a:solidFill>
          <a:ln>
            <a:solidFill>
              <a:schemeClr val="bg1"/>
            </a:solid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6" name="Freeform 469">
            <a:extLst>
              <a:ext uri="{FF2B5EF4-FFF2-40B4-BE49-F238E27FC236}">
                <a16:creationId xmlns:a16="http://schemas.microsoft.com/office/drawing/2014/main" id="{EC7303DB-18E8-90E3-5812-766A918952F1}"/>
              </a:ext>
            </a:extLst>
          </p:cNvPr>
          <p:cNvSpPr>
            <a:spLocks noChangeAspect="1" noEditPoints="1"/>
          </p:cNvSpPr>
          <p:nvPr/>
        </p:nvSpPr>
        <p:spPr bwMode="auto">
          <a:xfrm>
            <a:off x="3052463" y="4569099"/>
            <a:ext cx="369021" cy="369021"/>
          </a:xfrm>
          <a:custGeom>
            <a:avLst/>
            <a:gdLst>
              <a:gd name="T0" fmla="*/ 309 w 512"/>
              <a:gd name="T1" fmla="*/ 320 h 512"/>
              <a:gd name="T2" fmla="*/ 288 w 512"/>
              <a:gd name="T3" fmla="*/ 341 h 512"/>
              <a:gd name="T4" fmla="*/ 266 w 512"/>
              <a:gd name="T5" fmla="*/ 320 h 512"/>
              <a:gd name="T6" fmla="*/ 288 w 512"/>
              <a:gd name="T7" fmla="*/ 298 h 512"/>
              <a:gd name="T8" fmla="*/ 309 w 512"/>
              <a:gd name="T9" fmla="*/ 320 h 512"/>
              <a:gd name="T10" fmla="*/ 213 w 512"/>
              <a:gd name="T11" fmla="*/ 160 h 512"/>
              <a:gd name="T12" fmla="*/ 192 w 512"/>
              <a:gd name="T13" fmla="*/ 181 h 512"/>
              <a:gd name="T14" fmla="*/ 213 w 512"/>
              <a:gd name="T15" fmla="*/ 202 h 512"/>
              <a:gd name="T16" fmla="*/ 234 w 512"/>
              <a:gd name="T17" fmla="*/ 181 h 512"/>
              <a:gd name="T18" fmla="*/ 213 w 512"/>
              <a:gd name="T19" fmla="*/ 160 h 512"/>
              <a:gd name="T20" fmla="*/ 138 w 512"/>
              <a:gd name="T21" fmla="*/ 298 h 512"/>
              <a:gd name="T22" fmla="*/ 117 w 512"/>
              <a:gd name="T23" fmla="*/ 320 h 512"/>
              <a:gd name="T24" fmla="*/ 138 w 512"/>
              <a:gd name="T25" fmla="*/ 341 h 512"/>
              <a:gd name="T26" fmla="*/ 160 w 512"/>
              <a:gd name="T27" fmla="*/ 320 h 512"/>
              <a:gd name="T28" fmla="*/ 138 w 512"/>
              <a:gd name="T29" fmla="*/ 29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373 w 512"/>
              <a:gd name="T43" fmla="*/ 138 h 512"/>
              <a:gd name="T44" fmla="*/ 330 w 512"/>
              <a:gd name="T45" fmla="*/ 181 h 512"/>
              <a:gd name="T46" fmla="*/ 342 w 512"/>
              <a:gd name="T47" fmla="*/ 211 h 512"/>
              <a:gd name="T48" fmla="*/ 300 w 512"/>
              <a:gd name="T49" fmla="*/ 279 h 512"/>
              <a:gd name="T50" fmla="*/ 288 w 512"/>
              <a:gd name="T51" fmla="*/ 277 h 512"/>
              <a:gd name="T52" fmla="*/ 278 w 512"/>
              <a:gd name="T53" fmla="*/ 278 h 512"/>
              <a:gd name="T54" fmla="*/ 242 w 512"/>
              <a:gd name="T55" fmla="*/ 212 h 512"/>
              <a:gd name="T56" fmla="*/ 256 w 512"/>
              <a:gd name="T57" fmla="*/ 181 h 512"/>
              <a:gd name="T58" fmla="*/ 213 w 512"/>
              <a:gd name="T59" fmla="*/ 138 h 512"/>
              <a:gd name="T60" fmla="*/ 170 w 512"/>
              <a:gd name="T61" fmla="*/ 181 h 512"/>
              <a:gd name="T62" fmla="*/ 184 w 512"/>
              <a:gd name="T63" fmla="*/ 212 h 512"/>
              <a:gd name="T64" fmla="*/ 148 w 512"/>
              <a:gd name="T65" fmla="*/ 278 h 512"/>
              <a:gd name="T66" fmla="*/ 138 w 512"/>
              <a:gd name="T67" fmla="*/ 277 h 512"/>
              <a:gd name="T68" fmla="*/ 96 w 512"/>
              <a:gd name="T69" fmla="*/ 320 h 512"/>
              <a:gd name="T70" fmla="*/ 138 w 512"/>
              <a:gd name="T71" fmla="*/ 362 h 512"/>
              <a:gd name="T72" fmla="*/ 181 w 512"/>
              <a:gd name="T73" fmla="*/ 320 h 512"/>
              <a:gd name="T74" fmla="*/ 167 w 512"/>
              <a:gd name="T75" fmla="*/ 288 h 512"/>
              <a:gd name="T76" fmla="*/ 203 w 512"/>
              <a:gd name="T77" fmla="*/ 222 h 512"/>
              <a:gd name="T78" fmla="*/ 213 w 512"/>
              <a:gd name="T79" fmla="*/ 224 h 512"/>
              <a:gd name="T80" fmla="*/ 223 w 512"/>
              <a:gd name="T81" fmla="*/ 222 h 512"/>
              <a:gd name="T82" fmla="*/ 259 w 512"/>
              <a:gd name="T83" fmla="*/ 288 h 512"/>
              <a:gd name="T84" fmla="*/ 245 w 512"/>
              <a:gd name="T85" fmla="*/ 320 h 512"/>
              <a:gd name="T86" fmla="*/ 288 w 512"/>
              <a:gd name="T87" fmla="*/ 362 h 512"/>
              <a:gd name="T88" fmla="*/ 330 w 512"/>
              <a:gd name="T89" fmla="*/ 320 h 512"/>
              <a:gd name="T90" fmla="*/ 318 w 512"/>
              <a:gd name="T91" fmla="*/ 290 h 512"/>
              <a:gd name="T92" fmla="*/ 361 w 512"/>
              <a:gd name="T93" fmla="*/ 222 h 512"/>
              <a:gd name="T94" fmla="*/ 373 w 512"/>
              <a:gd name="T95" fmla="*/ 224 h 512"/>
              <a:gd name="T96" fmla="*/ 416 w 512"/>
              <a:gd name="T97" fmla="*/ 181 h 512"/>
              <a:gd name="T98" fmla="*/ 373 w 512"/>
              <a:gd name="T99" fmla="*/ 160 h 512"/>
              <a:gd name="T100" fmla="*/ 352 w 512"/>
              <a:gd name="T101" fmla="*/ 181 h 512"/>
              <a:gd name="T102" fmla="*/ 373 w 512"/>
              <a:gd name="T103" fmla="*/ 202 h 512"/>
              <a:gd name="T104" fmla="*/ 394 w 512"/>
              <a:gd name="T105" fmla="*/ 181 h 512"/>
              <a:gd name="T106" fmla="*/ 373 w 512"/>
              <a:gd name="T107"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309" y="320"/>
                </a:moveTo>
                <a:cubicBezTo>
                  <a:pt x="309" y="331"/>
                  <a:pt x="299" y="341"/>
                  <a:pt x="288" y="341"/>
                </a:cubicBezTo>
                <a:cubicBezTo>
                  <a:pt x="276" y="341"/>
                  <a:pt x="266" y="331"/>
                  <a:pt x="266" y="320"/>
                </a:cubicBezTo>
                <a:cubicBezTo>
                  <a:pt x="266" y="308"/>
                  <a:pt x="276" y="298"/>
                  <a:pt x="288" y="298"/>
                </a:cubicBezTo>
                <a:cubicBezTo>
                  <a:pt x="299" y="298"/>
                  <a:pt x="309" y="308"/>
                  <a:pt x="309" y="320"/>
                </a:cubicBezTo>
                <a:close/>
                <a:moveTo>
                  <a:pt x="213" y="160"/>
                </a:moveTo>
                <a:cubicBezTo>
                  <a:pt x="201" y="160"/>
                  <a:pt x="192" y="169"/>
                  <a:pt x="192" y="181"/>
                </a:cubicBezTo>
                <a:cubicBezTo>
                  <a:pt x="192" y="193"/>
                  <a:pt x="201" y="202"/>
                  <a:pt x="213" y="202"/>
                </a:cubicBezTo>
                <a:cubicBezTo>
                  <a:pt x="225" y="202"/>
                  <a:pt x="234" y="193"/>
                  <a:pt x="234" y="181"/>
                </a:cubicBezTo>
                <a:cubicBezTo>
                  <a:pt x="234" y="169"/>
                  <a:pt x="225" y="160"/>
                  <a:pt x="213" y="160"/>
                </a:cubicBezTo>
                <a:close/>
                <a:moveTo>
                  <a:pt x="138" y="298"/>
                </a:moveTo>
                <a:cubicBezTo>
                  <a:pt x="127" y="298"/>
                  <a:pt x="117" y="308"/>
                  <a:pt x="117" y="320"/>
                </a:cubicBezTo>
                <a:cubicBezTo>
                  <a:pt x="117" y="331"/>
                  <a:pt x="127" y="341"/>
                  <a:pt x="138" y="341"/>
                </a:cubicBezTo>
                <a:cubicBezTo>
                  <a:pt x="150" y="341"/>
                  <a:pt x="160" y="331"/>
                  <a:pt x="160" y="320"/>
                </a:cubicBezTo>
                <a:cubicBezTo>
                  <a:pt x="160" y="308"/>
                  <a:pt x="150" y="298"/>
                  <a:pt x="138" y="29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57"/>
                  <a:pt x="397" y="138"/>
                  <a:pt x="373" y="138"/>
                </a:cubicBezTo>
                <a:cubicBezTo>
                  <a:pt x="349" y="138"/>
                  <a:pt x="330" y="157"/>
                  <a:pt x="330" y="181"/>
                </a:cubicBezTo>
                <a:cubicBezTo>
                  <a:pt x="330" y="192"/>
                  <a:pt x="335" y="203"/>
                  <a:pt x="342" y="211"/>
                </a:cubicBezTo>
                <a:cubicBezTo>
                  <a:pt x="300" y="279"/>
                  <a:pt x="300" y="279"/>
                  <a:pt x="300" y="279"/>
                </a:cubicBezTo>
                <a:cubicBezTo>
                  <a:pt x="296" y="278"/>
                  <a:pt x="292" y="277"/>
                  <a:pt x="288" y="277"/>
                </a:cubicBezTo>
                <a:cubicBezTo>
                  <a:pt x="284" y="277"/>
                  <a:pt x="281" y="278"/>
                  <a:pt x="278" y="278"/>
                </a:cubicBezTo>
                <a:cubicBezTo>
                  <a:pt x="242" y="212"/>
                  <a:pt x="242" y="212"/>
                  <a:pt x="242" y="212"/>
                </a:cubicBezTo>
                <a:cubicBezTo>
                  <a:pt x="250" y="204"/>
                  <a:pt x="256" y="193"/>
                  <a:pt x="256" y="181"/>
                </a:cubicBezTo>
                <a:cubicBezTo>
                  <a:pt x="256" y="157"/>
                  <a:pt x="237" y="138"/>
                  <a:pt x="213" y="138"/>
                </a:cubicBezTo>
                <a:cubicBezTo>
                  <a:pt x="189" y="138"/>
                  <a:pt x="170" y="157"/>
                  <a:pt x="170" y="181"/>
                </a:cubicBezTo>
                <a:cubicBezTo>
                  <a:pt x="170" y="193"/>
                  <a:pt x="176" y="204"/>
                  <a:pt x="184" y="212"/>
                </a:cubicBezTo>
                <a:cubicBezTo>
                  <a:pt x="148" y="278"/>
                  <a:pt x="148" y="278"/>
                  <a:pt x="148" y="278"/>
                </a:cubicBezTo>
                <a:cubicBezTo>
                  <a:pt x="145" y="278"/>
                  <a:pt x="142" y="277"/>
                  <a:pt x="138" y="277"/>
                </a:cubicBezTo>
                <a:cubicBezTo>
                  <a:pt x="115" y="277"/>
                  <a:pt x="96" y="296"/>
                  <a:pt x="96" y="320"/>
                </a:cubicBezTo>
                <a:cubicBezTo>
                  <a:pt x="96" y="343"/>
                  <a:pt x="115" y="362"/>
                  <a:pt x="138" y="362"/>
                </a:cubicBezTo>
                <a:cubicBezTo>
                  <a:pt x="162" y="362"/>
                  <a:pt x="181" y="343"/>
                  <a:pt x="181" y="320"/>
                </a:cubicBezTo>
                <a:cubicBezTo>
                  <a:pt x="181" y="307"/>
                  <a:pt x="176" y="296"/>
                  <a:pt x="167" y="288"/>
                </a:cubicBezTo>
                <a:cubicBezTo>
                  <a:pt x="203" y="222"/>
                  <a:pt x="203" y="222"/>
                  <a:pt x="203" y="222"/>
                </a:cubicBezTo>
                <a:cubicBezTo>
                  <a:pt x="206" y="223"/>
                  <a:pt x="209" y="224"/>
                  <a:pt x="213" y="224"/>
                </a:cubicBezTo>
                <a:cubicBezTo>
                  <a:pt x="217" y="224"/>
                  <a:pt x="220" y="223"/>
                  <a:pt x="223" y="222"/>
                </a:cubicBezTo>
                <a:cubicBezTo>
                  <a:pt x="259" y="288"/>
                  <a:pt x="259" y="288"/>
                  <a:pt x="259" y="288"/>
                </a:cubicBezTo>
                <a:cubicBezTo>
                  <a:pt x="250" y="296"/>
                  <a:pt x="245" y="307"/>
                  <a:pt x="245" y="320"/>
                </a:cubicBezTo>
                <a:cubicBezTo>
                  <a:pt x="245" y="343"/>
                  <a:pt x="264" y="362"/>
                  <a:pt x="288" y="362"/>
                </a:cubicBezTo>
                <a:cubicBezTo>
                  <a:pt x="311" y="362"/>
                  <a:pt x="330" y="343"/>
                  <a:pt x="330" y="320"/>
                </a:cubicBezTo>
                <a:cubicBezTo>
                  <a:pt x="330" y="308"/>
                  <a:pt x="326" y="298"/>
                  <a:pt x="318" y="290"/>
                </a:cubicBezTo>
                <a:cubicBezTo>
                  <a:pt x="361" y="222"/>
                  <a:pt x="361" y="222"/>
                  <a:pt x="361" y="222"/>
                </a:cubicBezTo>
                <a:cubicBezTo>
                  <a:pt x="365" y="223"/>
                  <a:pt x="369" y="224"/>
                  <a:pt x="373" y="224"/>
                </a:cubicBezTo>
                <a:cubicBezTo>
                  <a:pt x="397" y="224"/>
                  <a:pt x="416" y="205"/>
                  <a:pt x="416" y="181"/>
                </a:cubicBezTo>
                <a:close/>
                <a:moveTo>
                  <a:pt x="373" y="160"/>
                </a:moveTo>
                <a:cubicBezTo>
                  <a:pt x="361" y="160"/>
                  <a:pt x="352" y="169"/>
                  <a:pt x="352" y="181"/>
                </a:cubicBezTo>
                <a:cubicBezTo>
                  <a:pt x="352" y="193"/>
                  <a:pt x="361" y="202"/>
                  <a:pt x="373" y="202"/>
                </a:cubicBezTo>
                <a:cubicBezTo>
                  <a:pt x="385" y="202"/>
                  <a:pt x="394" y="193"/>
                  <a:pt x="394" y="181"/>
                </a:cubicBezTo>
                <a:cubicBezTo>
                  <a:pt x="394" y="169"/>
                  <a:pt x="385" y="160"/>
                  <a:pt x="373" y="160"/>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7" name="Freeform 542">
            <a:extLst>
              <a:ext uri="{FF2B5EF4-FFF2-40B4-BE49-F238E27FC236}">
                <a16:creationId xmlns:a16="http://schemas.microsoft.com/office/drawing/2014/main" id="{38F2F42B-E4D1-8B32-F194-D0AB4BADF5E8}"/>
              </a:ext>
            </a:extLst>
          </p:cNvPr>
          <p:cNvSpPr>
            <a:spLocks noChangeAspect="1" noEditPoints="1"/>
          </p:cNvSpPr>
          <p:nvPr/>
        </p:nvSpPr>
        <p:spPr bwMode="auto">
          <a:xfrm>
            <a:off x="1734657" y="4643855"/>
            <a:ext cx="369021" cy="369021"/>
          </a:xfrm>
          <a:custGeom>
            <a:avLst/>
            <a:gdLst>
              <a:gd name="T0" fmla="*/ 256 w 512"/>
              <a:gd name="T1" fmla="*/ 266 h 512"/>
              <a:gd name="T2" fmla="*/ 256 w 512"/>
              <a:gd name="T3" fmla="*/ 245 h 512"/>
              <a:gd name="T4" fmla="*/ 512 w 512"/>
              <a:gd name="T5" fmla="*/ 256 h 512"/>
              <a:gd name="T6" fmla="*/ 0 w 512"/>
              <a:gd name="T7" fmla="*/ 256 h 512"/>
              <a:gd name="T8" fmla="*/ 512 w 512"/>
              <a:gd name="T9" fmla="*/ 256 h 512"/>
              <a:gd name="T10" fmla="*/ 384 w 512"/>
              <a:gd name="T11" fmla="*/ 193 h 512"/>
              <a:gd name="T12" fmla="*/ 266 w 512"/>
              <a:gd name="T13" fmla="*/ 128 h 512"/>
              <a:gd name="T14" fmla="*/ 256 w 512"/>
              <a:gd name="T15" fmla="*/ 96 h 512"/>
              <a:gd name="T16" fmla="*/ 245 w 512"/>
              <a:gd name="T17" fmla="*/ 224 h 512"/>
              <a:gd name="T18" fmla="*/ 224 w 512"/>
              <a:gd name="T19" fmla="*/ 256 h 512"/>
              <a:gd name="T20" fmla="*/ 160 w 512"/>
              <a:gd name="T21" fmla="*/ 302 h 512"/>
              <a:gd name="T22" fmla="*/ 173 w 512"/>
              <a:gd name="T23" fmla="*/ 189 h 512"/>
              <a:gd name="T24" fmla="*/ 185 w 512"/>
              <a:gd name="T25" fmla="*/ 218 h 512"/>
              <a:gd name="T26" fmla="*/ 195 w 512"/>
              <a:gd name="T27" fmla="*/ 207 h 512"/>
              <a:gd name="T28" fmla="*/ 181 w 512"/>
              <a:gd name="T29" fmla="*/ 151 h 512"/>
              <a:gd name="T30" fmla="*/ 126 w 512"/>
              <a:gd name="T31" fmla="*/ 166 h 512"/>
              <a:gd name="T32" fmla="*/ 137 w 512"/>
              <a:gd name="T33" fmla="*/ 176 h 512"/>
              <a:gd name="T34" fmla="*/ 128 w 512"/>
              <a:gd name="T35" fmla="*/ 256 h 512"/>
              <a:gd name="T36" fmla="*/ 124 w 512"/>
              <a:gd name="T37" fmla="*/ 323 h 512"/>
              <a:gd name="T38" fmla="*/ 129 w 512"/>
              <a:gd name="T39" fmla="*/ 343 h 512"/>
              <a:gd name="T40" fmla="*/ 236 w 512"/>
              <a:gd name="T41" fmla="*/ 281 h 512"/>
              <a:gd name="T42" fmla="*/ 276 w 512"/>
              <a:gd name="T43" fmla="*/ 280 h 512"/>
              <a:gd name="T44" fmla="*/ 256 w 512"/>
              <a:gd name="T45" fmla="*/ 362 h 512"/>
              <a:gd name="T46" fmla="*/ 255 w 512"/>
              <a:gd name="T47" fmla="*/ 350 h 512"/>
              <a:gd name="T48" fmla="*/ 243 w 512"/>
              <a:gd name="T49" fmla="*/ 333 h 512"/>
              <a:gd name="T50" fmla="*/ 206 w 512"/>
              <a:gd name="T51" fmla="*/ 358 h 512"/>
              <a:gd name="T52" fmla="*/ 228 w 512"/>
              <a:gd name="T53" fmla="*/ 410 h 512"/>
              <a:gd name="T54" fmla="*/ 242 w 512"/>
              <a:gd name="T55" fmla="*/ 413 h 512"/>
              <a:gd name="T56" fmla="*/ 235 w 512"/>
              <a:gd name="T57" fmla="*/ 382 h 512"/>
              <a:gd name="T58" fmla="*/ 360 w 512"/>
              <a:gd name="T59" fmla="*/ 330 h 512"/>
              <a:gd name="T60" fmla="*/ 384 w 512"/>
              <a:gd name="T61" fmla="*/ 343 h 512"/>
              <a:gd name="T62" fmla="*/ 389 w 512"/>
              <a:gd name="T63" fmla="*/ 323 h 512"/>
              <a:gd name="T64" fmla="*/ 288 w 512"/>
              <a:gd name="T65" fmla="*/ 256 h 512"/>
              <a:gd name="T66" fmla="*/ 266 w 512"/>
              <a:gd name="T67" fmla="*/ 224 h 512"/>
              <a:gd name="T68" fmla="*/ 355 w 512"/>
              <a:gd name="T69" fmla="*/ 217 h 512"/>
              <a:gd name="T70" fmla="*/ 324 w 512"/>
              <a:gd name="T71" fmla="*/ 214 h 512"/>
              <a:gd name="T72" fmla="*/ 369 w 512"/>
              <a:gd name="T73" fmla="*/ 248 h 512"/>
              <a:gd name="T74" fmla="*/ 383 w 512"/>
              <a:gd name="T75" fmla="*/ 243 h 512"/>
              <a:gd name="T76" fmla="*/ 399 w 512"/>
              <a:gd name="T77" fmla="*/ 1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66" y="256"/>
                </a:moveTo>
                <a:cubicBezTo>
                  <a:pt x="266" y="262"/>
                  <a:pt x="262" y="266"/>
                  <a:pt x="256" y="266"/>
                </a:cubicBezTo>
                <a:cubicBezTo>
                  <a:pt x="250" y="266"/>
                  <a:pt x="245" y="262"/>
                  <a:pt x="245" y="256"/>
                </a:cubicBezTo>
                <a:cubicBezTo>
                  <a:pt x="245" y="250"/>
                  <a:pt x="250" y="245"/>
                  <a:pt x="256" y="245"/>
                </a:cubicBezTo>
                <a:cubicBezTo>
                  <a:pt x="262" y="245"/>
                  <a:pt x="266" y="250"/>
                  <a:pt x="266"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9" y="188"/>
                </a:moveTo>
                <a:cubicBezTo>
                  <a:pt x="393" y="186"/>
                  <a:pt x="387" y="188"/>
                  <a:pt x="384" y="193"/>
                </a:cubicBezTo>
                <a:cubicBezTo>
                  <a:pt x="376" y="211"/>
                  <a:pt x="376" y="211"/>
                  <a:pt x="376" y="211"/>
                </a:cubicBezTo>
                <a:cubicBezTo>
                  <a:pt x="358" y="165"/>
                  <a:pt x="316" y="132"/>
                  <a:pt x="266" y="128"/>
                </a:cubicBezTo>
                <a:cubicBezTo>
                  <a:pt x="266" y="106"/>
                  <a:pt x="266" y="106"/>
                  <a:pt x="266" y="106"/>
                </a:cubicBezTo>
                <a:cubicBezTo>
                  <a:pt x="266" y="100"/>
                  <a:pt x="262" y="96"/>
                  <a:pt x="256" y="96"/>
                </a:cubicBezTo>
                <a:cubicBezTo>
                  <a:pt x="250" y="96"/>
                  <a:pt x="245" y="100"/>
                  <a:pt x="245" y="106"/>
                </a:cubicBezTo>
                <a:cubicBezTo>
                  <a:pt x="245" y="224"/>
                  <a:pt x="245" y="224"/>
                  <a:pt x="245" y="224"/>
                </a:cubicBezTo>
                <a:cubicBezTo>
                  <a:pt x="245" y="224"/>
                  <a:pt x="245" y="225"/>
                  <a:pt x="245" y="226"/>
                </a:cubicBezTo>
                <a:cubicBezTo>
                  <a:pt x="233" y="230"/>
                  <a:pt x="224" y="242"/>
                  <a:pt x="224" y="256"/>
                </a:cubicBezTo>
                <a:cubicBezTo>
                  <a:pt x="224" y="258"/>
                  <a:pt x="224" y="261"/>
                  <a:pt x="225" y="263"/>
                </a:cubicBezTo>
                <a:cubicBezTo>
                  <a:pt x="160" y="302"/>
                  <a:pt x="160" y="302"/>
                  <a:pt x="160" y="302"/>
                </a:cubicBezTo>
                <a:cubicBezTo>
                  <a:pt x="153" y="287"/>
                  <a:pt x="149" y="272"/>
                  <a:pt x="149" y="256"/>
                </a:cubicBezTo>
                <a:cubicBezTo>
                  <a:pt x="149" y="231"/>
                  <a:pt x="158" y="207"/>
                  <a:pt x="173" y="189"/>
                </a:cubicBezTo>
                <a:cubicBezTo>
                  <a:pt x="174" y="208"/>
                  <a:pt x="174" y="208"/>
                  <a:pt x="174" y="208"/>
                </a:cubicBezTo>
                <a:cubicBezTo>
                  <a:pt x="174" y="214"/>
                  <a:pt x="179" y="218"/>
                  <a:pt x="185" y="218"/>
                </a:cubicBezTo>
                <a:cubicBezTo>
                  <a:pt x="185" y="218"/>
                  <a:pt x="185" y="218"/>
                  <a:pt x="185" y="218"/>
                </a:cubicBezTo>
                <a:cubicBezTo>
                  <a:pt x="191" y="217"/>
                  <a:pt x="196" y="212"/>
                  <a:pt x="195" y="207"/>
                </a:cubicBezTo>
                <a:cubicBezTo>
                  <a:pt x="192" y="161"/>
                  <a:pt x="192" y="161"/>
                  <a:pt x="192" y="161"/>
                </a:cubicBezTo>
                <a:cubicBezTo>
                  <a:pt x="192" y="155"/>
                  <a:pt x="187" y="151"/>
                  <a:pt x="181" y="151"/>
                </a:cubicBezTo>
                <a:cubicBezTo>
                  <a:pt x="136" y="154"/>
                  <a:pt x="136" y="154"/>
                  <a:pt x="136" y="154"/>
                </a:cubicBezTo>
                <a:cubicBezTo>
                  <a:pt x="130" y="155"/>
                  <a:pt x="126" y="160"/>
                  <a:pt x="126" y="166"/>
                </a:cubicBezTo>
                <a:cubicBezTo>
                  <a:pt x="126" y="171"/>
                  <a:pt x="131" y="176"/>
                  <a:pt x="137" y="176"/>
                </a:cubicBezTo>
                <a:cubicBezTo>
                  <a:pt x="137" y="176"/>
                  <a:pt x="137" y="176"/>
                  <a:pt x="137" y="176"/>
                </a:cubicBezTo>
                <a:cubicBezTo>
                  <a:pt x="157" y="174"/>
                  <a:pt x="157" y="174"/>
                  <a:pt x="157" y="174"/>
                </a:cubicBezTo>
                <a:cubicBezTo>
                  <a:pt x="138" y="197"/>
                  <a:pt x="128" y="226"/>
                  <a:pt x="128" y="256"/>
                </a:cubicBezTo>
                <a:cubicBezTo>
                  <a:pt x="128" y="276"/>
                  <a:pt x="133" y="295"/>
                  <a:pt x="141" y="313"/>
                </a:cubicBezTo>
                <a:cubicBezTo>
                  <a:pt x="124" y="323"/>
                  <a:pt x="124" y="323"/>
                  <a:pt x="124" y="323"/>
                </a:cubicBezTo>
                <a:cubicBezTo>
                  <a:pt x="119" y="326"/>
                  <a:pt x="117" y="333"/>
                  <a:pt x="120" y="338"/>
                </a:cubicBezTo>
                <a:cubicBezTo>
                  <a:pt x="122" y="341"/>
                  <a:pt x="126" y="343"/>
                  <a:pt x="129" y="343"/>
                </a:cubicBezTo>
                <a:cubicBezTo>
                  <a:pt x="131" y="343"/>
                  <a:pt x="133" y="342"/>
                  <a:pt x="135" y="341"/>
                </a:cubicBezTo>
                <a:cubicBezTo>
                  <a:pt x="236" y="281"/>
                  <a:pt x="236" y="281"/>
                  <a:pt x="236" y="281"/>
                </a:cubicBezTo>
                <a:cubicBezTo>
                  <a:pt x="242" y="285"/>
                  <a:pt x="248" y="288"/>
                  <a:pt x="256" y="288"/>
                </a:cubicBezTo>
                <a:cubicBezTo>
                  <a:pt x="263" y="288"/>
                  <a:pt x="270" y="285"/>
                  <a:pt x="276" y="280"/>
                </a:cubicBezTo>
                <a:cubicBezTo>
                  <a:pt x="341" y="319"/>
                  <a:pt x="341" y="319"/>
                  <a:pt x="341" y="319"/>
                </a:cubicBezTo>
                <a:cubicBezTo>
                  <a:pt x="321" y="346"/>
                  <a:pt x="290" y="362"/>
                  <a:pt x="256" y="362"/>
                </a:cubicBezTo>
                <a:cubicBezTo>
                  <a:pt x="250" y="362"/>
                  <a:pt x="245" y="362"/>
                  <a:pt x="239" y="361"/>
                </a:cubicBezTo>
                <a:cubicBezTo>
                  <a:pt x="255" y="350"/>
                  <a:pt x="255" y="350"/>
                  <a:pt x="255" y="350"/>
                </a:cubicBezTo>
                <a:cubicBezTo>
                  <a:pt x="260" y="347"/>
                  <a:pt x="261" y="340"/>
                  <a:pt x="258" y="336"/>
                </a:cubicBezTo>
                <a:cubicBezTo>
                  <a:pt x="255" y="331"/>
                  <a:pt x="248" y="329"/>
                  <a:pt x="243" y="333"/>
                </a:cubicBezTo>
                <a:cubicBezTo>
                  <a:pt x="206" y="358"/>
                  <a:pt x="206" y="358"/>
                  <a:pt x="206" y="358"/>
                </a:cubicBezTo>
                <a:cubicBezTo>
                  <a:pt x="206" y="358"/>
                  <a:pt x="206" y="358"/>
                  <a:pt x="206" y="358"/>
                </a:cubicBezTo>
                <a:cubicBezTo>
                  <a:pt x="201" y="361"/>
                  <a:pt x="199" y="367"/>
                  <a:pt x="203" y="372"/>
                </a:cubicBezTo>
                <a:cubicBezTo>
                  <a:pt x="228" y="410"/>
                  <a:pt x="228" y="410"/>
                  <a:pt x="228" y="410"/>
                </a:cubicBezTo>
                <a:cubicBezTo>
                  <a:pt x="230" y="413"/>
                  <a:pt x="233" y="415"/>
                  <a:pt x="237" y="415"/>
                </a:cubicBezTo>
                <a:cubicBezTo>
                  <a:pt x="239" y="415"/>
                  <a:pt x="241" y="414"/>
                  <a:pt x="242" y="413"/>
                </a:cubicBezTo>
                <a:cubicBezTo>
                  <a:pt x="247" y="410"/>
                  <a:pt x="249" y="403"/>
                  <a:pt x="245" y="398"/>
                </a:cubicBezTo>
                <a:cubicBezTo>
                  <a:pt x="235" y="382"/>
                  <a:pt x="235" y="382"/>
                  <a:pt x="235" y="382"/>
                </a:cubicBezTo>
                <a:cubicBezTo>
                  <a:pt x="242" y="383"/>
                  <a:pt x="249" y="384"/>
                  <a:pt x="256" y="384"/>
                </a:cubicBezTo>
                <a:cubicBezTo>
                  <a:pt x="297" y="384"/>
                  <a:pt x="336" y="363"/>
                  <a:pt x="360" y="330"/>
                </a:cubicBezTo>
                <a:cubicBezTo>
                  <a:pt x="378" y="341"/>
                  <a:pt x="378" y="341"/>
                  <a:pt x="378" y="341"/>
                </a:cubicBezTo>
                <a:cubicBezTo>
                  <a:pt x="380" y="342"/>
                  <a:pt x="382" y="343"/>
                  <a:pt x="384" y="343"/>
                </a:cubicBezTo>
                <a:cubicBezTo>
                  <a:pt x="388" y="343"/>
                  <a:pt x="391" y="341"/>
                  <a:pt x="393" y="338"/>
                </a:cubicBezTo>
                <a:cubicBezTo>
                  <a:pt x="396" y="333"/>
                  <a:pt x="394" y="326"/>
                  <a:pt x="389" y="323"/>
                </a:cubicBezTo>
                <a:cubicBezTo>
                  <a:pt x="287" y="262"/>
                  <a:pt x="287" y="262"/>
                  <a:pt x="287" y="262"/>
                </a:cubicBezTo>
                <a:cubicBezTo>
                  <a:pt x="287" y="260"/>
                  <a:pt x="288" y="258"/>
                  <a:pt x="288" y="256"/>
                </a:cubicBezTo>
                <a:cubicBezTo>
                  <a:pt x="288" y="242"/>
                  <a:pt x="279" y="230"/>
                  <a:pt x="266" y="226"/>
                </a:cubicBezTo>
                <a:cubicBezTo>
                  <a:pt x="266" y="225"/>
                  <a:pt x="266" y="224"/>
                  <a:pt x="266" y="224"/>
                </a:cubicBezTo>
                <a:cubicBezTo>
                  <a:pt x="266" y="150"/>
                  <a:pt x="266" y="150"/>
                  <a:pt x="266" y="150"/>
                </a:cubicBezTo>
                <a:cubicBezTo>
                  <a:pt x="307" y="154"/>
                  <a:pt x="341" y="180"/>
                  <a:pt x="355" y="217"/>
                </a:cubicBezTo>
                <a:cubicBezTo>
                  <a:pt x="338" y="209"/>
                  <a:pt x="338" y="209"/>
                  <a:pt x="338" y="209"/>
                </a:cubicBezTo>
                <a:cubicBezTo>
                  <a:pt x="333" y="206"/>
                  <a:pt x="326" y="208"/>
                  <a:pt x="324" y="214"/>
                </a:cubicBezTo>
                <a:cubicBezTo>
                  <a:pt x="321" y="219"/>
                  <a:pt x="323" y="225"/>
                  <a:pt x="328" y="228"/>
                </a:cubicBezTo>
                <a:cubicBezTo>
                  <a:pt x="369" y="248"/>
                  <a:pt x="369" y="248"/>
                  <a:pt x="369" y="248"/>
                </a:cubicBezTo>
                <a:cubicBezTo>
                  <a:pt x="370" y="249"/>
                  <a:pt x="372" y="249"/>
                  <a:pt x="374" y="249"/>
                </a:cubicBezTo>
                <a:cubicBezTo>
                  <a:pt x="378" y="249"/>
                  <a:pt x="381" y="247"/>
                  <a:pt x="383" y="243"/>
                </a:cubicBezTo>
                <a:cubicBezTo>
                  <a:pt x="403" y="203"/>
                  <a:pt x="403" y="203"/>
                  <a:pt x="403" y="203"/>
                </a:cubicBezTo>
                <a:cubicBezTo>
                  <a:pt x="406" y="197"/>
                  <a:pt x="404" y="191"/>
                  <a:pt x="399" y="188"/>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48" name="Freeform 379">
            <a:extLst>
              <a:ext uri="{FF2B5EF4-FFF2-40B4-BE49-F238E27FC236}">
                <a16:creationId xmlns:a16="http://schemas.microsoft.com/office/drawing/2014/main" id="{8B78985A-80B6-6716-327C-E22D936F2A7F}"/>
              </a:ext>
            </a:extLst>
          </p:cNvPr>
          <p:cNvSpPr>
            <a:spLocks noChangeAspect="1" noEditPoints="1"/>
          </p:cNvSpPr>
          <p:nvPr/>
        </p:nvSpPr>
        <p:spPr bwMode="auto">
          <a:xfrm>
            <a:off x="1845536" y="3455207"/>
            <a:ext cx="369021" cy="369021"/>
          </a:xfrm>
          <a:custGeom>
            <a:avLst/>
            <a:gdLst>
              <a:gd name="T0" fmla="*/ 350 w 512"/>
              <a:gd name="T1" fmla="*/ 283 h 512"/>
              <a:gd name="T2" fmla="*/ 394 w 512"/>
              <a:gd name="T3" fmla="*/ 344 h 512"/>
              <a:gd name="T4" fmla="*/ 394 w 512"/>
              <a:gd name="T5" fmla="*/ 352 h 512"/>
              <a:gd name="T6" fmla="*/ 117 w 512"/>
              <a:gd name="T7" fmla="*/ 352 h 512"/>
              <a:gd name="T8" fmla="*/ 117 w 512"/>
              <a:gd name="T9" fmla="*/ 324 h 512"/>
              <a:gd name="T10" fmla="*/ 208 w 512"/>
              <a:gd name="T11" fmla="*/ 233 h 512"/>
              <a:gd name="T12" fmla="*/ 296 w 512"/>
              <a:gd name="T13" fmla="*/ 322 h 512"/>
              <a:gd name="T14" fmla="*/ 311 w 512"/>
              <a:gd name="T15" fmla="*/ 322 h 512"/>
              <a:gd name="T16" fmla="*/ 350 w 512"/>
              <a:gd name="T17" fmla="*/ 283 h 512"/>
              <a:gd name="T18" fmla="*/ 117 w 512"/>
              <a:gd name="T19" fmla="*/ 160 h 512"/>
              <a:gd name="T20" fmla="*/ 394 w 512"/>
              <a:gd name="T21" fmla="*/ 160 h 512"/>
              <a:gd name="T22" fmla="*/ 394 w 512"/>
              <a:gd name="T23" fmla="*/ 308 h 512"/>
              <a:gd name="T24" fmla="*/ 360 w 512"/>
              <a:gd name="T25" fmla="*/ 260 h 512"/>
              <a:gd name="T26" fmla="*/ 353 w 512"/>
              <a:gd name="T27" fmla="*/ 256 h 512"/>
              <a:gd name="T28" fmla="*/ 344 w 512"/>
              <a:gd name="T29" fmla="*/ 259 h 512"/>
              <a:gd name="T30" fmla="*/ 304 w 512"/>
              <a:gd name="T31" fmla="*/ 299 h 512"/>
              <a:gd name="T32" fmla="*/ 215 w 512"/>
              <a:gd name="T33" fmla="*/ 211 h 512"/>
              <a:gd name="T34" fmla="*/ 200 w 512"/>
              <a:gd name="T35" fmla="*/ 211 h 512"/>
              <a:gd name="T36" fmla="*/ 117 w 512"/>
              <a:gd name="T37" fmla="*/ 294 h 512"/>
              <a:gd name="T38" fmla="*/ 117 w 512"/>
              <a:gd name="T39" fmla="*/ 160 h 512"/>
              <a:gd name="T40" fmla="*/ 288 w 512"/>
              <a:gd name="T41" fmla="*/ 213 h 512"/>
              <a:gd name="T42" fmla="*/ 309 w 512"/>
              <a:gd name="T43" fmla="*/ 234 h 512"/>
              <a:gd name="T44" fmla="*/ 330 w 512"/>
              <a:gd name="T45" fmla="*/ 213 h 512"/>
              <a:gd name="T46" fmla="*/ 309 w 512"/>
              <a:gd name="T47" fmla="*/ 192 h 512"/>
              <a:gd name="T48" fmla="*/ 288 w 512"/>
              <a:gd name="T49" fmla="*/ 213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416 w 512"/>
              <a:gd name="T61" fmla="*/ 149 h 512"/>
              <a:gd name="T62" fmla="*/ 405 w 512"/>
              <a:gd name="T63" fmla="*/ 138 h 512"/>
              <a:gd name="T64" fmla="*/ 106 w 512"/>
              <a:gd name="T65" fmla="*/ 138 h 512"/>
              <a:gd name="T66" fmla="*/ 96 w 512"/>
              <a:gd name="T67" fmla="*/ 149 h 512"/>
              <a:gd name="T68" fmla="*/ 96 w 512"/>
              <a:gd name="T69" fmla="*/ 362 h 512"/>
              <a:gd name="T70" fmla="*/ 106 w 512"/>
              <a:gd name="T71" fmla="*/ 373 h 512"/>
              <a:gd name="T72" fmla="*/ 405 w 512"/>
              <a:gd name="T73" fmla="*/ 373 h 512"/>
              <a:gd name="T74" fmla="*/ 416 w 512"/>
              <a:gd name="T75" fmla="*/ 362 h 512"/>
              <a:gd name="T76" fmla="*/ 416 w 512"/>
              <a:gd name="T7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350" y="283"/>
                </a:moveTo>
                <a:cubicBezTo>
                  <a:pt x="394" y="344"/>
                  <a:pt x="394" y="344"/>
                  <a:pt x="394" y="344"/>
                </a:cubicBezTo>
                <a:cubicBezTo>
                  <a:pt x="394" y="352"/>
                  <a:pt x="394" y="352"/>
                  <a:pt x="394" y="352"/>
                </a:cubicBezTo>
                <a:cubicBezTo>
                  <a:pt x="117" y="352"/>
                  <a:pt x="117" y="352"/>
                  <a:pt x="117" y="352"/>
                </a:cubicBezTo>
                <a:cubicBezTo>
                  <a:pt x="117" y="324"/>
                  <a:pt x="117" y="324"/>
                  <a:pt x="117" y="324"/>
                </a:cubicBezTo>
                <a:cubicBezTo>
                  <a:pt x="208" y="233"/>
                  <a:pt x="208" y="233"/>
                  <a:pt x="208" y="233"/>
                </a:cubicBezTo>
                <a:cubicBezTo>
                  <a:pt x="296" y="322"/>
                  <a:pt x="296" y="322"/>
                  <a:pt x="296" y="322"/>
                </a:cubicBezTo>
                <a:cubicBezTo>
                  <a:pt x="300" y="326"/>
                  <a:pt x="307" y="326"/>
                  <a:pt x="311" y="322"/>
                </a:cubicBezTo>
                <a:lnTo>
                  <a:pt x="350" y="283"/>
                </a:lnTo>
                <a:close/>
                <a:moveTo>
                  <a:pt x="117" y="160"/>
                </a:moveTo>
                <a:cubicBezTo>
                  <a:pt x="394" y="160"/>
                  <a:pt x="394" y="160"/>
                  <a:pt x="394" y="160"/>
                </a:cubicBezTo>
                <a:cubicBezTo>
                  <a:pt x="394" y="308"/>
                  <a:pt x="394" y="308"/>
                  <a:pt x="394" y="308"/>
                </a:cubicBezTo>
                <a:cubicBezTo>
                  <a:pt x="360" y="260"/>
                  <a:pt x="360" y="260"/>
                  <a:pt x="360" y="260"/>
                </a:cubicBezTo>
                <a:cubicBezTo>
                  <a:pt x="359" y="258"/>
                  <a:pt x="356" y="256"/>
                  <a:pt x="353" y="256"/>
                </a:cubicBezTo>
                <a:cubicBezTo>
                  <a:pt x="349" y="255"/>
                  <a:pt x="346" y="257"/>
                  <a:pt x="344" y="259"/>
                </a:cubicBezTo>
                <a:cubicBezTo>
                  <a:pt x="304" y="299"/>
                  <a:pt x="304" y="299"/>
                  <a:pt x="304" y="299"/>
                </a:cubicBezTo>
                <a:cubicBezTo>
                  <a:pt x="215" y="211"/>
                  <a:pt x="215" y="211"/>
                  <a:pt x="215" y="211"/>
                </a:cubicBezTo>
                <a:cubicBezTo>
                  <a:pt x="211" y="207"/>
                  <a:pt x="204" y="207"/>
                  <a:pt x="200" y="211"/>
                </a:cubicBezTo>
                <a:cubicBezTo>
                  <a:pt x="117" y="294"/>
                  <a:pt x="117" y="294"/>
                  <a:pt x="117" y="294"/>
                </a:cubicBezTo>
                <a:lnTo>
                  <a:pt x="117" y="160"/>
                </a:lnTo>
                <a:close/>
                <a:moveTo>
                  <a:pt x="288" y="213"/>
                </a:moveTo>
                <a:cubicBezTo>
                  <a:pt x="288" y="225"/>
                  <a:pt x="297" y="234"/>
                  <a:pt x="309" y="234"/>
                </a:cubicBezTo>
                <a:cubicBezTo>
                  <a:pt x="321" y="234"/>
                  <a:pt x="330" y="225"/>
                  <a:pt x="330" y="213"/>
                </a:cubicBezTo>
                <a:cubicBezTo>
                  <a:pt x="330" y="201"/>
                  <a:pt x="321" y="192"/>
                  <a:pt x="309" y="192"/>
                </a:cubicBezTo>
                <a:cubicBezTo>
                  <a:pt x="297" y="192"/>
                  <a:pt x="288" y="201"/>
                  <a:pt x="28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55" name="Freeform 373">
            <a:extLst>
              <a:ext uri="{FF2B5EF4-FFF2-40B4-BE49-F238E27FC236}">
                <a16:creationId xmlns:a16="http://schemas.microsoft.com/office/drawing/2014/main" id="{2CAF1691-AC94-911E-558F-ACA7FDD01ADB}"/>
              </a:ext>
            </a:extLst>
          </p:cNvPr>
          <p:cNvSpPr>
            <a:spLocks noChangeAspect="1" noEditPoints="1"/>
          </p:cNvSpPr>
          <p:nvPr/>
        </p:nvSpPr>
        <p:spPr bwMode="auto">
          <a:xfrm>
            <a:off x="1867954" y="2333869"/>
            <a:ext cx="367982" cy="36798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256 h 512"/>
              <a:gd name="T12" fmla="*/ 362 w 512"/>
              <a:gd name="T13" fmla="*/ 245 h 512"/>
              <a:gd name="T14" fmla="*/ 373 w 512"/>
              <a:gd name="T15" fmla="*/ 256 h 512"/>
              <a:gd name="T16" fmla="*/ 373 w 512"/>
              <a:gd name="T17" fmla="*/ 320 h 512"/>
              <a:gd name="T18" fmla="*/ 362 w 512"/>
              <a:gd name="T19" fmla="*/ 330 h 512"/>
              <a:gd name="T20" fmla="*/ 352 w 512"/>
              <a:gd name="T21" fmla="*/ 320 h 512"/>
              <a:gd name="T22" fmla="*/ 352 w 512"/>
              <a:gd name="T23" fmla="*/ 256 h 512"/>
              <a:gd name="T24" fmla="*/ 309 w 512"/>
              <a:gd name="T25" fmla="*/ 170 h 512"/>
              <a:gd name="T26" fmla="*/ 320 w 512"/>
              <a:gd name="T27" fmla="*/ 160 h 512"/>
              <a:gd name="T28" fmla="*/ 330 w 512"/>
              <a:gd name="T29" fmla="*/ 170 h 512"/>
              <a:gd name="T30" fmla="*/ 330 w 512"/>
              <a:gd name="T31" fmla="*/ 320 h 512"/>
              <a:gd name="T32" fmla="*/ 320 w 512"/>
              <a:gd name="T33" fmla="*/ 330 h 512"/>
              <a:gd name="T34" fmla="*/ 309 w 512"/>
              <a:gd name="T35" fmla="*/ 320 h 512"/>
              <a:gd name="T36" fmla="*/ 309 w 512"/>
              <a:gd name="T37" fmla="*/ 170 h 512"/>
              <a:gd name="T38" fmla="*/ 266 w 512"/>
              <a:gd name="T39" fmla="*/ 202 h 512"/>
              <a:gd name="T40" fmla="*/ 277 w 512"/>
              <a:gd name="T41" fmla="*/ 192 h 512"/>
              <a:gd name="T42" fmla="*/ 288 w 512"/>
              <a:gd name="T43" fmla="*/ 202 h 512"/>
              <a:gd name="T44" fmla="*/ 288 w 512"/>
              <a:gd name="T45" fmla="*/ 320 h 512"/>
              <a:gd name="T46" fmla="*/ 277 w 512"/>
              <a:gd name="T47" fmla="*/ 330 h 512"/>
              <a:gd name="T48" fmla="*/ 266 w 512"/>
              <a:gd name="T49" fmla="*/ 320 h 512"/>
              <a:gd name="T50" fmla="*/ 266 w 512"/>
              <a:gd name="T51" fmla="*/ 202 h 512"/>
              <a:gd name="T52" fmla="*/ 224 w 512"/>
              <a:gd name="T53" fmla="*/ 149 h 512"/>
              <a:gd name="T54" fmla="*/ 234 w 512"/>
              <a:gd name="T55" fmla="*/ 138 h 512"/>
              <a:gd name="T56" fmla="*/ 245 w 512"/>
              <a:gd name="T57" fmla="*/ 149 h 512"/>
              <a:gd name="T58" fmla="*/ 245 w 512"/>
              <a:gd name="T59" fmla="*/ 320 h 512"/>
              <a:gd name="T60" fmla="*/ 234 w 512"/>
              <a:gd name="T61" fmla="*/ 330 h 512"/>
              <a:gd name="T62" fmla="*/ 224 w 512"/>
              <a:gd name="T63" fmla="*/ 320 h 512"/>
              <a:gd name="T64" fmla="*/ 224 w 512"/>
              <a:gd name="T65" fmla="*/ 149 h 512"/>
              <a:gd name="T66" fmla="*/ 181 w 512"/>
              <a:gd name="T67" fmla="*/ 245 h 512"/>
              <a:gd name="T68" fmla="*/ 192 w 512"/>
              <a:gd name="T69" fmla="*/ 234 h 512"/>
              <a:gd name="T70" fmla="*/ 202 w 512"/>
              <a:gd name="T71" fmla="*/ 245 h 512"/>
              <a:gd name="T72" fmla="*/ 202 w 512"/>
              <a:gd name="T73" fmla="*/ 320 h 512"/>
              <a:gd name="T74" fmla="*/ 192 w 512"/>
              <a:gd name="T75" fmla="*/ 330 h 512"/>
              <a:gd name="T76" fmla="*/ 181 w 512"/>
              <a:gd name="T77" fmla="*/ 320 h 512"/>
              <a:gd name="T78" fmla="*/ 181 w 512"/>
              <a:gd name="T79" fmla="*/ 245 h 512"/>
              <a:gd name="T80" fmla="*/ 138 w 512"/>
              <a:gd name="T81" fmla="*/ 277 h 512"/>
              <a:gd name="T82" fmla="*/ 149 w 512"/>
              <a:gd name="T83" fmla="*/ 266 h 512"/>
              <a:gd name="T84" fmla="*/ 160 w 512"/>
              <a:gd name="T85" fmla="*/ 277 h 512"/>
              <a:gd name="T86" fmla="*/ 160 w 512"/>
              <a:gd name="T87" fmla="*/ 320 h 512"/>
              <a:gd name="T88" fmla="*/ 149 w 512"/>
              <a:gd name="T89" fmla="*/ 330 h 512"/>
              <a:gd name="T90" fmla="*/ 138 w 512"/>
              <a:gd name="T91" fmla="*/ 320 h 512"/>
              <a:gd name="T92" fmla="*/ 138 w 512"/>
              <a:gd name="T93" fmla="*/ 277 h 512"/>
              <a:gd name="T94" fmla="*/ 405 w 512"/>
              <a:gd name="T95" fmla="*/ 373 h 512"/>
              <a:gd name="T96" fmla="*/ 106 w 512"/>
              <a:gd name="T97" fmla="*/ 373 h 512"/>
              <a:gd name="T98" fmla="*/ 96 w 512"/>
              <a:gd name="T99" fmla="*/ 362 h 512"/>
              <a:gd name="T100" fmla="*/ 96 w 512"/>
              <a:gd name="T101" fmla="*/ 149 h 512"/>
              <a:gd name="T102" fmla="*/ 106 w 512"/>
              <a:gd name="T103" fmla="*/ 138 h 512"/>
              <a:gd name="T104" fmla="*/ 117 w 512"/>
              <a:gd name="T105" fmla="*/ 149 h 512"/>
              <a:gd name="T106" fmla="*/ 117 w 512"/>
              <a:gd name="T107" fmla="*/ 352 h 512"/>
              <a:gd name="T108" fmla="*/ 405 w 512"/>
              <a:gd name="T109" fmla="*/ 352 h 512"/>
              <a:gd name="T110" fmla="*/ 416 w 512"/>
              <a:gd name="T111" fmla="*/ 362 h 512"/>
              <a:gd name="T112" fmla="*/ 405 w 512"/>
              <a:gd name="T113"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52" y="256"/>
                </a:moveTo>
                <a:cubicBezTo>
                  <a:pt x="352" y="250"/>
                  <a:pt x="356" y="245"/>
                  <a:pt x="362" y="245"/>
                </a:cubicBezTo>
                <a:cubicBezTo>
                  <a:pt x="368" y="245"/>
                  <a:pt x="373" y="250"/>
                  <a:pt x="373" y="256"/>
                </a:cubicBezTo>
                <a:cubicBezTo>
                  <a:pt x="373" y="320"/>
                  <a:pt x="373" y="320"/>
                  <a:pt x="373" y="320"/>
                </a:cubicBezTo>
                <a:cubicBezTo>
                  <a:pt x="373" y="326"/>
                  <a:pt x="368" y="330"/>
                  <a:pt x="362" y="330"/>
                </a:cubicBezTo>
                <a:cubicBezTo>
                  <a:pt x="356" y="330"/>
                  <a:pt x="352" y="326"/>
                  <a:pt x="352" y="320"/>
                </a:cubicBezTo>
                <a:lnTo>
                  <a:pt x="352" y="256"/>
                </a:lnTo>
                <a:close/>
                <a:moveTo>
                  <a:pt x="309" y="170"/>
                </a:moveTo>
                <a:cubicBezTo>
                  <a:pt x="309" y="164"/>
                  <a:pt x="314" y="160"/>
                  <a:pt x="320" y="160"/>
                </a:cubicBezTo>
                <a:cubicBezTo>
                  <a:pt x="326" y="160"/>
                  <a:pt x="330" y="164"/>
                  <a:pt x="330" y="170"/>
                </a:cubicBezTo>
                <a:cubicBezTo>
                  <a:pt x="330" y="320"/>
                  <a:pt x="330" y="320"/>
                  <a:pt x="330" y="320"/>
                </a:cubicBezTo>
                <a:cubicBezTo>
                  <a:pt x="330" y="326"/>
                  <a:pt x="326" y="330"/>
                  <a:pt x="320" y="330"/>
                </a:cubicBezTo>
                <a:cubicBezTo>
                  <a:pt x="314" y="330"/>
                  <a:pt x="309" y="326"/>
                  <a:pt x="309" y="320"/>
                </a:cubicBezTo>
                <a:lnTo>
                  <a:pt x="309" y="170"/>
                </a:lnTo>
                <a:close/>
                <a:moveTo>
                  <a:pt x="266" y="202"/>
                </a:moveTo>
                <a:cubicBezTo>
                  <a:pt x="266" y="196"/>
                  <a:pt x="271" y="192"/>
                  <a:pt x="277" y="192"/>
                </a:cubicBezTo>
                <a:cubicBezTo>
                  <a:pt x="283" y="192"/>
                  <a:pt x="288" y="196"/>
                  <a:pt x="288" y="202"/>
                </a:cubicBezTo>
                <a:cubicBezTo>
                  <a:pt x="288" y="320"/>
                  <a:pt x="288" y="320"/>
                  <a:pt x="288" y="320"/>
                </a:cubicBezTo>
                <a:cubicBezTo>
                  <a:pt x="288" y="326"/>
                  <a:pt x="283" y="330"/>
                  <a:pt x="277" y="330"/>
                </a:cubicBezTo>
                <a:cubicBezTo>
                  <a:pt x="271" y="330"/>
                  <a:pt x="266" y="326"/>
                  <a:pt x="266" y="320"/>
                </a:cubicBezTo>
                <a:lnTo>
                  <a:pt x="266" y="202"/>
                </a:lnTo>
                <a:close/>
                <a:moveTo>
                  <a:pt x="224" y="149"/>
                </a:moveTo>
                <a:cubicBezTo>
                  <a:pt x="224" y="143"/>
                  <a:pt x="228" y="138"/>
                  <a:pt x="234" y="138"/>
                </a:cubicBezTo>
                <a:cubicBezTo>
                  <a:pt x="240" y="138"/>
                  <a:pt x="245" y="143"/>
                  <a:pt x="245" y="149"/>
                </a:cubicBezTo>
                <a:cubicBezTo>
                  <a:pt x="245" y="320"/>
                  <a:pt x="245" y="320"/>
                  <a:pt x="245" y="320"/>
                </a:cubicBezTo>
                <a:cubicBezTo>
                  <a:pt x="245" y="326"/>
                  <a:pt x="240" y="330"/>
                  <a:pt x="234" y="330"/>
                </a:cubicBezTo>
                <a:cubicBezTo>
                  <a:pt x="228" y="330"/>
                  <a:pt x="224" y="326"/>
                  <a:pt x="224" y="320"/>
                </a:cubicBezTo>
                <a:lnTo>
                  <a:pt x="224" y="149"/>
                </a:lnTo>
                <a:close/>
                <a:moveTo>
                  <a:pt x="181" y="245"/>
                </a:moveTo>
                <a:cubicBezTo>
                  <a:pt x="181" y="239"/>
                  <a:pt x="186" y="234"/>
                  <a:pt x="192" y="234"/>
                </a:cubicBezTo>
                <a:cubicBezTo>
                  <a:pt x="198" y="234"/>
                  <a:pt x="202" y="239"/>
                  <a:pt x="202" y="245"/>
                </a:cubicBezTo>
                <a:cubicBezTo>
                  <a:pt x="202" y="320"/>
                  <a:pt x="202" y="320"/>
                  <a:pt x="202" y="320"/>
                </a:cubicBezTo>
                <a:cubicBezTo>
                  <a:pt x="202" y="326"/>
                  <a:pt x="198" y="330"/>
                  <a:pt x="192" y="330"/>
                </a:cubicBezTo>
                <a:cubicBezTo>
                  <a:pt x="186" y="330"/>
                  <a:pt x="181" y="326"/>
                  <a:pt x="181" y="320"/>
                </a:cubicBezTo>
                <a:lnTo>
                  <a:pt x="181" y="245"/>
                </a:lnTo>
                <a:close/>
                <a:moveTo>
                  <a:pt x="138" y="277"/>
                </a:moveTo>
                <a:cubicBezTo>
                  <a:pt x="138" y="271"/>
                  <a:pt x="143" y="266"/>
                  <a:pt x="149" y="266"/>
                </a:cubicBezTo>
                <a:cubicBezTo>
                  <a:pt x="155" y="266"/>
                  <a:pt x="160" y="271"/>
                  <a:pt x="160" y="277"/>
                </a:cubicBezTo>
                <a:cubicBezTo>
                  <a:pt x="160" y="320"/>
                  <a:pt x="160" y="320"/>
                  <a:pt x="160" y="320"/>
                </a:cubicBezTo>
                <a:cubicBezTo>
                  <a:pt x="160" y="326"/>
                  <a:pt x="155" y="330"/>
                  <a:pt x="149" y="330"/>
                </a:cubicBezTo>
                <a:cubicBezTo>
                  <a:pt x="143" y="330"/>
                  <a:pt x="138" y="326"/>
                  <a:pt x="138" y="320"/>
                </a:cubicBezTo>
                <a:lnTo>
                  <a:pt x="138" y="277"/>
                </a:lnTo>
                <a:close/>
                <a:moveTo>
                  <a:pt x="405" y="373"/>
                </a:moveTo>
                <a:cubicBezTo>
                  <a:pt x="106" y="373"/>
                  <a:pt x="106"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352"/>
                  <a:pt x="117" y="352"/>
                  <a:pt x="117" y="352"/>
                </a:cubicBezTo>
                <a:cubicBezTo>
                  <a:pt x="405" y="352"/>
                  <a:pt x="405" y="352"/>
                  <a:pt x="405" y="352"/>
                </a:cubicBezTo>
                <a:cubicBezTo>
                  <a:pt x="411" y="352"/>
                  <a:pt x="416" y="356"/>
                  <a:pt x="416" y="362"/>
                </a:cubicBezTo>
                <a:cubicBezTo>
                  <a:pt x="416" y="368"/>
                  <a:pt x="411" y="373"/>
                  <a:pt x="405" y="373"/>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57" name="Freeform 737">
            <a:extLst>
              <a:ext uri="{FF2B5EF4-FFF2-40B4-BE49-F238E27FC236}">
                <a16:creationId xmlns:a16="http://schemas.microsoft.com/office/drawing/2014/main" id="{F299AEBD-ECDB-569F-A6F9-D3C3F9EFABB3}"/>
              </a:ext>
            </a:extLst>
          </p:cNvPr>
          <p:cNvSpPr>
            <a:spLocks noChangeAspect="1" noEditPoints="1"/>
          </p:cNvSpPr>
          <p:nvPr/>
        </p:nvSpPr>
        <p:spPr bwMode="auto">
          <a:xfrm>
            <a:off x="10297193" y="2272271"/>
            <a:ext cx="369676" cy="370763"/>
          </a:xfrm>
          <a:custGeom>
            <a:avLst/>
            <a:gdLst>
              <a:gd name="T0" fmla="*/ 245 w 512"/>
              <a:gd name="T1" fmla="*/ 214 h 512"/>
              <a:gd name="T2" fmla="*/ 264 w 512"/>
              <a:gd name="T3" fmla="*/ 224 h 512"/>
              <a:gd name="T4" fmla="*/ 245 w 512"/>
              <a:gd name="T5" fmla="*/ 233 h 512"/>
              <a:gd name="T6" fmla="*/ 245 w 512"/>
              <a:gd name="T7" fmla="*/ 214 h 512"/>
              <a:gd name="T8" fmla="*/ 256 w 512"/>
              <a:gd name="T9" fmla="*/ 298 h 512"/>
              <a:gd name="T10" fmla="*/ 341 w 512"/>
              <a:gd name="T11" fmla="*/ 308 h 512"/>
              <a:gd name="T12" fmla="*/ 256 w 512"/>
              <a:gd name="T13" fmla="*/ 384 h 512"/>
              <a:gd name="T14" fmla="*/ 171 w 512"/>
              <a:gd name="T15" fmla="*/ 308 h 512"/>
              <a:gd name="T16" fmla="*/ 256 w 512"/>
              <a:gd name="T17" fmla="*/ 298 h 512"/>
              <a:gd name="T18" fmla="*/ 280 w 512"/>
              <a:gd name="T19" fmla="*/ 333 h 512"/>
              <a:gd name="T20" fmla="*/ 256 w 512"/>
              <a:gd name="T21" fmla="*/ 341 h 512"/>
              <a:gd name="T22" fmla="*/ 231 w 512"/>
              <a:gd name="T23" fmla="*/ 333 h 512"/>
              <a:gd name="T24" fmla="*/ 216 w 512"/>
              <a:gd name="T25" fmla="*/ 334 h 512"/>
              <a:gd name="T26" fmla="*/ 216 w 512"/>
              <a:gd name="T27" fmla="*/ 349 h 512"/>
              <a:gd name="T28" fmla="*/ 256 w 512"/>
              <a:gd name="T29" fmla="*/ 362 h 512"/>
              <a:gd name="T30" fmla="*/ 295 w 512"/>
              <a:gd name="T31" fmla="*/ 349 h 512"/>
              <a:gd name="T32" fmla="*/ 295 w 512"/>
              <a:gd name="T33" fmla="*/ 334 h 512"/>
              <a:gd name="T34" fmla="*/ 280 w 512"/>
              <a:gd name="T35" fmla="*/ 333 h 512"/>
              <a:gd name="T36" fmla="*/ 256 w 512"/>
              <a:gd name="T37" fmla="*/ 128 h 512"/>
              <a:gd name="T38" fmla="*/ 200 w 512"/>
              <a:gd name="T39" fmla="*/ 149 h 512"/>
              <a:gd name="T40" fmla="*/ 312 w 512"/>
              <a:gd name="T41" fmla="*/ 149 h 512"/>
              <a:gd name="T42" fmla="*/ 256 w 512"/>
              <a:gd name="T43" fmla="*/ 128 h 512"/>
              <a:gd name="T44" fmla="*/ 512 w 512"/>
              <a:gd name="T45" fmla="*/ 256 h 512"/>
              <a:gd name="T46" fmla="*/ 256 w 512"/>
              <a:gd name="T47" fmla="*/ 512 h 512"/>
              <a:gd name="T48" fmla="*/ 0 w 512"/>
              <a:gd name="T49" fmla="*/ 256 h 512"/>
              <a:gd name="T50" fmla="*/ 256 w 512"/>
              <a:gd name="T51" fmla="*/ 0 h 512"/>
              <a:gd name="T52" fmla="*/ 512 w 512"/>
              <a:gd name="T53" fmla="*/ 256 h 512"/>
              <a:gd name="T54" fmla="*/ 405 w 512"/>
              <a:gd name="T55" fmla="*/ 297 h 512"/>
              <a:gd name="T56" fmla="*/ 395 w 512"/>
              <a:gd name="T57" fmla="*/ 170 h 512"/>
              <a:gd name="T58" fmla="*/ 375 w 512"/>
              <a:gd name="T59" fmla="*/ 149 h 512"/>
              <a:gd name="T60" fmla="*/ 339 w 512"/>
              <a:gd name="T61" fmla="*/ 149 h 512"/>
              <a:gd name="T62" fmla="*/ 256 w 512"/>
              <a:gd name="T63" fmla="*/ 106 h 512"/>
              <a:gd name="T64" fmla="*/ 172 w 512"/>
              <a:gd name="T65" fmla="*/ 149 h 512"/>
              <a:gd name="T66" fmla="*/ 137 w 512"/>
              <a:gd name="T67" fmla="*/ 149 h 512"/>
              <a:gd name="T68" fmla="*/ 116 w 512"/>
              <a:gd name="T69" fmla="*/ 169 h 512"/>
              <a:gd name="T70" fmla="*/ 106 w 512"/>
              <a:gd name="T71" fmla="*/ 298 h 512"/>
              <a:gd name="T72" fmla="*/ 127 w 512"/>
              <a:gd name="T73" fmla="*/ 318 h 512"/>
              <a:gd name="T74" fmla="*/ 130 w 512"/>
              <a:gd name="T75" fmla="*/ 318 h 512"/>
              <a:gd name="T76" fmla="*/ 150 w 512"/>
              <a:gd name="T77" fmla="*/ 313 h 512"/>
              <a:gd name="T78" fmla="*/ 256 w 512"/>
              <a:gd name="T79" fmla="*/ 405 h 512"/>
              <a:gd name="T80" fmla="*/ 362 w 512"/>
              <a:gd name="T81" fmla="*/ 313 h 512"/>
              <a:gd name="T82" fmla="*/ 382 w 512"/>
              <a:gd name="T83" fmla="*/ 318 h 512"/>
              <a:gd name="T84" fmla="*/ 384 w 512"/>
              <a:gd name="T85" fmla="*/ 318 h 512"/>
              <a:gd name="T86" fmla="*/ 405 w 512"/>
              <a:gd name="T87" fmla="*/ 297 h 512"/>
              <a:gd name="T88" fmla="*/ 373 w 512"/>
              <a:gd name="T89" fmla="*/ 170 h 512"/>
              <a:gd name="T90" fmla="*/ 383 w 512"/>
              <a:gd name="T91" fmla="*/ 296 h 512"/>
              <a:gd name="T92" fmla="*/ 256 w 512"/>
              <a:gd name="T93" fmla="*/ 277 h 512"/>
              <a:gd name="T94" fmla="*/ 128 w 512"/>
              <a:gd name="T95" fmla="*/ 296 h 512"/>
              <a:gd name="T96" fmla="*/ 138 w 512"/>
              <a:gd name="T97" fmla="*/ 170 h 512"/>
              <a:gd name="T98" fmla="*/ 373 w 512"/>
              <a:gd name="T99" fmla="*/ 170 h 512"/>
              <a:gd name="T100" fmla="*/ 373 w 512"/>
              <a:gd name="T101" fmla="*/ 170 h 512"/>
              <a:gd name="T102" fmla="*/ 298 w 512"/>
              <a:gd name="T103" fmla="*/ 224 h 512"/>
              <a:gd name="T104" fmla="*/ 292 w 512"/>
              <a:gd name="T105" fmla="*/ 214 h 512"/>
              <a:gd name="T106" fmla="*/ 239 w 512"/>
              <a:gd name="T107" fmla="*/ 187 h 512"/>
              <a:gd name="T108" fmla="*/ 229 w 512"/>
              <a:gd name="T109" fmla="*/ 188 h 512"/>
              <a:gd name="T110" fmla="*/ 224 w 512"/>
              <a:gd name="T111" fmla="*/ 197 h 512"/>
              <a:gd name="T112" fmla="*/ 224 w 512"/>
              <a:gd name="T113" fmla="*/ 250 h 512"/>
              <a:gd name="T114" fmla="*/ 229 w 512"/>
              <a:gd name="T115" fmla="*/ 259 h 512"/>
              <a:gd name="T116" fmla="*/ 234 w 512"/>
              <a:gd name="T117" fmla="*/ 261 h 512"/>
              <a:gd name="T118" fmla="*/ 239 w 512"/>
              <a:gd name="T119" fmla="*/ 260 h 512"/>
              <a:gd name="T120" fmla="*/ 292 w 512"/>
              <a:gd name="T121" fmla="*/ 233 h 512"/>
              <a:gd name="T122" fmla="*/ 298 w 512"/>
              <a:gd name="T12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245" y="214"/>
                </a:moveTo>
                <a:cubicBezTo>
                  <a:pt x="264" y="224"/>
                  <a:pt x="264" y="224"/>
                  <a:pt x="264" y="224"/>
                </a:cubicBezTo>
                <a:cubicBezTo>
                  <a:pt x="245" y="233"/>
                  <a:pt x="245" y="233"/>
                  <a:pt x="245" y="233"/>
                </a:cubicBezTo>
                <a:lnTo>
                  <a:pt x="245" y="214"/>
                </a:lnTo>
                <a:close/>
                <a:moveTo>
                  <a:pt x="256" y="298"/>
                </a:moveTo>
                <a:cubicBezTo>
                  <a:pt x="285" y="298"/>
                  <a:pt x="316" y="303"/>
                  <a:pt x="341" y="308"/>
                </a:cubicBezTo>
                <a:cubicBezTo>
                  <a:pt x="328" y="357"/>
                  <a:pt x="298" y="384"/>
                  <a:pt x="256" y="384"/>
                </a:cubicBezTo>
                <a:cubicBezTo>
                  <a:pt x="213" y="384"/>
                  <a:pt x="183" y="357"/>
                  <a:pt x="171" y="308"/>
                </a:cubicBezTo>
                <a:cubicBezTo>
                  <a:pt x="195" y="303"/>
                  <a:pt x="227" y="298"/>
                  <a:pt x="256" y="298"/>
                </a:cubicBezTo>
                <a:close/>
                <a:moveTo>
                  <a:pt x="280" y="333"/>
                </a:moveTo>
                <a:cubicBezTo>
                  <a:pt x="280" y="333"/>
                  <a:pt x="271" y="341"/>
                  <a:pt x="256" y="341"/>
                </a:cubicBezTo>
                <a:cubicBezTo>
                  <a:pt x="240" y="341"/>
                  <a:pt x="231" y="334"/>
                  <a:pt x="231" y="333"/>
                </a:cubicBezTo>
                <a:cubicBezTo>
                  <a:pt x="227" y="329"/>
                  <a:pt x="220" y="329"/>
                  <a:pt x="216" y="334"/>
                </a:cubicBezTo>
                <a:cubicBezTo>
                  <a:pt x="212" y="338"/>
                  <a:pt x="212" y="345"/>
                  <a:pt x="216" y="349"/>
                </a:cubicBezTo>
                <a:cubicBezTo>
                  <a:pt x="218" y="350"/>
                  <a:pt x="231" y="362"/>
                  <a:pt x="256" y="362"/>
                </a:cubicBezTo>
                <a:cubicBezTo>
                  <a:pt x="280" y="362"/>
                  <a:pt x="294" y="350"/>
                  <a:pt x="295" y="349"/>
                </a:cubicBezTo>
                <a:cubicBezTo>
                  <a:pt x="299" y="345"/>
                  <a:pt x="299" y="338"/>
                  <a:pt x="295" y="334"/>
                </a:cubicBezTo>
                <a:cubicBezTo>
                  <a:pt x="291" y="329"/>
                  <a:pt x="285" y="329"/>
                  <a:pt x="280" y="333"/>
                </a:cubicBezTo>
                <a:close/>
                <a:moveTo>
                  <a:pt x="256" y="128"/>
                </a:moveTo>
                <a:cubicBezTo>
                  <a:pt x="233" y="128"/>
                  <a:pt x="214" y="135"/>
                  <a:pt x="200" y="149"/>
                </a:cubicBezTo>
                <a:cubicBezTo>
                  <a:pt x="312" y="149"/>
                  <a:pt x="312" y="149"/>
                  <a:pt x="312" y="149"/>
                </a:cubicBezTo>
                <a:cubicBezTo>
                  <a:pt x="297" y="135"/>
                  <a:pt x="278" y="128"/>
                  <a:pt x="256" y="12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297"/>
                </a:moveTo>
                <a:cubicBezTo>
                  <a:pt x="395" y="170"/>
                  <a:pt x="395" y="170"/>
                  <a:pt x="395" y="170"/>
                </a:cubicBezTo>
                <a:cubicBezTo>
                  <a:pt x="395" y="158"/>
                  <a:pt x="386" y="149"/>
                  <a:pt x="375" y="149"/>
                </a:cubicBezTo>
                <a:cubicBezTo>
                  <a:pt x="339" y="149"/>
                  <a:pt x="339" y="149"/>
                  <a:pt x="339" y="149"/>
                </a:cubicBezTo>
                <a:cubicBezTo>
                  <a:pt x="320" y="121"/>
                  <a:pt x="291" y="106"/>
                  <a:pt x="256" y="106"/>
                </a:cubicBezTo>
                <a:cubicBezTo>
                  <a:pt x="221" y="106"/>
                  <a:pt x="192" y="121"/>
                  <a:pt x="172" y="149"/>
                </a:cubicBezTo>
                <a:cubicBezTo>
                  <a:pt x="137" y="149"/>
                  <a:pt x="137" y="149"/>
                  <a:pt x="137" y="149"/>
                </a:cubicBezTo>
                <a:cubicBezTo>
                  <a:pt x="125" y="149"/>
                  <a:pt x="116" y="158"/>
                  <a:pt x="116" y="169"/>
                </a:cubicBezTo>
                <a:cubicBezTo>
                  <a:pt x="106" y="298"/>
                  <a:pt x="106" y="298"/>
                  <a:pt x="106" y="298"/>
                </a:cubicBezTo>
                <a:cubicBezTo>
                  <a:pt x="106" y="309"/>
                  <a:pt x="116" y="318"/>
                  <a:pt x="127" y="318"/>
                </a:cubicBezTo>
                <a:cubicBezTo>
                  <a:pt x="128" y="318"/>
                  <a:pt x="129" y="318"/>
                  <a:pt x="130" y="318"/>
                </a:cubicBezTo>
                <a:cubicBezTo>
                  <a:pt x="130" y="318"/>
                  <a:pt x="138" y="316"/>
                  <a:pt x="150" y="313"/>
                </a:cubicBezTo>
                <a:cubicBezTo>
                  <a:pt x="165" y="371"/>
                  <a:pt x="203" y="405"/>
                  <a:pt x="256" y="405"/>
                </a:cubicBezTo>
                <a:cubicBezTo>
                  <a:pt x="308" y="405"/>
                  <a:pt x="347" y="371"/>
                  <a:pt x="362" y="313"/>
                </a:cubicBezTo>
                <a:cubicBezTo>
                  <a:pt x="374" y="316"/>
                  <a:pt x="381" y="318"/>
                  <a:pt x="382" y="318"/>
                </a:cubicBezTo>
                <a:cubicBezTo>
                  <a:pt x="382" y="318"/>
                  <a:pt x="383" y="318"/>
                  <a:pt x="384" y="318"/>
                </a:cubicBezTo>
                <a:cubicBezTo>
                  <a:pt x="396" y="318"/>
                  <a:pt x="405" y="309"/>
                  <a:pt x="405" y="297"/>
                </a:cubicBezTo>
                <a:close/>
                <a:moveTo>
                  <a:pt x="373" y="170"/>
                </a:moveTo>
                <a:cubicBezTo>
                  <a:pt x="383" y="296"/>
                  <a:pt x="383" y="296"/>
                  <a:pt x="383" y="296"/>
                </a:cubicBezTo>
                <a:cubicBezTo>
                  <a:pt x="368" y="292"/>
                  <a:pt x="309" y="277"/>
                  <a:pt x="256" y="277"/>
                </a:cubicBezTo>
                <a:cubicBezTo>
                  <a:pt x="203" y="277"/>
                  <a:pt x="143" y="292"/>
                  <a:pt x="128" y="296"/>
                </a:cubicBezTo>
                <a:cubicBezTo>
                  <a:pt x="138" y="170"/>
                  <a:pt x="138" y="170"/>
                  <a:pt x="138" y="170"/>
                </a:cubicBezTo>
                <a:cubicBezTo>
                  <a:pt x="373" y="170"/>
                  <a:pt x="373" y="170"/>
                  <a:pt x="373" y="170"/>
                </a:cubicBezTo>
                <a:cubicBezTo>
                  <a:pt x="373" y="170"/>
                  <a:pt x="373" y="170"/>
                  <a:pt x="373" y="170"/>
                </a:cubicBezTo>
                <a:close/>
                <a:moveTo>
                  <a:pt x="298" y="224"/>
                </a:moveTo>
                <a:cubicBezTo>
                  <a:pt x="298" y="220"/>
                  <a:pt x="296" y="216"/>
                  <a:pt x="292" y="214"/>
                </a:cubicBezTo>
                <a:cubicBezTo>
                  <a:pt x="239" y="187"/>
                  <a:pt x="239" y="187"/>
                  <a:pt x="239" y="187"/>
                </a:cubicBezTo>
                <a:cubicBezTo>
                  <a:pt x="236" y="186"/>
                  <a:pt x="232" y="186"/>
                  <a:pt x="229" y="188"/>
                </a:cubicBezTo>
                <a:cubicBezTo>
                  <a:pt x="226" y="190"/>
                  <a:pt x="224" y="193"/>
                  <a:pt x="224" y="197"/>
                </a:cubicBezTo>
                <a:cubicBezTo>
                  <a:pt x="224" y="250"/>
                  <a:pt x="224" y="250"/>
                  <a:pt x="224" y="250"/>
                </a:cubicBezTo>
                <a:cubicBezTo>
                  <a:pt x="224" y="254"/>
                  <a:pt x="226" y="257"/>
                  <a:pt x="229" y="259"/>
                </a:cubicBezTo>
                <a:cubicBezTo>
                  <a:pt x="230" y="260"/>
                  <a:pt x="232" y="261"/>
                  <a:pt x="234" y="261"/>
                </a:cubicBezTo>
                <a:cubicBezTo>
                  <a:pt x="236" y="261"/>
                  <a:pt x="238" y="261"/>
                  <a:pt x="239" y="260"/>
                </a:cubicBezTo>
                <a:cubicBezTo>
                  <a:pt x="292" y="233"/>
                  <a:pt x="292" y="233"/>
                  <a:pt x="292" y="233"/>
                </a:cubicBezTo>
                <a:cubicBezTo>
                  <a:pt x="296" y="231"/>
                  <a:pt x="298" y="228"/>
                  <a:pt x="298" y="224"/>
                </a:cubicBezTo>
                <a:close/>
              </a:path>
            </a:pathLst>
          </a:custGeom>
          <a:solidFill>
            <a:srgbClr val="7030A0"/>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120" name="Freeform 412">
            <a:extLst>
              <a:ext uri="{FF2B5EF4-FFF2-40B4-BE49-F238E27FC236}">
                <a16:creationId xmlns:a16="http://schemas.microsoft.com/office/drawing/2014/main" id="{A8BFF049-565C-AE52-C1F6-7E85533E81C9}"/>
              </a:ext>
            </a:extLst>
          </p:cNvPr>
          <p:cNvSpPr>
            <a:spLocks noChangeAspect="1" noEditPoints="1"/>
          </p:cNvSpPr>
          <p:nvPr/>
        </p:nvSpPr>
        <p:spPr bwMode="auto">
          <a:xfrm>
            <a:off x="7261679" y="2230042"/>
            <a:ext cx="367041" cy="368120"/>
          </a:xfrm>
          <a:custGeom>
            <a:avLst/>
            <a:gdLst>
              <a:gd name="T0" fmla="*/ 0 w 512"/>
              <a:gd name="T1" fmla="*/ 256 h 512"/>
              <a:gd name="T2" fmla="*/ 512 w 512"/>
              <a:gd name="T3" fmla="*/ 256 h 512"/>
              <a:gd name="T4" fmla="*/ 232 w 512"/>
              <a:gd name="T5" fmla="*/ 296 h 512"/>
              <a:gd name="T6" fmla="*/ 203 w 512"/>
              <a:gd name="T7" fmla="*/ 352 h 512"/>
              <a:gd name="T8" fmla="*/ 203 w 512"/>
              <a:gd name="T9" fmla="*/ 374 h 512"/>
              <a:gd name="T10" fmla="*/ 139 w 512"/>
              <a:gd name="T11" fmla="*/ 367 h 512"/>
              <a:gd name="T12" fmla="*/ 139 w 512"/>
              <a:gd name="T13" fmla="*/ 363 h 512"/>
              <a:gd name="T14" fmla="*/ 149 w 512"/>
              <a:gd name="T15" fmla="*/ 299 h 512"/>
              <a:gd name="T16" fmla="*/ 160 w 512"/>
              <a:gd name="T17" fmla="*/ 337 h 512"/>
              <a:gd name="T18" fmla="*/ 232 w 512"/>
              <a:gd name="T19" fmla="*/ 281 h 512"/>
              <a:gd name="T20" fmla="*/ 232 w 512"/>
              <a:gd name="T21" fmla="*/ 232 h 512"/>
              <a:gd name="T22" fmla="*/ 216 w 512"/>
              <a:gd name="T23" fmla="*/ 232 h 512"/>
              <a:gd name="T24" fmla="*/ 160 w 512"/>
              <a:gd name="T25" fmla="*/ 203 h 512"/>
              <a:gd name="T26" fmla="*/ 139 w 512"/>
              <a:gd name="T27" fmla="*/ 203 h 512"/>
              <a:gd name="T28" fmla="*/ 145 w 512"/>
              <a:gd name="T29" fmla="*/ 140 h 512"/>
              <a:gd name="T30" fmla="*/ 149 w 512"/>
              <a:gd name="T31" fmla="*/ 139 h 512"/>
              <a:gd name="T32" fmla="*/ 213 w 512"/>
              <a:gd name="T33" fmla="*/ 150 h 512"/>
              <a:gd name="T34" fmla="*/ 175 w 512"/>
              <a:gd name="T35" fmla="*/ 160 h 512"/>
              <a:gd name="T36" fmla="*/ 232 w 512"/>
              <a:gd name="T37" fmla="*/ 232 h 512"/>
              <a:gd name="T38" fmla="*/ 373 w 512"/>
              <a:gd name="T39" fmla="*/ 363 h 512"/>
              <a:gd name="T40" fmla="*/ 363 w 512"/>
              <a:gd name="T41" fmla="*/ 374 h 512"/>
              <a:gd name="T42" fmla="*/ 299 w 512"/>
              <a:gd name="T43" fmla="*/ 363 h 512"/>
              <a:gd name="T44" fmla="*/ 337 w 512"/>
              <a:gd name="T45" fmla="*/ 352 h 512"/>
              <a:gd name="T46" fmla="*/ 280 w 512"/>
              <a:gd name="T47" fmla="*/ 281 h 512"/>
              <a:gd name="T48" fmla="*/ 352 w 512"/>
              <a:gd name="T49" fmla="*/ 337 h 512"/>
              <a:gd name="T50" fmla="*/ 363 w 512"/>
              <a:gd name="T51" fmla="*/ 299 h 512"/>
              <a:gd name="T52" fmla="*/ 373 w 512"/>
              <a:gd name="T53" fmla="*/ 363 h 512"/>
              <a:gd name="T54" fmla="*/ 363 w 512"/>
              <a:gd name="T55" fmla="*/ 214 h 512"/>
              <a:gd name="T56" fmla="*/ 352 w 512"/>
              <a:gd name="T57" fmla="*/ 175 h 512"/>
              <a:gd name="T58" fmla="*/ 288 w 512"/>
              <a:gd name="T59" fmla="*/ 235 h 512"/>
              <a:gd name="T60" fmla="*/ 280 w 512"/>
              <a:gd name="T61" fmla="*/ 217 h 512"/>
              <a:gd name="T62" fmla="*/ 309 w 512"/>
              <a:gd name="T63" fmla="*/ 160 h 512"/>
              <a:gd name="T64" fmla="*/ 309 w 512"/>
              <a:gd name="T65" fmla="*/ 139 h 512"/>
              <a:gd name="T66" fmla="*/ 363 w 512"/>
              <a:gd name="T67" fmla="*/ 139 h 512"/>
              <a:gd name="T68" fmla="*/ 373 w 512"/>
              <a:gd name="T69" fmla="*/ 15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232" y="296"/>
                </a:moveTo>
                <a:cubicBezTo>
                  <a:pt x="175" y="352"/>
                  <a:pt x="175" y="352"/>
                  <a:pt x="175" y="352"/>
                </a:cubicBezTo>
                <a:cubicBezTo>
                  <a:pt x="203" y="352"/>
                  <a:pt x="203" y="352"/>
                  <a:pt x="203" y="352"/>
                </a:cubicBezTo>
                <a:cubicBezTo>
                  <a:pt x="209" y="352"/>
                  <a:pt x="213" y="357"/>
                  <a:pt x="213" y="363"/>
                </a:cubicBezTo>
                <a:cubicBezTo>
                  <a:pt x="213" y="369"/>
                  <a:pt x="209" y="374"/>
                  <a:pt x="203" y="374"/>
                </a:cubicBezTo>
                <a:cubicBezTo>
                  <a:pt x="149" y="374"/>
                  <a:pt x="149" y="374"/>
                  <a:pt x="149" y="374"/>
                </a:cubicBezTo>
                <a:cubicBezTo>
                  <a:pt x="145" y="374"/>
                  <a:pt x="141" y="371"/>
                  <a:pt x="139" y="367"/>
                </a:cubicBezTo>
                <a:cubicBezTo>
                  <a:pt x="139" y="366"/>
                  <a:pt x="139" y="365"/>
                  <a:pt x="139" y="363"/>
                </a:cubicBezTo>
                <a:cubicBezTo>
                  <a:pt x="139" y="363"/>
                  <a:pt x="139" y="363"/>
                  <a:pt x="139" y="363"/>
                </a:cubicBezTo>
                <a:cubicBezTo>
                  <a:pt x="139" y="310"/>
                  <a:pt x="139" y="310"/>
                  <a:pt x="139" y="310"/>
                </a:cubicBezTo>
                <a:cubicBezTo>
                  <a:pt x="139" y="304"/>
                  <a:pt x="143" y="299"/>
                  <a:pt x="149" y="299"/>
                </a:cubicBezTo>
                <a:cubicBezTo>
                  <a:pt x="155" y="299"/>
                  <a:pt x="160" y="304"/>
                  <a:pt x="160" y="310"/>
                </a:cubicBezTo>
                <a:cubicBezTo>
                  <a:pt x="160" y="337"/>
                  <a:pt x="160" y="337"/>
                  <a:pt x="160" y="337"/>
                </a:cubicBezTo>
                <a:cubicBezTo>
                  <a:pt x="216" y="281"/>
                  <a:pt x="216" y="281"/>
                  <a:pt x="216" y="281"/>
                </a:cubicBezTo>
                <a:cubicBezTo>
                  <a:pt x="221" y="277"/>
                  <a:pt x="227" y="277"/>
                  <a:pt x="232" y="281"/>
                </a:cubicBezTo>
                <a:cubicBezTo>
                  <a:pt x="236" y="285"/>
                  <a:pt x="236" y="292"/>
                  <a:pt x="232" y="296"/>
                </a:cubicBezTo>
                <a:close/>
                <a:moveTo>
                  <a:pt x="232" y="232"/>
                </a:moveTo>
                <a:cubicBezTo>
                  <a:pt x="229" y="234"/>
                  <a:pt x="227" y="235"/>
                  <a:pt x="224" y="235"/>
                </a:cubicBezTo>
                <a:cubicBezTo>
                  <a:pt x="221" y="235"/>
                  <a:pt x="219" y="234"/>
                  <a:pt x="216" y="232"/>
                </a:cubicBezTo>
                <a:cubicBezTo>
                  <a:pt x="160" y="175"/>
                  <a:pt x="160" y="175"/>
                  <a:pt x="160" y="175"/>
                </a:cubicBezTo>
                <a:cubicBezTo>
                  <a:pt x="160" y="203"/>
                  <a:pt x="160" y="203"/>
                  <a:pt x="160" y="203"/>
                </a:cubicBezTo>
                <a:cubicBezTo>
                  <a:pt x="160" y="209"/>
                  <a:pt x="155" y="214"/>
                  <a:pt x="149" y="214"/>
                </a:cubicBezTo>
                <a:cubicBezTo>
                  <a:pt x="143" y="214"/>
                  <a:pt x="139" y="209"/>
                  <a:pt x="139" y="203"/>
                </a:cubicBezTo>
                <a:cubicBezTo>
                  <a:pt x="139" y="150"/>
                  <a:pt x="139" y="150"/>
                  <a:pt x="139" y="150"/>
                </a:cubicBezTo>
                <a:cubicBezTo>
                  <a:pt x="139" y="145"/>
                  <a:pt x="141" y="141"/>
                  <a:pt x="145" y="140"/>
                </a:cubicBezTo>
                <a:cubicBezTo>
                  <a:pt x="147" y="139"/>
                  <a:pt x="148" y="139"/>
                  <a:pt x="149" y="139"/>
                </a:cubicBezTo>
                <a:cubicBezTo>
                  <a:pt x="149" y="139"/>
                  <a:pt x="149" y="139"/>
                  <a:pt x="149" y="139"/>
                </a:cubicBezTo>
                <a:cubicBezTo>
                  <a:pt x="203" y="139"/>
                  <a:pt x="203" y="139"/>
                  <a:pt x="203" y="139"/>
                </a:cubicBezTo>
                <a:cubicBezTo>
                  <a:pt x="209" y="139"/>
                  <a:pt x="213" y="144"/>
                  <a:pt x="213" y="150"/>
                </a:cubicBezTo>
                <a:cubicBezTo>
                  <a:pt x="213" y="156"/>
                  <a:pt x="209" y="160"/>
                  <a:pt x="203" y="160"/>
                </a:cubicBezTo>
                <a:cubicBezTo>
                  <a:pt x="175" y="160"/>
                  <a:pt x="175" y="160"/>
                  <a:pt x="175" y="160"/>
                </a:cubicBezTo>
                <a:cubicBezTo>
                  <a:pt x="232" y="217"/>
                  <a:pt x="232" y="217"/>
                  <a:pt x="232" y="217"/>
                </a:cubicBezTo>
                <a:cubicBezTo>
                  <a:pt x="236" y="221"/>
                  <a:pt x="236" y="228"/>
                  <a:pt x="232" y="232"/>
                </a:cubicBezTo>
                <a:close/>
                <a:moveTo>
                  <a:pt x="373" y="363"/>
                </a:moveTo>
                <a:cubicBezTo>
                  <a:pt x="373" y="363"/>
                  <a:pt x="373" y="363"/>
                  <a:pt x="373" y="363"/>
                </a:cubicBezTo>
                <a:cubicBezTo>
                  <a:pt x="373" y="365"/>
                  <a:pt x="373" y="366"/>
                  <a:pt x="373" y="367"/>
                </a:cubicBezTo>
                <a:cubicBezTo>
                  <a:pt x="371" y="371"/>
                  <a:pt x="367" y="374"/>
                  <a:pt x="363" y="374"/>
                </a:cubicBezTo>
                <a:cubicBezTo>
                  <a:pt x="309" y="374"/>
                  <a:pt x="309" y="374"/>
                  <a:pt x="309" y="374"/>
                </a:cubicBezTo>
                <a:cubicBezTo>
                  <a:pt x="303" y="374"/>
                  <a:pt x="299" y="369"/>
                  <a:pt x="299" y="363"/>
                </a:cubicBezTo>
                <a:cubicBezTo>
                  <a:pt x="299" y="357"/>
                  <a:pt x="303" y="352"/>
                  <a:pt x="309" y="352"/>
                </a:cubicBezTo>
                <a:cubicBezTo>
                  <a:pt x="337" y="352"/>
                  <a:pt x="337" y="352"/>
                  <a:pt x="337" y="352"/>
                </a:cubicBezTo>
                <a:cubicBezTo>
                  <a:pt x="280" y="296"/>
                  <a:pt x="280" y="296"/>
                  <a:pt x="280" y="296"/>
                </a:cubicBezTo>
                <a:cubicBezTo>
                  <a:pt x="276" y="292"/>
                  <a:pt x="276" y="285"/>
                  <a:pt x="280" y="281"/>
                </a:cubicBezTo>
                <a:cubicBezTo>
                  <a:pt x="285" y="277"/>
                  <a:pt x="291" y="277"/>
                  <a:pt x="296" y="281"/>
                </a:cubicBezTo>
                <a:cubicBezTo>
                  <a:pt x="352" y="337"/>
                  <a:pt x="352" y="337"/>
                  <a:pt x="352" y="337"/>
                </a:cubicBezTo>
                <a:cubicBezTo>
                  <a:pt x="352" y="310"/>
                  <a:pt x="352" y="310"/>
                  <a:pt x="352" y="310"/>
                </a:cubicBezTo>
                <a:cubicBezTo>
                  <a:pt x="352" y="304"/>
                  <a:pt x="357" y="299"/>
                  <a:pt x="363" y="299"/>
                </a:cubicBezTo>
                <a:cubicBezTo>
                  <a:pt x="369" y="299"/>
                  <a:pt x="373" y="304"/>
                  <a:pt x="373" y="310"/>
                </a:cubicBezTo>
                <a:lnTo>
                  <a:pt x="373" y="363"/>
                </a:lnTo>
                <a:close/>
                <a:moveTo>
                  <a:pt x="373" y="203"/>
                </a:moveTo>
                <a:cubicBezTo>
                  <a:pt x="373" y="209"/>
                  <a:pt x="369" y="214"/>
                  <a:pt x="363" y="214"/>
                </a:cubicBezTo>
                <a:cubicBezTo>
                  <a:pt x="357" y="214"/>
                  <a:pt x="352" y="209"/>
                  <a:pt x="352" y="203"/>
                </a:cubicBezTo>
                <a:cubicBezTo>
                  <a:pt x="352" y="175"/>
                  <a:pt x="352" y="175"/>
                  <a:pt x="352" y="175"/>
                </a:cubicBezTo>
                <a:cubicBezTo>
                  <a:pt x="296" y="232"/>
                  <a:pt x="296" y="232"/>
                  <a:pt x="296" y="232"/>
                </a:cubicBezTo>
                <a:cubicBezTo>
                  <a:pt x="293" y="234"/>
                  <a:pt x="291" y="235"/>
                  <a:pt x="288" y="235"/>
                </a:cubicBezTo>
                <a:cubicBezTo>
                  <a:pt x="285" y="235"/>
                  <a:pt x="283" y="234"/>
                  <a:pt x="280" y="232"/>
                </a:cubicBezTo>
                <a:cubicBezTo>
                  <a:pt x="276" y="228"/>
                  <a:pt x="276" y="221"/>
                  <a:pt x="280" y="217"/>
                </a:cubicBezTo>
                <a:cubicBezTo>
                  <a:pt x="337" y="160"/>
                  <a:pt x="337" y="160"/>
                  <a:pt x="337" y="160"/>
                </a:cubicBezTo>
                <a:cubicBezTo>
                  <a:pt x="309" y="160"/>
                  <a:pt x="309" y="160"/>
                  <a:pt x="309" y="160"/>
                </a:cubicBezTo>
                <a:cubicBezTo>
                  <a:pt x="303" y="160"/>
                  <a:pt x="299" y="156"/>
                  <a:pt x="299" y="150"/>
                </a:cubicBezTo>
                <a:cubicBezTo>
                  <a:pt x="299" y="144"/>
                  <a:pt x="303" y="139"/>
                  <a:pt x="309" y="139"/>
                </a:cubicBezTo>
                <a:cubicBezTo>
                  <a:pt x="363" y="139"/>
                  <a:pt x="363" y="139"/>
                  <a:pt x="363" y="139"/>
                </a:cubicBezTo>
                <a:cubicBezTo>
                  <a:pt x="363" y="139"/>
                  <a:pt x="363" y="139"/>
                  <a:pt x="363" y="139"/>
                </a:cubicBezTo>
                <a:cubicBezTo>
                  <a:pt x="364" y="139"/>
                  <a:pt x="365" y="139"/>
                  <a:pt x="367" y="140"/>
                </a:cubicBezTo>
                <a:cubicBezTo>
                  <a:pt x="371" y="141"/>
                  <a:pt x="373" y="145"/>
                  <a:pt x="373" y="150"/>
                </a:cubicBezTo>
                <a:lnTo>
                  <a:pt x="373" y="203"/>
                </a:ln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121" name="Freeform 411">
            <a:extLst>
              <a:ext uri="{FF2B5EF4-FFF2-40B4-BE49-F238E27FC236}">
                <a16:creationId xmlns:a16="http://schemas.microsoft.com/office/drawing/2014/main" id="{E5AE2A1E-CF62-6764-C6AC-F74386F638C5}"/>
              </a:ext>
            </a:extLst>
          </p:cNvPr>
          <p:cNvSpPr>
            <a:spLocks noChangeAspect="1" noEditPoints="1"/>
          </p:cNvSpPr>
          <p:nvPr/>
        </p:nvSpPr>
        <p:spPr bwMode="auto">
          <a:xfrm>
            <a:off x="9095309" y="2233701"/>
            <a:ext cx="369676" cy="369676"/>
          </a:xfrm>
          <a:custGeom>
            <a:avLst/>
            <a:gdLst>
              <a:gd name="T0" fmla="*/ 211 w 512"/>
              <a:gd name="T1" fmla="*/ 256 h 512"/>
              <a:gd name="T2" fmla="*/ 332 w 512"/>
              <a:gd name="T3" fmla="*/ 256 h 512"/>
              <a:gd name="T4" fmla="*/ 229 w 512"/>
              <a:gd name="T5" fmla="*/ 358 h 512"/>
              <a:gd name="T6" fmla="*/ 169 w 512"/>
              <a:gd name="T7" fmla="*/ 358 h 512"/>
              <a:gd name="T8" fmla="*/ 169 w 512"/>
              <a:gd name="T9" fmla="*/ 298 h 512"/>
              <a:gd name="T10" fmla="*/ 211 w 512"/>
              <a:gd name="T11" fmla="*/ 256 h 512"/>
              <a:gd name="T12" fmla="*/ 233 w 512"/>
              <a:gd name="T13" fmla="*/ 234 h 512"/>
              <a:gd name="T14" fmla="*/ 353 w 512"/>
              <a:gd name="T15" fmla="*/ 234 h 512"/>
              <a:gd name="T16" fmla="*/ 373 w 512"/>
              <a:gd name="T17" fmla="*/ 215 h 512"/>
              <a:gd name="T18" fmla="*/ 312 w 512"/>
              <a:gd name="T19" fmla="*/ 155 h 512"/>
              <a:gd name="T20" fmla="*/ 233 w 512"/>
              <a:gd name="T21" fmla="*/ 23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410 w 512"/>
              <a:gd name="T33" fmla="*/ 223 h 512"/>
              <a:gd name="T34" fmla="*/ 395 w 512"/>
              <a:gd name="T35" fmla="*/ 208 h 512"/>
              <a:gd name="T36" fmla="*/ 395 w 512"/>
              <a:gd name="T37" fmla="*/ 208 h 512"/>
              <a:gd name="T38" fmla="*/ 395 w 512"/>
              <a:gd name="T39" fmla="*/ 208 h 512"/>
              <a:gd name="T40" fmla="*/ 305 w 512"/>
              <a:gd name="T41" fmla="*/ 117 h 512"/>
              <a:gd name="T42" fmla="*/ 290 w 512"/>
              <a:gd name="T43" fmla="*/ 117 h 512"/>
              <a:gd name="T44" fmla="*/ 290 w 512"/>
              <a:gd name="T45" fmla="*/ 132 h 512"/>
              <a:gd name="T46" fmla="*/ 297 w 512"/>
              <a:gd name="T47" fmla="*/ 140 h 512"/>
              <a:gd name="T48" fmla="*/ 154 w 512"/>
              <a:gd name="T49" fmla="*/ 283 h 512"/>
              <a:gd name="T50" fmla="*/ 154 w 512"/>
              <a:gd name="T51" fmla="*/ 373 h 512"/>
              <a:gd name="T52" fmla="*/ 199 w 512"/>
              <a:gd name="T53" fmla="*/ 392 h 512"/>
              <a:gd name="T54" fmla="*/ 244 w 512"/>
              <a:gd name="T55" fmla="*/ 373 h 512"/>
              <a:gd name="T56" fmla="*/ 388 w 512"/>
              <a:gd name="T57" fmla="*/ 230 h 512"/>
              <a:gd name="T58" fmla="*/ 395 w 512"/>
              <a:gd name="T59" fmla="*/ 238 h 512"/>
              <a:gd name="T60" fmla="*/ 403 w 512"/>
              <a:gd name="T61" fmla="*/ 241 h 512"/>
              <a:gd name="T62" fmla="*/ 410 w 512"/>
              <a:gd name="T63" fmla="*/ 238 h 512"/>
              <a:gd name="T64" fmla="*/ 410 w 512"/>
              <a:gd name="T65" fmla="*/ 22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11" y="256"/>
                </a:moveTo>
                <a:cubicBezTo>
                  <a:pt x="332" y="256"/>
                  <a:pt x="332" y="256"/>
                  <a:pt x="332" y="256"/>
                </a:cubicBezTo>
                <a:cubicBezTo>
                  <a:pt x="229" y="358"/>
                  <a:pt x="229" y="358"/>
                  <a:pt x="229" y="358"/>
                </a:cubicBezTo>
                <a:cubicBezTo>
                  <a:pt x="213" y="375"/>
                  <a:pt x="186" y="375"/>
                  <a:pt x="169" y="358"/>
                </a:cubicBezTo>
                <a:cubicBezTo>
                  <a:pt x="152" y="342"/>
                  <a:pt x="152" y="315"/>
                  <a:pt x="169" y="298"/>
                </a:cubicBezTo>
                <a:lnTo>
                  <a:pt x="211" y="256"/>
                </a:lnTo>
                <a:close/>
                <a:moveTo>
                  <a:pt x="233" y="234"/>
                </a:moveTo>
                <a:cubicBezTo>
                  <a:pt x="353" y="234"/>
                  <a:pt x="353" y="234"/>
                  <a:pt x="353" y="234"/>
                </a:cubicBezTo>
                <a:cubicBezTo>
                  <a:pt x="373" y="215"/>
                  <a:pt x="373" y="215"/>
                  <a:pt x="373" y="215"/>
                </a:cubicBezTo>
                <a:cubicBezTo>
                  <a:pt x="312" y="155"/>
                  <a:pt x="312" y="155"/>
                  <a:pt x="312" y="155"/>
                </a:cubicBezTo>
                <a:lnTo>
                  <a:pt x="233" y="23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223"/>
                </a:moveTo>
                <a:cubicBezTo>
                  <a:pt x="395" y="208"/>
                  <a:pt x="395" y="208"/>
                  <a:pt x="395" y="208"/>
                </a:cubicBezTo>
                <a:cubicBezTo>
                  <a:pt x="395" y="208"/>
                  <a:pt x="395" y="208"/>
                  <a:pt x="395" y="208"/>
                </a:cubicBezTo>
                <a:cubicBezTo>
                  <a:pt x="395" y="208"/>
                  <a:pt x="395" y="208"/>
                  <a:pt x="395" y="208"/>
                </a:cubicBezTo>
                <a:cubicBezTo>
                  <a:pt x="305" y="117"/>
                  <a:pt x="305" y="117"/>
                  <a:pt x="305" y="117"/>
                </a:cubicBezTo>
                <a:cubicBezTo>
                  <a:pt x="301" y="113"/>
                  <a:pt x="294" y="113"/>
                  <a:pt x="290" y="117"/>
                </a:cubicBezTo>
                <a:cubicBezTo>
                  <a:pt x="285" y="121"/>
                  <a:pt x="285" y="128"/>
                  <a:pt x="290" y="132"/>
                </a:cubicBezTo>
                <a:cubicBezTo>
                  <a:pt x="297" y="140"/>
                  <a:pt x="297" y="140"/>
                  <a:pt x="297" y="140"/>
                </a:cubicBezTo>
                <a:cubicBezTo>
                  <a:pt x="154" y="283"/>
                  <a:pt x="154" y="283"/>
                  <a:pt x="154" y="283"/>
                </a:cubicBezTo>
                <a:cubicBezTo>
                  <a:pt x="129" y="308"/>
                  <a:pt x="129" y="349"/>
                  <a:pt x="154" y="373"/>
                </a:cubicBezTo>
                <a:cubicBezTo>
                  <a:pt x="166" y="386"/>
                  <a:pt x="183" y="392"/>
                  <a:pt x="199" y="392"/>
                </a:cubicBezTo>
                <a:cubicBezTo>
                  <a:pt x="215" y="392"/>
                  <a:pt x="232" y="386"/>
                  <a:pt x="244" y="373"/>
                </a:cubicBezTo>
                <a:cubicBezTo>
                  <a:pt x="388" y="230"/>
                  <a:pt x="388" y="230"/>
                  <a:pt x="388" y="230"/>
                </a:cubicBezTo>
                <a:cubicBezTo>
                  <a:pt x="395" y="238"/>
                  <a:pt x="395" y="238"/>
                  <a:pt x="395" y="238"/>
                </a:cubicBezTo>
                <a:cubicBezTo>
                  <a:pt x="397" y="240"/>
                  <a:pt x="400" y="241"/>
                  <a:pt x="403" y="241"/>
                </a:cubicBezTo>
                <a:cubicBezTo>
                  <a:pt x="405" y="241"/>
                  <a:pt x="408" y="240"/>
                  <a:pt x="410" y="238"/>
                </a:cubicBezTo>
                <a:cubicBezTo>
                  <a:pt x="414" y="234"/>
                  <a:pt x="414" y="227"/>
                  <a:pt x="410" y="223"/>
                </a:cubicBezTo>
                <a:close/>
              </a:path>
            </a:pathLst>
          </a:custGeom>
          <a:solidFill>
            <a:srgbClr val="7030A0"/>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prstClr val="black"/>
              </a:solidFill>
              <a:effectLst/>
              <a:uLnTx/>
              <a:uFillTx/>
              <a:ea typeface="+mn-ea"/>
              <a:cs typeface="+mn-cs"/>
            </a:endParaRPr>
          </a:p>
        </p:txBody>
      </p:sp>
      <p:sp>
        <p:nvSpPr>
          <p:cNvPr id="122" name="Freeform 1029">
            <a:extLst>
              <a:ext uri="{FF2B5EF4-FFF2-40B4-BE49-F238E27FC236}">
                <a16:creationId xmlns:a16="http://schemas.microsoft.com/office/drawing/2014/main" id="{9D232E7C-87CB-75DB-62BB-C2C65CF3CB67}"/>
              </a:ext>
            </a:extLst>
          </p:cNvPr>
          <p:cNvSpPr>
            <a:spLocks noChangeAspect="1" noEditPoints="1"/>
          </p:cNvSpPr>
          <p:nvPr/>
        </p:nvSpPr>
        <p:spPr bwMode="auto">
          <a:xfrm>
            <a:off x="10297193" y="3379387"/>
            <a:ext cx="367041" cy="367041"/>
          </a:xfrm>
          <a:custGeom>
            <a:avLst/>
            <a:gdLst>
              <a:gd name="T0" fmla="*/ 181 w 512"/>
              <a:gd name="T1" fmla="*/ 277 h 512"/>
              <a:gd name="T2" fmla="*/ 160 w 512"/>
              <a:gd name="T3" fmla="*/ 202 h 512"/>
              <a:gd name="T4" fmla="*/ 181 w 512"/>
              <a:gd name="T5" fmla="*/ 181 h 512"/>
              <a:gd name="T6" fmla="*/ 256 w 512"/>
              <a:gd name="T7" fmla="*/ 202 h 512"/>
              <a:gd name="T8" fmla="*/ 256 w 512"/>
              <a:gd name="T9" fmla="*/ 266 h 512"/>
              <a:gd name="T10" fmla="*/ 160 w 512"/>
              <a:gd name="T11" fmla="*/ 160 h 512"/>
              <a:gd name="T12" fmla="*/ 160 w 512"/>
              <a:gd name="T13" fmla="*/ 181 h 512"/>
              <a:gd name="T14" fmla="*/ 266 w 512"/>
              <a:gd name="T15" fmla="*/ 160 h 512"/>
              <a:gd name="T16" fmla="*/ 288 w 512"/>
              <a:gd name="T17" fmla="*/ 160 h 512"/>
              <a:gd name="T18" fmla="*/ 224 w 512"/>
              <a:gd name="T19" fmla="*/ 352 h 512"/>
              <a:gd name="T20" fmla="*/ 266 w 512"/>
              <a:gd name="T21" fmla="*/ 309 h 512"/>
              <a:gd name="T22" fmla="*/ 266 w 512"/>
              <a:gd name="T23" fmla="*/ 288 h 512"/>
              <a:gd name="T24" fmla="*/ 160 w 512"/>
              <a:gd name="T25" fmla="*/ 309 h 512"/>
              <a:gd name="T26" fmla="*/ 138 w 512"/>
              <a:gd name="T27" fmla="*/ 309 h 512"/>
              <a:gd name="T28" fmla="*/ 0 w 512"/>
              <a:gd name="T29" fmla="*/ 256 h 512"/>
              <a:gd name="T30" fmla="*/ 373 w 512"/>
              <a:gd name="T31" fmla="*/ 213 h 512"/>
              <a:gd name="T32" fmla="*/ 309 w 512"/>
              <a:gd name="T33" fmla="*/ 213 h 512"/>
              <a:gd name="T34" fmla="*/ 288 w 512"/>
              <a:gd name="T35" fmla="*/ 202 h 512"/>
              <a:gd name="T36" fmla="*/ 309 w 512"/>
              <a:gd name="T37" fmla="*/ 149 h 512"/>
              <a:gd name="T38" fmla="*/ 245 w 512"/>
              <a:gd name="T39" fmla="*/ 149 h 512"/>
              <a:gd name="T40" fmla="*/ 181 w 512"/>
              <a:gd name="T41" fmla="*/ 149 h 512"/>
              <a:gd name="T42" fmla="*/ 117 w 512"/>
              <a:gd name="T43" fmla="*/ 149 h 512"/>
              <a:gd name="T44" fmla="*/ 138 w 512"/>
              <a:gd name="T45" fmla="*/ 202 h 512"/>
              <a:gd name="T46" fmla="*/ 117 w 512"/>
              <a:gd name="T47" fmla="*/ 277 h 512"/>
              <a:gd name="T48" fmla="*/ 170 w 512"/>
              <a:gd name="T49" fmla="*/ 330 h 512"/>
              <a:gd name="T50" fmla="*/ 202 w 512"/>
              <a:gd name="T51" fmla="*/ 309 h 512"/>
              <a:gd name="T52" fmla="*/ 181 w 512"/>
              <a:gd name="T53" fmla="*/ 341 h 512"/>
              <a:gd name="T54" fmla="*/ 234 w 512"/>
              <a:gd name="T55" fmla="*/ 394 h 512"/>
              <a:gd name="T56" fmla="*/ 309 w 512"/>
              <a:gd name="T57" fmla="*/ 373 h 512"/>
              <a:gd name="T58" fmla="*/ 362 w 512"/>
              <a:gd name="T59" fmla="*/ 394 h 512"/>
              <a:gd name="T60" fmla="*/ 362 w 512"/>
              <a:gd name="T61" fmla="*/ 330 h 512"/>
              <a:gd name="T62" fmla="*/ 362 w 512"/>
              <a:gd name="T63" fmla="*/ 266 h 512"/>
              <a:gd name="T64" fmla="*/ 330 w 512"/>
              <a:gd name="T65" fmla="*/ 266 h 512"/>
              <a:gd name="T66" fmla="*/ 309 w 512"/>
              <a:gd name="T67" fmla="*/ 245 h 512"/>
              <a:gd name="T68" fmla="*/ 298 w 512"/>
              <a:gd name="T69" fmla="*/ 266 h 512"/>
              <a:gd name="T70" fmla="*/ 298 w 512"/>
              <a:gd name="T71" fmla="*/ 330 h 512"/>
              <a:gd name="T72" fmla="*/ 245 w 512"/>
              <a:gd name="T73" fmla="*/ 309 h 512"/>
              <a:gd name="T74" fmla="*/ 234 w 512"/>
              <a:gd name="T75" fmla="*/ 330 h 512"/>
              <a:gd name="T76" fmla="*/ 309 w 512"/>
              <a:gd name="T77" fmla="*/ 352 h 512"/>
              <a:gd name="T78" fmla="*/ 330 w 512"/>
              <a:gd name="T79" fmla="*/ 330 h 512"/>
              <a:gd name="T80" fmla="*/ 352 w 512"/>
              <a:gd name="T81" fmla="*/ 245 h 512"/>
              <a:gd name="T82" fmla="*/ 330 w 512"/>
              <a:gd name="T83" fmla="*/ 245 h 512"/>
              <a:gd name="T84" fmla="*/ 352 w 512"/>
              <a:gd name="T8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245" y="288"/>
                </a:moveTo>
                <a:cubicBezTo>
                  <a:pt x="181" y="288"/>
                  <a:pt x="181" y="288"/>
                  <a:pt x="181" y="288"/>
                </a:cubicBezTo>
                <a:cubicBezTo>
                  <a:pt x="181" y="277"/>
                  <a:pt x="181" y="277"/>
                  <a:pt x="181" y="277"/>
                </a:cubicBezTo>
                <a:cubicBezTo>
                  <a:pt x="181" y="271"/>
                  <a:pt x="176" y="266"/>
                  <a:pt x="170" y="266"/>
                </a:cubicBezTo>
                <a:cubicBezTo>
                  <a:pt x="160" y="266"/>
                  <a:pt x="160" y="266"/>
                  <a:pt x="160" y="266"/>
                </a:cubicBezTo>
                <a:cubicBezTo>
                  <a:pt x="160" y="202"/>
                  <a:pt x="160" y="202"/>
                  <a:pt x="160" y="202"/>
                </a:cubicBezTo>
                <a:cubicBezTo>
                  <a:pt x="170" y="202"/>
                  <a:pt x="170" y="202"/>
                  <a:pt x="170" y="202"/>
                </a:cubicBezTo>
                <a:cubicBezTo>
                  <a:pt x="176" y="202"/>
                  <a:pt x="181" y="198"/>
                  <a:pt x="181" y="192"/>
                </a:cubicBezTo>
                <a:cubicBezTo>
                  <a:pt x="181" y="181"/>
                  <a:pt x="181" y="181"/>
                  <a:pt x="181" y="181"/>
                </a:cubicBezTo>
                <a:cubicBezTo>
                  <a:pt x="245" y="181"/>
                  <a:pt x="245" y="181"/>
                  <a:pt x="245" y="181"/>
                </a:cubicBezTo>
                <a:cubicBezTo>
                  <a:pt x="245" y="192"/>
                  <a:pt x="245" y="192"/>
                  <a:pt x="245" y="192"/>
                </a:cubicBezTo>
                <a:cubicBezTo>
                  <a:pt x="245" y="198"/>
                  <a:pt x="250" y="202"/>
                  <a:pt x="256" y="202"/>
                </a:cubicBezTo>
                <a:cubicBezTo>
                  <a:pt x="266" y="202"/>
                  <a:pt x="266" y="202"/>
                  <a:pt x="266" y="202"/>
                </a:cubicBezTo>
                <a:cubicBezTo>
                  <a:pt x="266" y="266"/>
                  <a:pt x="266" y="266"/>
                  <a:pt x="266" y="266"/>
                </a:cubicBezTo>
                <a:cubicBezTo>
                  <a:pt x="256" y="266"/>
                  <a:pt x="256" y="266"/>
                  <a:pt x="256" y="266"/>
                </a:cubicBezTo>
                <a:cubicBezTo>
                  <a:pt x="250" y="266"/>
                  <a:pt x="245" y="271"/>
                  <a:pt x="245" y="277"/>
                </a:cubicBezTo>
                <a:lnTo>
                  <a:pt x="245" y="288"/>
                </a:lnTo>
                <a:close/>
                <a:moveTo>
                  <a:pt x="160" y="160"/>
                </a:moveTo>
                <a:cubicBezTo>
                  <a:pt x="138" y="160"/>
                  <a:pt x="138" y="160"/>
                  <a:pt x="138" y="160"/>
                </a:cubicBezTo>
                <a:cubicBezTo>
                  <a:pt x="138" y="181"/>
                  <a:pt x="138" y="181"/>
                  <a:pt x="138" y="181"/>
                </a:cubicBezTo>
                <a:cubicBezTo>
                  <a:pt x="160" y="181"/>
                  <a:pt x="160" y="181"/>
                  <a:pt x="160" y="181"/>
                </a:cubicBezTo>
                <a:lnTo>
                  <a:pt x="160" y="160"/>
                </a:lnTo>
                <a:close/>
                <a:moveTo>
                  <a:pt x="288" y="160"/>
                </a:moveTo>
                <a:cubicBezTo>
                  <a:pt x="266" y="160"/>
                  <a:pt x="266" y="160"/>
                  <a:pt x="266" y="160"/>
                </a:cubicBezTo>
                <a:cubicBezTo>
                  <a:pt x="266" y="181"/>
                  <a:pt x="266" y="181"/>
                  <a:pt x="266" y="181"/>
                </a:cubicBezTo>
                <a:cubicBezTo>
                  <a:pt x="288" y="181"/>
                  <a:pt x="288" y="181"/>
                  <a:pt x="288" y="181"/>
                </a:cubicBezTo>
                <a:lnTo>
                  <a:pt x="288" y="160"/>
                </a:lnTo>
                <a:close/>
                <a:moveTo>
                  <a:pt x="202" y="373"/>
                </a:moveTo>
                <a:cubicBezTo>
                  <a:pt x="224" y="373"/>
                  <a:pt x="224" y="373"/>
                  <a:pt x="224" y="373"/>
                </a:cubicBezTo>
                <a:cubicBezTo>
                  <a:pt x="224" y="352"/>
                  <a:pt x="224" y="352"/>
                  <a:pt x="224" y="352"/>
                </a:cubicBezTo>
                <a:cubicBezTo>
                  <a:pt x="202" y="352"/>
                  <a:pt x="202" y="352"/>
                  <a:pt x="202" y="352"/>
                </a:cubicBezTo>
                <a:lnTo>
                  <a:pt x="202" y="373"/>
                </a:lnTo>
                <a:close/>
                <a:moveTo>
                  <a:pt x="266" y="309"/>
                </a:moveTo>
                <a:cubicBezTo>
                  <a:pt x="288" y="309"/>
                  <a:pt x="288" y="309"/>
                  <a:pt x="288" y="309"/>
                </a:cubicBezTo>
                <a:cubicBezTo>
                  <a:pt x="288" y="288"/>
                  <a:pt x="288" y="288"/>
                  <a:pt x="288" y="288"/>
                </a:cubicBezTo>
                <a:cubicBezTo>
                  <a:pt x="266" y="288"/>
                  <a:pt x="266" y="288"/>
                  <a:pt x="266" y="288"/>
                </a:cubicBezTo>
                <a:lnTo>
                  <a:pt x="266" y="309"/>
                </a:lnTo>
                <a:close/>
                <a:moveTo>
                  <a:pt x="138" y="309"/>
                </a:moveTo>
                <a:cubicBezTo>
                  <a:pt x="160" y="309"/>
                  <a:pt x="160" y="309"/>
                  <a:pt x="160" y="309"/>
                </a:cubicBezTo>
                <a:cubicBezTo>
                  <a:pt x="160" y="288"/>
                  <a:pt x="160" y="288"/>
                  <a:pt x="160" y="288"/>
                </a:cubicBezTo>
                <a:cubicBezTo>
                  <a:pt x="138" y="288"/>
                  <a:pt x="138" y="288"/>
                  <a:pt x="138" y="288"/>
                </a:cubicBezTo>
                <a:lnTo>
                  <a:pt x="138"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207"/>
                  <a:pt x="368" y="202"/>
                  <a:pt x="362" y="202"/>
                </a:cubicBezTo>
                <a:cubicBezTo>
                  <a:pt x="320" y="202"/>
                  <a:pt x="320" y="202"/>
                  <a:pt x="320" y="202"/>
                </a:cubicBezTo>
                <a:cubicBezTo>
                  <a:pt x="314" y="202"/>
                  <a:pt x="309" y="207"/>
                  <a:pt x="309" y="213"/>
                </a:cubicBezTo>
                <a:cubicBezTo>
                  <a:pt x="309" y="224"/>
                  <a:pt x="309" y="224"/>
                  <a:pt x="309" y="224"/>
                </a:cubicBezTo>
                <a:cubicBezTo>
                  <a:pt x="288" y="224"/>
                  <a:pt x="288" y="224"/>
                  <a:pt x="288" y="224"/>
                </a:cubicBezTo>
                <a:cubicBezTo>
                  <a:pt x="288" y="202"/>
                  <a:pt x="288" y="202"/>
                  <a:pt x="288" y="202"/>
                </a:cubicBezTo>
                <a:cubicBezTo>
                  <a:pt x="298" y="202"/>
                  <a:pt x="298" y="202"/>
                  <a:pt x="298" y="202"/>
                </a:cubicBezTo>
                <a:cubicBezTo>
                  <a:pt x="304" y="202"/>
                  <a:pt x="309" y="198"/>
                  <a:pt x="309" y="192"/>
                </a:cubicBezTo>
                <a:cubicBezTo>
                  <a:pt x="309" y="149"/>
                  <a:pt x="309" y="149"/>
                  <a:pt x="309" y="149"/>
                </a:cubicBezTo>
                <a:cubicBezTo>
                  <a:pt x="309" y="143"/>
                  <a:pt x="304" y="138"/>
                  <a:pt x="298" y="138"/>
                </a:cubicBezTo>
                <a:cubicBezTo>
                  <a:pt x="256" y="138"/>
                  <a:pt x="256" y="138"/>
                  <a:pt x="256" y="138"/>
                </a:cubicBezTo>
                <a:cubicBezTo>
                  <a:pt x="250" y="138"/>
                  <a:pt x="245" y="143"/>
                  <a:pt x="245" y="149"/>
                </a:cubicBezTo>
                <a:cubicBezTo>
                  <a:pt x="245" y="160"/>
                  <a:pt x="245" y="160"/>
                  <a:pt x="245" y="160"/>
                </a:cubicBezTo>
                <a:cubicBezTo>
                  <a:pt x="181" y="160"/>
                  <a:pt x="181" y="160"/>
                  <a:pt x="181" y="160"/>
                </a:cubicBezTo>
                <a:cubicBezTo>
                  <a:pt x="181" y="149"/>
                  <a:pt x="181" y="149"/>
                  <a:pt x="181" y="149"/>
                </a:cubicBezTo>
                <a:cubicBezTo>
                  <a:pt x="181" y="143"/>
                  <a:pt x="176" y="138"/>
                  <a:pt x="170" y="138"/>
                </a:cubicBezTo>
                <a:cubicBezTo>
                  <a:pt x="128" y="138"/>
                  <a:pt x="128" y="138"/>
                  <a:pt x="128" y="138"/>
                </a:cubicBezTo>
                <a:cubicBezTo>
                  <a:pt x="122" y="138"/>
                  <a:pt x="117" y="143"/>
                  <a:pt x="117" y="149"/>
                </a:cubicBezTo>
                <a:cubicBezTo>
                  <a:pt x="117" y="192"/>
                  <a:pt x="117" y="192"/>
                  <a:pt x="117" y="192"/>
                </a:cubicBezTo>
                <a:cubicBezTo>
                  <a:pt x="117" y="198"/>
                  <a:pt x="122" y="202"/>
                  <a:pt x="128" y="202"/>
                </a:cubicBezTo>
                <a:cubicBezTo>
                  <a:pt x="138" y="202"/>
                  <a:pt x="138" y="202"/>
                  <a:pt x="138" y="202"/>
                </a:cubicBezTo>
                <a:cubicBezTo>
                  <a:pt x="138" y="266"/>
                  <a:pt x="138" y="266"/>
                  <a:pt x="138" y="266"/>
                </a:cubicBezTo>
                <a:cubicBezTo>
                  <a:pt x="128" y="266"/>
                  <a:pt x="128" y="266"/>
                  <a:pt x="128" y="266"/>
                </a:cubicBezTo>
                <a:cubicBezTo>
                  <a:pt x="122" y="266"/>
                  <a:pt x="117" y="271"/>
                  <a:pt x="117" y="277"/>
                </a:cubicBezTo>
                <a:cubicBezTo>
                  <a:pt x="117" y="320"/>
                  <a:pt x="117" y="320"/>
                  <a:pt x="117" y="320"/>
                </a:cubicBezTo>
                <a:cubicBezTo>
                  <a:pt x="117" y="326"/>
                  <a:pt x="122" y="330"/>
                  <a:pt x="128" y="330"/>
                </a:cubicBezTo>
                <a:cubicBezTo>
                  <a:pt x="170" y="330"/>
                  <a:pt x="170" y="330"/>
                  <a:pt x="170" y="330"/>
                </a:cubicBezTo>
                <a:cubicBezTo>
                  <a:pt x="176" y="330"/>
                  <a:pt x="181" y="326"/>
                  <a:pt x="181" y="320"/>
                </a:cubicBezTo>
                <a:cubicBezTo>
                  <a:pt x="181" y="309"/>
                  <a:pt x="181" y="309"/>
                  <a:pt x="181" y="309"/>
                </a:cubicBezTo>
                <a:cubicBezTo>
                  <a:pt x="202" y="309"/>
                  <a:pt x="202" y="309"/>
                  <a:pt x="202" y="309"/>
                </a:cubicBezTo>
                <a:cubicBezTo>
                  <a:pt x="202" y="330"/>
                  <a:pt x="202" y="330"/>
                  <a:pt x="202" y="330"/>
                </a:cubicBezTo>
                <a:cubicBezTo>
                  <a:pt x="192" y="330"/>
                  <a:pt x="192" y="330"/>
                  <a:pt x="192" y="330"/>
                </a:cubicBezTo>
                <a:cubicBezTo>
                  <a:pt x="186" y="330"/>
                  <a:pt x="181" y="335"/>
                  <a:pt x="181" y="341"/>
                </a:cubicBezTo>
                <a:cubicBezTo>
                  <a:pt x="181" y="384"/>
                  <a:pt x="181" y="384"/>
                  <a:pt x="181" y="384"/>
                </a:cubicBezTo>
                <a:cubicBezTo>
                  <a:pt x="181" y="390"/>
                  <a:pt x="186" y="394"/>
                  <a:pt x="192" y="394"/>
                </a:cubicBezTo>
                <a:cubicBezTo>
                  <a:pt x="234" y="394"/>
                  <a:pt x="234" y="394"/>
                  <a:pt x="234" y="394"/>
                </a:cubicBezTo>
                <a:cubicBezTo>
                  <a:pt x="240" y="394"/>
                  <a:pt x="245" y="390"/>
                  <a:pt x="245" y="384"/>
                </a:cubicBezTo>
                <a:cubicBezTo>
                  <a:pt x="245" y="373"/>
                  <a:pt x="245" y="373"/>
                  <a:pt x="245" y="373"/>
                </a:cubicBezTo>
                <a:cubicBezTo>
                  <a:pt x="309" y="373"/>
                  <a:pt x="309" y="373"/>
                  <a:pt x="309" y="373"/>
                </a:cubicBezTo>
                <a:cubicBezTo>
                  <a:pt x="309" y="384"/>
                  <a:pt x="309" y="384"/>
                  <a:pt x="309" y="384"/>
                </a:cubicBezTo>
                <a:cubicBezTo>
                  <a:pt x="309" y="390"/>
                  <a:pt x="314" y="394"/>
                  <a:pt x="320" y="394"/>
                </a:cubicBezTo>
                <a:cubicBezTo>
                  <a:pt x="362" y="394"/>
                  <a:pt x="362" y="394"/>
                  <a:pt x="362" y="394"/>
                </a:cubicBezTo>
                <a:cubicBezTo>
                  <a:pt x="368" y="394"/>
                  <a:pt x="373" y="390"/>
                  <a:pt x="373" y="384"/>
                </a:cubicBezTo>
                <a:cubicBezTo>
                  <a:pt x="373" y="341"/>
                  <a:pt x="373" y="341"/>
                  <a:pt x="373" y="341"/>
                </a:cubicBezTo>
                <a:cubicBezTo>
                  <a:pt x="373" y="335"/>
                  <a:pt x="368" y="330"/>
                  <a:pt x="362" y="330"/>
                </a:cubicBezTo>
                <a:cubicBezTo>
                  <a:pt x="352" y="330"/>
                  <a:pt x="352" y="330"/>
                  <a:pt x="352" y="330"/>
                </a:cubicBezTo>
                <a:cubicBezTo>
                  <a:pt x="352" y="266"/>
                  <a:pt x="352" y="266"/>
                  <a:pt x="352" y="266"/>
                </a:cubicBezTo>
                <a:cubicBezTo>
                  <a:pt x="362" y="266"/>
                  <a:pt x="362" y="266"/>
                  <a:pt x="362" y="266"/>
                </a:cubicBezTo>
                <a:cubicBezTo>
                  <a:pt x="368" y="266"/>
                  <a:pt x="373" y="262"/>
                  <a:pt x="373" y="256"/>
                </a:cubicBezTo>
                <a:lnTo>
                  <a:pt x="373" y="213"/>
                </a:lnTo>
                <a:close/>
                <a:moveTo>
                  <a:pt x="330" y="266"/>
                </a:moveTo>
                <a:cubicBezTo>
                  <a:pt x="320" y="266"/>
                  <a:pt x="320" y="266"/>
                  <a:pt x="320" y="266"/>
                </a:cubicBezTo>
                <a:cubicBezTo>
                  <a:pt x="314" y="266"/>
                  <a:pt x="309" y="262"/>
                  <a:pt x="309" y="256"/>
                </a:cubicBezTo>
                <a:cubicBezTo>
                  <a:pt x="309" y="245"/>
                  <a:pt x="309" y="245"/>
                  <a:pt x="309" y="245"/>
                </a:cubicBezTo>
                <a:cubicBezTo>
                  <a:pt x="288" y="245"/>
                  <a:pt x="288" y="245"/>
                  <a:pt x="288" y="245"/>
                </a:cubicBezTo>
                <a:cubicBezTo>
                  <a:pt x="288" y="266"/>
                  <a:pt x="288" y="266"/>
                  <a:pt x="288" y="266"/>
                </a:cubicBezTo>
                <a:cubicBezTo>
                  <a:pt x="298" y="266"/>
                  <a:pt x="298" y="266"/>
                  <a:pt x="298" y="266"/>
                </a:cubicBezTo>
                <a:cubicBezTo>
                  <a:pt x="304" y="266"/>
                  <a:pt x="309" y="271"/>
                  <a:pt x="309" y="277"/>
                </a:cubicBezTo>
                <a:cubicBezTo>
                  <a:pt x="309" y="320"/>
                  <a:pt x="309" y="320"/>
                  <a:pt x="309" y="320"/>
                </a:cubicBezTo>
                <a:cubicBezTo>
                  <a:pt x="309" y="326"/>
                  <a:pt x="304" y="330"/>
                  <a:pt x="298" y="330"/>
                </a:cubicBezTo>
                <a:cubicBezTo>
                  <a:pt x="256" y="330"/>
                  <a:pt x="256" y="330"/>
                  <a:pt x="256" y="330"/>
                </a:cubicBezTo>
                <a:cubicBezTo>
                  <a:pt x="250" y="330"/>
                  <a:pt x="245" y="326"/>
                  <a:pt x="245" y="320"/>
                </a:cubicBezTo>
                <a:cubicBezTo>
                  <a:pt x="245" y="309"/>
                  <a:pt x="245" y="309"/>
                  <a:pt x="245" y="309"/>
                </a:cubicBezTo>
                <a:cubicBezTo>
                  <a:pt x="224" y="309"/>
                  <a:pt x="224" y="309"/>
                  <a:pt x="224" y="309"/>
                </a:cubicBezTo>
                <a:cubicBezTo>
                  <a:pt x="224" y="330"/>
                  <a:pt x="224" y="330"/>
                  <a:pt x="224" y="330"/>
                </a:cubicBezTo>
                <a:cubicBezTo>
                  <a:pt x="234" y="330"/>
                  <a:pt x="234" y="330"/>
                  <a:pt x="234" y="330"/>
                </a:cubicBezTo>
                <a:cubicBezTo>
                  <a:pt x="240" y="330"/>
                  <a:pt x="245" y="335"/>
                  <a:pt x="245" y="341"/>
                </a:cubicBezTo>
                <a:cubicBezTo>
                  <a:pt x="245" y="352"/>
                  <a:pt x="245" y="352"/>
                  <a:pt x="245" y="352"/>
                </a:cubicBezTo>
                <a:cubicBezTo>
                  <a:pt x="309" y="352"/>
                  <a:pt x="309" y="352"/>
                  <a:pt x="309" y="352"/>
                </a:cubicBezTo>
                <a:cubicBezTo>
                  <a:pt x="309" y="341"/>
                  <a:pt x="309" y="341"/>
                  <a:pt x="309" y="341"/>
                </a:cubicBezTo>
                <a:cubicBezTo>
                  <a:pt x="309" y="335"/>
                  <a:pt x="314" y="330"/>
                  <a:pt x="320" y="330"/>
                </a:cubicBezTo>
                <a:cubicBezTo>
                  <a:pt x="330" y="330"/>
                  <a:pt x="330" y="330"/>
                  <a:pt x="330" y="330"/>
                </a:cubicBezTo>
                <a:lnTo>
                  <a:pt x="330" y="266"/>
                </a:lnTo>
                <a:close/>
                <a:moveTo>
                  <a:pt x="330" y="245"/>
                </a:moveTo>
                <a:cubicBezTo>
                  <a:pt x="352" y="245"/>
                  <a:pt x="352" y="245"/>
                  <a:pt x="352" y="245"/>
                </a:cubicBezTo>
                <a:cubicBezTo>
                  <a:pt x="352" y="224"/>
                  <a:pt x="352" y="224"/>
                  <a:pt x="352" y="224"/>
                </a:cubicBezTo>
                <a:cubicBezTo>
                  <a:pt x="330" y="224"/>
                  <a:pt x="330" y="224"/>
                  <a:pt x="330" y="224"/>
                </a:cubicBezTo>
                <a:lnTo>
                  <a:pt x="330" y="245"/>
                </a:lnTo>
                <a:close/>
                <a:moveTo>
                  <a:pt x="330" y="373"/>
                </a:moveTo>
                <a:cubicBezTo>
                  <a:pt x="352" y="373"/>
                  <a:pt x="352" y="373"/>
                  <a:pt x="352" y="373"/>
                </a:cubicBezTo>
                <a:cubicBezTo>
                  <a:pt x="352" y="352"/>
                  <a:pt x="352" y="352"/>
                  <a:pt x="352" y="352"/>
                </a:cubicBezTo>
                <a:cubicBezTo>
                  <a:pt x="330" y="352"/>
                  <a:pt x="330" y="352"/>
                  <a:pt x="330" y="352"/>
                </a:cubicBezTo>
                <a:lnTo>
                  <a:pt x="330" y="373"/>
                </a:lnTo>
                <a:close/>
              </a:path>
            </a:pathLst>
          </a:custGeom>
          <a:solidFill>
            <a:srgbClr val="7030A0"/>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61" name="Freeform 360">
            <a:extLst>
              <a:ext uri="{FF2B5EF4-FFF2-40B4-BE49-F238E27FC236}">
                <a16:creationId xmlns:a16="http://schemas.microsoft.com/office/drawing/2014/main" id="{FEE5F058-0797-AE8B-392C-6687C18010AB}"/>
              </a:ext>
            </a:extLst>
          </p:cNvPr>
          <p:cNvSpPr>
            <a:spLocks noChangeAspect="1" noEditPoints="1"/>
          </p:cNvSpPr>
          <p:nvPr/>
        </p:nvSpPr>
        <p:spPr bwMode="auto">
          <a:xfrm>
            <a:off x="7261679" y="3340651"/>
            <a:ext cx="369021" cy="369021"/>
          </a:xfrm>
          <a:custGeom>
            <a:avLst/>
            <a:gdLst>
              <a:gd name="T0" fmla="*/ 281 w 512"/>
              <a:gd name="T1" fmla="*/ 266 h 512"/>
              <a:gd name="T2" fmla="*/ 394 w 512"/>
              <a:gd name="T3" fmla="*/ 266 h 512"/>
              <a:gd name="T4" fmla="*/ 361 w 512"/>
              <a:gd name="T5" fmla="*/ 346 h 512"/>
              <a:gd name="T6" fmla="*/ 281 w 512"/>
              <a:gd name="T7" fmla="*/ 266 h 512"/>
              <a:gd name="T8" fmla="*/ 245 w 512"/>
              <a:gd name="T9" fmla="*/ 256 h 512"/>
              <a:gd name="T10" fmla="*/ 245 w 512"/>
              <a:gd name="T11" fmla="*/ 118 h 512"/>
              <a:gd name="T12" fmla="*/ 117 w 512"/>
              <a:gd name="T13" fmla="*/ 256 h 512"/>
              <a:gd name="T14" fmla="*/ 256 w 512"/>
              <a:gd name="T15" fmla="*/ 394 h 512"/>
              <a:gd name="T16" fmla="*/ 346 w 512"/>
              <a:gd name="T17" fmla="*/ 361 h 512"/>
              <a:gd name="T18" fmla="*/ 248 w 512"/>
              <a:gd name="T19" fmla="*/ 263 h 512"/>
              <a:gd name="T20" fmla="*/ 245 w 512"/>
              <a:gd name="T21" fmla="*/ 256 h 512"/>
              <a:gd name="T22" fmla="*/ 266 w 512"/>
              <a:gd name="T23" fmla="*/ 118 h 512"/>
              <a:gd name="T24" fmla="*/ 266 w 512"/>
              <a:gd name="T25" fmla="*/ 245 h 512"/>
              <a:gd name="T26" fmla="*/ 394 w 512"/>
              <a:gd name="T27" fmla="*/ 245 h 512"/>
              <a:gd name="T28" fmla="*/ 266 w 512"/>
              <a:gd name="T29" fmla="*/ 11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256 h 512"/>
              <a:gd name="T42" fmla="*/ 256 w 512"/>
              <a:gd name="T43" fmla="*/ 96 h 512"/>
              <a:gd name="T44" fmla="*/ 96 w 512"/>
              <a:gd name="T45" fmla="*/ 256 h 512"/>
              <a:gd name="T46" fmla="*/ 256 w 512"/>
              <a:gd name="T47" fmla="*/ 416 h 512"/>
              <a:gd name="T48" fmla="*/ 416 w 512"/>
              <a:gd name="T4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81" y="266"/>
                </a:moveTo>
                <a:cubicBezTo>
                  <a:pt x="394" y="266"/>
                  <a:pt x="394" y="266"/>
                  <a:pt x="394" y="266"/>
                </a:cubicBezTo>
                <a:cubicBezTo>
                  <a:pt x="391" y="297"/>
                  <a:pt x="379" y="324"/>
                  <a:pt x="361" y="346"/>
                </a:cubicBezTo>
                <a:lnTo>
                  <a:pt x="281" y="266"/>
                </a:lnTo>
                <a:close/>
                <a:moveTo>
                  <a:pt x="245" y="256"/>
                </a:moveTo>
                <a:cubicBezTo>
                  <a:pt x="245" y="118"/>
                  <a:pt x="245" y="118"/>
                  <a:pt x="245" y="118"/>
                </a:cubicBezTo>
                <a:cubicBezTo>
                  <a:pt x="174" y="123"/>
                  <a:pt x="117" y="183"/>
                  <a:pt x="117" y="256"/>
                </a:cubicBezTo>
                <a:cubicBezTo>
                  <a:pt x="117" y="332"/>
                  <a:pt x="179" y="394"/>
                  <a:pt x="256" y="394"/>
                </a:cubicBezTo>
                <a:cubicBezTo>
                  <a:pt x="290" y="394"/>
                  <a:pt x="322" y="382"/>
                  <a:pt x="346" y="361"/>
                </a:cubicBezTo>
                <a:cubicBezTo>
                  <a:pt x="248" y="263"/>
                  <a:pt x="248" y="263"/>
                  <a:pt x="248" y="263"/>
                </a:cubicBezTo>
                <a:cubicBezTo>
                  <a:pt x="246" y="261"/>
                  <a:pt x="245" y="259"/>
                  <a:pt x="245" y="256"/>
                </a:cubicBezTo>
                <a:close/>
                <a:moveTo>
                  <a:pt x="266" y="118"/>
                </a:moveTo>
                <a:cubicBezTo>
                  <a:pt x="266" y="245"/>
                  <a:pt x="266" y="245"/>
                  <a:pt x="266" y="245"/>
                </a:cubicBezTo>
                <a:cubicBezTo>
                  <a:pt x="394" y="245"/>
                  <a:pt x="394" y="245"/>
                  <a:pt x="394" y="245"/>
                </a:cubicBezTo>
                <a:cubicBezTo>
                  <a:pt x="389" y="177"/>
                  <a:pt x="334" y="123"/>
                  <a:pt x="266" y="11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50" b="0" i="0" u="none" strike="noStrike" kern="1200" cap="none" spc="0" normalizeH="0" baseline="0" noProof="0">
              <a:ln>
                <a:noFill/>
              </a:ln>
              <a:solidFill>
                <a:prstClr val="black"/>
              </a:solidFill>
              <a:effectLst/>
              <a:uLnTx/>
              <a:uFillTx/>
              <a:latin typeface="+mj-lt"/>
              <a:ea typeface="+mn-ea"/>
              <a:cs typeface="+mn-cs"/>
            </a:endParaRPr>
          </a:p>
        </p:txBody>
      </p:sp>
      <p:sp>
        <p:nvSpPr>
          <p:cNvPr id="63" name="Freeform 263">
            <a:extLst>
              <a:ext uri="{FF2B5EF4-FFF2-40B4-BE49-F238E27FC236}">
                <a16:creationId xmlns:a16="http://schemas.microsoft.com/office/drawing/2014/main" id="{AE87D1D9-96F9-EEEC-0488-C4D96E788254}"/>
              </a:ext>
            </a:extLst>
          </p:cNvPr>
          <p:cNvSpPr>
            <a:spLocks noChangeAspect="1" noEditPoints="1"/>
          </p:cNvSpPr>
          <p:nvPr/>
        </p:nvSpPr>
        <p:spPr bwMode="auto">
          <a:xfrm>
            <a:off x="6063416" y="2222202"/>
            <a:ext cx="369676" cy="369676"/>
          </a:xfrm>
          <a:custGeom>
            <a:avLst/>
            <a:gdLst>
              <a:gd name="T0" fmla="*/ 117 w 512"/>
              <a:gd name="T1" fmla="*/ 160 h 512"/>
              <a:gd name="T2" fmla="*/ 394 w 512"/>
              <a:gd name="T3" fmla="*/ 160 h 512"/>
              <a:gd name="T4" fmla="*/ 394 w 512"/>
              <a:gd name="T5" fmla="*/ 330 h 512"/>
              <a:gd name="T6" fmla="*/ 213 w 512"/>
              <a:gd name="T7" fmla="*/ 330 h 512"/>
              <a:gd name="T8" fmla="*/ 205 w 512"/>
              <a:gd name="T9" fmla="*/ 334 h 512"/>
              <a:gd name="T10" fmla="*/ 170 w 512"/>
              <a:gd name="T11" fmla="*/ 376 h 512"/>
              <a:gd name="T12" fmla="*/ 170 w 512"/>
              <a:gd name="T13" fmla="*/ 341 h 512"/>
              <a:gd name="T14" fmla="*/ 160 w 512"/>
              <a:gd name="T15" fmla="*/ 330 h 512"/>
              <a:gd name="T16" fmla="*/ 117 w 512"/>
              <a:gd name="T17" fmla="*/ 330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416 w 512"/>
              <a:gd name="T31" fmla="*/ 149 h 512"/>
              <a:gd name="T32" fmla="*/ 405 w 512"/>
              <a:gd name="T33" fmla="*/ 138 h 512"/>
              <a:gd name="T34" fmla="*/ 106 w 512"/>
              <a:gd name="T35" fmla="*/ 138 h 512"/>
              <a:gd name="T36" fmla="*/ 96 w 512"/>
              <a:gd name="T37" fmla="*/ 149 h 512"/>
              <a:gd name="T38" fmla="*/ 96 w 512"/>
              <a:gd name="T39" fmla="*/ 341 h 512"/>
              <a:gd name="T40" fmla="*/ 106 w 512"/>
              <a:gd name="T41" fmla="*/ 352 h 512"/>
              <a:gd name="T42" fmla="*/ 149 w 512"/>
              <a:gd name="T43" fmla="*/ 352 h 512"/>
              <a:gd name="T44" fmla="*/ 149 w 512"/>
              <a:gd name="T45" fmla="*/ 405 h 512"/>
              <a:gd name="T46" fmla="*/ 156 w 512"/>
              <a:gd name="T47" fmla="*/ 415 h 512"/>
              <a:gd name="T48" fmla="*/ 160 w 512"/>
              <a:gd name="T49" fmla="*/ 416 h 512"/>
              <a:gd name="T50" fmla="*/ 168 w 512"/>
              <a:gd name="T51" fmla="*/ 412 h 512"/>
              <a:gd name="T52" fmla="*/ 218 w 512"/>
              <a:gd name="T53" fmla="*/ 352 h 512"/>
              <a:gd name="T54" fmla="*/ 405 w 512"/>
              <a:gd name="T55" fmla="*/ 352 h 512"/>
              <a:gd name="T56" fmla="*/ 416 w 512"/>
              <a:gd name="T57" fmla="*/ 341 h 512"/>
              <a:gd name="T58" fmla="*/ 416 w 512"/>
              <a:gd name="T5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117" y="160"/>
                </a:moveTo>
                <a:cubicBezTo>
                  <a:pt x="394" y="160"/>
                  <a:pt x="394" y="160"/>
                  <a:pt x="394" y="160"/>
                </a:cubicBezTo>
                <a:cubicBezTo>
                  <a:pt x="394" y="330"/>
                  <a:pt x="394" y="330"/>
                  <a:pt x="394" y="330"/>
                </a:cubicBezTo>
                <a:cubicBezTo>
                  <a:pt x="213" y="330"/>
                  <a:pt x="213" y="330"/>
                  <a:pt x="213" y="330"/>
                </a:cubicBezTo>
                <a:cubicBezTo>
                  <a:pt x="210" y="330"/>
                  <a:pt x="207" y="332"/>
                  <a:pt x="205" y="334"/>
                </a:cubicBezTo>
                <a:cubicBezTo>
                  <a:pt x="170" y="376"/>
                  <a:pt x="170" y="376"/>
                  <a:pt x="170" y="376"/>
                </a:cubicBezTo>
                <a:cubicBezTo>
                  <a:pt x="170" y="341"/>
                  <a:pt x="170" y="341"/>
                  <a:pt x="170" y="341"/>
                </a:cubicBezTo>
                <a:cubicBezTo>
                  <a:pt x="170" y="335"/>
                  <a:pt x="166" y="330"/>
                  <a:pt x="160" y="330"/>
                </a:cubicBezTo>
                <a:cubicBezTo>
                  <a:pt x="117" y="330"/>
                  <a:pt x="117" y="330"/>
                  <a:pt x="117" y="330"/>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106" y="138"/>
                  <a:pt x="106" y="138"/>
                  <a:pt x="106" y="138"/>
                </a:cubicBezTo>
                <a:cubicBezTo>
                  <a:pt x="100" y="138"/>
                  <a:pt x="96" y="143"/>
                  <a:pt x="96" y="149"/>
                </a:cubicBezTo>
                <a:cubicBezTo>
                  <a:pt x="96" y="341"/>
                  <a:pt x="96" y="341"/>
                  <a:pt x="96" y="341"/>
                </a:cubicBezTo>
                <a:cubicBezTo>
                  <a:pt x="96" y="347"/>
                  <a:pt x="100" y="352"/>
                  <a:pt x="106" y="352"/>
                </a:cubicBezTo>
                <a:cubicBezTo>
                  <a:pt x="149" y="352"/>
                  <a:pt x="149" y="352"/>
                  <a:pt x="149" y="352"/>
                </a:cubicBezTo>
                <a:cubicBezTo>
                  <a:pt x="149" y="405"/>
                  <a:pt x="149" y="405"/>
                  <a:pt x="149" y="405"/>
                </a:cubicBezTo>
                <a:cubicBezTo>
                  <a:pt x="149" y="409"/>
                  <a:pt x="152" y="414"/>
                  <a:pt x="156" y="415"/>
                </a:cubicBezTo>
                <a:cubicBezTo>
                  <a:pt x="157" y="415"/>
                  <a:pt x="158" y="416"/>
                  <a:pt x="160" y="416"/>
                </a:cubicBezTo>
                <a:cubicBezTo>
                  <a:pt x="163" y="416"/>
                  <a:pt x="166" y="414"/>
                  <a:pt x="168" y="412"/>
                </a:cubicBezTo>
                <a:cubicBezTo>
                  <a:pt x="218" y="352"/>
                  <a:pt x="218" y="352"/>
                  <a:pt x="218" y="352"/>
                </a:cubicBezTo>
                <a:cubicBezTo>
                  <a:pt x="405" y="352"/>
                  <a:pt x="405" y="352"/>
                  <a:pt x="405" y="352"/>
                </a:cubicBezTo>
                <a:cubicBezTo>
                  <a:pt x="411" y="352"/>
                  <a:pt x="416" y="347"/>
                  <a:pt x="416" y="341"/>
                </a:cubicBezTo>
                <a:lnTo>
                  <a:pt x="416" y="149"/>
                </a:ln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50" b="0" i="0" u="none" strike="noStrike" kern="1200" cap="none" spc="0" normalizeH="0" baseline="0" noProof="0">
              <a:ln>
                <a:noFill/>
              </a:ln>
              <a:solidFill>
                <a:prstClr val="black"/>
              </a:solidFill>
              <a:effectLst/>
              <a:uLnTx/>
              <a:uFillTx/>
              <a:latin typeface="+mj-lt"/>
              <a:ea typeface="+mn-ea"/>
              <a:cs typeface="+mn-cs"/>
            </a:endParaRPr>
          </a:p>
        </p:txBody>
      </p:sp>
      <p:sp>
        <p:nvSpPr>
          <p:cNvPr id="65" name="Freeform 867">
            <a:extLst>
              <a:ext uri="{FF2B5EF4-FFF2-40B4-BE49-F238E27FC236}">
                <a16:creationId xmlns:a16="http://schemas.microsoft.com/office/drawing/2014/main" id="{0C7268C5-FF23-FD9D-1A5F-4D4C34CF9A3B}"/>
              </a:ext>
            </a:extLst>
          </p:cNvPr>
          <p:cNvSpPr>
            <a:spLocks noChangeAspect="1" noEditPoints="1"/>
          </p:cNvSpPr>
          <p:nvPr/>
        </p:nvSpPr>
        <p:spPr bwMode="auto">
          <a:xfrm>
            <a:off x="6063416" y="3379518"/>
            <a:ext cx="368713" cy="368713"/>
          </a:xfrm>
          <a:custGeom>
            <a:avLst/>
            <a:gdLst>
              <a:gd name="T0" fmla="*/ 138 w 512"/>
              <a:gd name="T1" fmla="*/ 138 h 512"/>
              <a:gd name="T2" fmla="*/ 373 w 512"/>
              <a:gd name="T3" fmla="*/ 138 h 512"/>
              <a:gd name="T4" fmla="*/ 373 w 512"/>
              <a:gd name="T5" fmla="*/ 309 h 512"/>
              <a:gd name="T6" fmla="*/ 138 w 512"/>
              <a:gd name="T7" fmla="*/ 309 h 512"/>
              <a:gd name="T8" fmla="*/ 138 w 512"/>
              <a:gd name="T9" fmla="*/ 138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94 w 512"/>
              <a:gd name="T21" fmla="*/ 128 h 512"/>
              <a:gd name="T22" fmla="*/ 384 w 512"/>
              <a:gd name="T23" fmla="*/ 117 h 512"/>
              <a:gd name="T24" fmla="*/ 266 w 512"/>
              <a:gd name="T25" fmla="*/ 117 h 512"/>
              <a:gd name="T26" fmla="*/ 256 w 512"/>
              <a:gd name="T27" fmla="*/ 106 h 512"/>
              <a:gd name="T28" fmla="*/ 245 w 512"/>
              <a:gd name="T29" fmla="*/ 117 h 512"/>
              <a:gd name="T30" fmla="*/ 128 w 512"/>
              <a:gd name="T31" fmla="*/ 117 h 512"/>
              <a:gd name="T32" fmla="*/ 117 w 512"/>
              <a:gd name="T33" fmla="*/ 128 h 512"/>
              <a:gd name="T34" fmla="*/ 117 w 512"/>
              <a:gd name="T35" fmla="*/ 320 h 512"/>
              <a:gd name="T36" fmla="*/ 128 w 512"/>
              <a:gd name="T37" fmla="*/ 330 h 512"/>
              <a:gd name="T38" fmla="*/ 198 w 512"/>
              <a:gd name="T39" fmla="*/ 330 h 512"/>
              <a:gd name="T40" fmla="*/ 171 w 512"/>
              <a:gd name="T41" fmla="*/ 401 h 512"/>
              <a:gd name="T42" fmla="*/ 177 w 512"/>
              <a:gd name="T43" fmla="*/ 415 h 512"/>
              <a:gd name="T44" fmla="*/ 181 w 512"/>
              <a:gd name="T45" fmla="*/ 416 h 512"/>
              <a:gd name="T46" fmla="*/ 191 w 512"/>
              <a:gd name="T47" fmla="*/ 409 h 512"/>
              <a:gd name="T48" fmla="*/ 220 w 512"/>
              <a:gd name="T49" fmla="*/ 330 h 512"/>
              <a:gd name="T50" fmla="*/ 245 w 512"/>
              <a:gd name="T51" fmla="*/ 330 h 512"/>
              <a:gd name="T52" fmla="*/ 245 w 512"/>
              <a:gd name="T53" fmla="*/ 373 h 512"/>
              <a:gd name="T54" fmla="*/ 256 w 512"/>
              <a:gd name="T55" fmla="*/ 384 h 512"/>
              <a:gd name="T56" fmla="*/ 266 w 512"/>
              <a:gd name="T57" fmla="*/ 373 h 512"/>
              <a:gd name="T58" fmla="*/ 266 w 512"/>
              <a:gd name="T59" fmla="*/ 330 h 512"/>
              <a:gd name="T60" fmla="*/ 291 w 512"/>
              <a:gd name="T61" fmla="*/ 330 h 512"/>
              <a:gd name="T62" fmla="*/ 320 w 512"/>
              <a:gd name="T63" fmla="*/ 409 h 512"/>
              <a:gd name="T64" fmla="*/ 330 w 512"/>
              <a:gd name="T65" fmla="*/ 416 h 512"/>
              <a:gd name="T66" fmla="*/ 334 w 512"/>
              <a:gd name="T67" fmla="*/ 415 h 512"/>
              <a:gd name="T68" fmla="*/ 340 w 512"/>
              <a:gd name="T69" fmla="*/ 401 h 512"/>
              <a:gd name="T70" fmla="*/ 314 w 512"/>
              <a:gd name="T71" fmla="*/ 330 h 512"/>
              <a:gd name="T72" fmla="*/ 384 w 512"/>
              <a:gd name="T73" fmla="*/ 330 h 512"/>
              <a:gd name="T74" fmla="*/ 394 w 512"/>
              <a:gd name="T75" fmla="*/ 320 h 512"/>
              <a:gd name="T76" fmla="*/ 394 w 512"/>
              <a:gd name="T7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138" y="138"/>
                </a:moveTo>
                <a:cubicBezTo>
                  <a:pt x="373" y="138"/>
                  <a:pt x="373" y="138"/>
                  <a:pt x="373" y="138"/>
                </a:cubicBezTo>
                <a:cubicBezTo>
                  <a:pt x="373" y="309"/>
                  <a:pt x="373" y="309"/>
                  <a:pt x="373" y="309"/>
                </a:cubicBezTo>
                <a:cubicBezTo>
                  <a:pt x="138" y="309"/>
                  <a:pt x="138" y="309"/>
                  <a:pt x="138" y="309"/>
                </a:cubicBezTo>
                <a:lnTo>
                  <a:pt x="138"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28"/>
                </a:moveTo>
                <a:cubicBezTo>
                  <a:pt x="394" y="122"/>
                  <a:pt x="390" y="117"/>
                  <a:pt x="384" y="117"/>
                </a:cubicBezTo>
                <a:cubicBezTo>
                  <a:pt x="266" y="117"/>
                  <a:pt x="266" y="117"/>
                  <a:pt x="266" y="117"/>
                </a:cubicBezTo>
                <a:cubicBezTo>
                  <a:pt x="266" y="111"/>
                  <a:pt x="262" y="106"/>
                  <a:pt x="256" y="106"/>
                </a:cubicBezTo>
                <a:cubicBezTo>
                  <a:pt x="250" y="106"/>
                  <a:pt x="245" y="111"/>
                  <a:pt x="245" y="117"/>
                </a:cubicBezTo>
                <a:cubicBezTo>
                  <a:pt x="128" y="117"/>
                  <a:pt x="128" y="117"/>
                  <a:pt x="128" y="117"/>
                </a:cubicBezTo>
                <a:cubicBezTo>
                  <a:pt x="122" y="117"/>
                  <a:pt x="117" y="122"/>
                  <a:pt x="117" y="128"/>
                </a:cubicBezTo>
                <a:cubicBezTo>
                  <a:pt x="117" y="320"/>
                  <a:pt x="117" y="320"/>
                  <a:pt x="117" y="320"/>
                </a:cubicBezTo>
                <a:cubicBezTo>
                  <a:pt x="117" y="326"/>
                  <a:pt x="122" y="330"/>
                  <a:pt x="128" y="330"/>
                </a:cubicBezTo>
                <a:cubicBezTo>
                  <a:pt x="198" y="330"/>
                  <a:pt x="198" y="330"/>
                  <a:pt x="198" y="330"/>
                </a:cubicBezTo>
                <a:cubicBezTo>
                  <a:pt x="171" y="401"/>
                  <a:pt x="171" y="401"/>
                  <a:pt x="171" y="401"/>
                </a:cubicBezTo>
                <a:cubicBezTo>
                  <a:pt x="169" y="407"/>
                  <a:pt x="172" y="413"/>
                  <a:pt x="177" y="415"/>
                </a:cubicBezTo>
                <a:cubicBezTo>
                  <a:pt x="178" y="415"/>
                  <a:pt x="180" y="416"/>
                  <a:pt x="181" y="416"/>
                </a:cubicBezTo>
                <a:cubicBezTo>
                  <a:pt x="185" y="416"/>
                  <a:pt x="189" y="413"/>
                  <a:pt x="191" y="409"/>
                </a:cubicBezTo>
                <a:cubicBezTo>
                  <a:pt x="220" y="330"/>
                  <a:pt x="220" y="330"/>
                  <a:pt x="220" y="330"/>
                </a:cubicBezTo>
                <a:cubicBezTo>
                  <a:pt x="245" y="330"/>
                  <a:pt x="245" y="330"/>
                  <a:pt x="245" y="330"/>
                </a:cubicBezTo>
                <a:cubicBezTo>
                  <a:pt x="245" y="373"/>
                  <a:pt x="245" y="373"/>
                  <a:pt x="245" y="373"/>
                </a:cubicBezTo>
                <a:cubicBezTo>
                  <a:pt x="245" y="379"/>
                  <a:pt x="250" y="384"/>
                  <a:pt x="256" y="384"/>
                </a:cubicBezTo>
                <a:cubicBezTo>
                  <a:pt x="262" y="384"/>
                  <a:pt x="266" y="379"/>
                  <a:pt x="266" y="373"/>
                </a:cubicBezTo>
                <a:cubicBezTo>
                  <a:pt x="266" y="330"/>
                  <a:pt x="266" y="330"/>
                  <a:pt x="266" y="330"/>
                </a:cubicBezTo>
                <a:cubicBezTo>
                  <a:pt x="291" y="330"/>
                  <a:pt x="291" y="330"/>
                  <a:pt x="291" y="330"/>
                </a:cubicBezTo>
                <a:cubicBezTo>
                  <a:pt x="320" y="409"/>
                  <a:pt x="320" y="409"/>
                  <a:pt x="320" y="409"/>
                </a:cubicBezTo>
                <a:cubicBezTo>
                  <a:pt x="322" y="413"/>
                  <a:pt x="326" y="416"/>
                  <a:pt x="330" y="416"/>
                </a:cubicBezTo>
                <a:cubicBezTo>
                  <a:pt x="332" y="416"/>
                  <a:pt x="333" y="415"/>
                  <a:pt x="334" y="415"/>
                </a:cubicBezTo>
                <a:cubicBezTo>
                  <a:pt x="340" y="413"/>
                  <a:pt x="342" y="407"/>
                  <a:pt x="340" y="401"/>
                </a:cubicBezTo>
                <a:cubicBezTo>
                  <a:pt x="314" y="330"/>
                  <a:pt x="314" y="330"/>
                  <a:pt x="314" y="330"/>
                </a:cubicBezTo>
                <a:cubicBezTo>
                  <a:pt x="384" y="330"/>
                  <a:pt x="384" y="330"/>
                  <a:pt x="384" y="330"/>
                </a:cubicBezTo>
                <a:cubicBezTo>
                  <a:pt x="390" y="330"/>
                  <a:pt x="394" y="326"/>
                  <a:pt x="394" y="320"/>
                </a:cubicBezTo>
                <a:lnTo>
                  <a:pt x="394" y="128"/>
                </a:ln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050" b="0" i="0" u="none" strike="noStrike" kern="1200" cap="none" spc="0" normalizeH="0" baseline="0" noProof="0">
              <a:ln>
                <a:noFill/>
              </a:ln>
              <a:solidFill>
                <a:prstClr val="black"/>
              </a:solidFill>
              <a:effectLst/>
              <a:uLnTx/>
              <a:uFillTx/>
              <a:latin typeface="+mj-lt"/>
              <a:ea typeface="+mn-ea"/>
              <a:cs typeface="+mn-cs"/>
            </a:endParaRPr>
          </a:p>
        </p:txBody>
      </p:sp>
      <p:sp>
        <p:nvSpPr>
          <p:cNvPr id="66" name="Rectangle 65">
            <a:extLst>
              <a:ext uri="{FF2B5EF4-FFF2-40B4-BE49-F238E27FC236}">
                <a16:creationId xmlns:a16="http://schemas.microsoft.com/office/drawing/2014/main" id="{D5F60054-DE25-840F-901F-1F093FE67B7D}"/>
              </a:ext>
            </a:extLst>
          </p:cNvPr>
          <p:cNvSpPr/>
          <p:nvPr/>
        </p:nvSpPr>
        <p:spPr>
          <a:xfrm>
            <a:off x="8173045" y="2086603"/>
            <a:ext cx="2729808" cy="2396994"/>
          </a:xfrm>
          <a:prstGeom prst="rect">
            <a:avLst/>
          </a:prstGeom>
          <a:noFill/>
          <a:ln w="9525"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rtlCol="0" anchor="ctr"/>
          <a:lstStyle/>
          <a:p>
            <a:pPr algn="ctr"/>
            <a:endParaRPr lang="en-US"/>
          </a:p>
        </p:txBody>
      </p:sp>
    </p:spTree>
    <p:extLst>
      <p:ext uri="{BB962C8B-B14F-4D97-AF65-F5344CB8AC3E}">
        <p14:creationId xmlns:p14="http://schemas.microsoft.com/office/powerpoint/2010/main" val="192249715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AB9F00-8F9B-D410-26B4-FA7A6F46947B}"/>
              </a:ext>
            </a:extLst>
          </p:cNvPr>
          <p:cNvSpPr>
            <a:spLocks noGrp="1"/>
          </p:cNvSpPr>
          <p:nvPr>
            <p:ph type="title"/>
          </p:nvPr>
        </p:nvSpPr>
        <p:spPr/>
        <p:txBody>
          <a:bodyPr>
            <a:normAutofit fontScale="90000"/>
          </a:bodyPr>
          <a:lstStyle/>
          <a:p>
            <a:r>
              <a:rPr lang="en-US"/>
              <a:t>Program Overview: USG Collaboration</a:t>
            </a:r>
          </a:p>
        </p:txBody>
      </p:sp>
      <p:grpSp>
        <p:nvGrpSpPr>
          <p:cNvPr id="4" name="Group 3">
            <a:extLst>
              <a:ext uri="{FF2B5EF4-FFF2-40B4-BE49-F238E27FC236}">
                <a16:creationId xmlns:a16="http://schemas.microsoft.com/office/drawing/2014/main" id="{8916E84D-4083-B8D7-CFA8-2BA983B7268A}"/>
              </a:ext>
            </a:extLst>
          </p:cNvPr>
          <p:cNvGrpSpPr/>
          <p:nvPr/>
        </p:nvGrpSpPr>
        <p:grpSpPr>
          <a:xfrm>
            <a:off x="605552" y="1750101"/>
            <a:ext cx="3332465" cy="3624155"/>
            <a:chOff x="401638" y="1056994"/>
            <a:chExt cx="1879600" cy="2044121"/>
          </a:xfrm>
        </p:grpSpPr>
        <p:sp>
          <p:nvSpPr>
            <p:cNvPr id="5" name="Rectangle 4">
              <a:extLst>
                <a:ext uri="{FF2B5EF4-FFF2-40B4-BE49-F238E27FC236}">
                  <a16:creationId xmlns:a16="http://schemas.microsoft.com/office/drawing/2014/main" id="{873E6BC5-E53D-8A33-B3D9-9E2EA40E8B01}"/>
                </a:ext>
              </a:extLst>
            </p:cNvPr>
            <p:cNvSpPr/>
            <p:nvPr/>
          </p:nvSpPr>
          <p:spPr>
            <a:xfrm>
              <a:off x="401638" y="1154430"/>
              <a:ext cx="1879600" cy="1946685"/>
            </a:xfrm>
            <a:prstGeom prst="rect">
              <a:avLst/>
            </a:prstGeom>
            <a:gradFill>
              <a:gsLst>
                <a:gs pos="0">
                  <a:schemeClr val="bg1">
                    <a:lumMod val="95000"/>
                  </a:schemeClr>
                </a:gs>
                <a:gs pos="65300">
                  <a:schemeClr val="bg1"/>
                </a:gs>
                <a:gs pos="100000">
                  <a:schemeClr val="bg1">
                    <a:lumMod val="95000"/>
                  </a:schemeClr>
                </a:gs>
              </a:gsLst>
              <a:lin ang="162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grpSp>
          <p:nvGrpSpPr>
            <p:cNvPr id="6" name="Group 5">
              <a:extLst>
                <a:ext uri="{FF2B5EF4-FFF2-40B4-BE49-F238E27FC236}">
                  <a16:creationId xmlns:a16="http://schemas.microsoft.com/office/drawing/2014/main" id="{EE22E8E4-F565-FEEE-E801-36BBE58766FC}"/>
                </a:ext>
              </a:extLst>
            </p:cNvPr>
            <p:cNvGrpSpPr/>
            <p:nvPr/>
          </p:nvGrpSpPr>
          <p:grpSpPr>
            <a:xfrm>
              <a:off x="523872" y="1056994"/>
              <a:ext cx="1635129" cy="837469"/>
              <a:chOff x="401636" y="1056994"/>
              <a:chExt cx="1879600" cy="837469"/>
            </a:xfrm>
          </p:grpSpPr>
          <p:sp>
            <p:nvSpPr>
              <p:cNvPr id="8" name="Rectangle: Top Corners Rounded 7">
                <a:extLst>
                  <a:ext uri="{FF2B5EF4-FFF2-40B4-BE49-F238E27FC236}">
                    <a16:creationId xmlns:a16="http://schemas.microsoft.com/office/drawing/2014/main" id="{9AA604F4-4B59-E2A9-D06C-2C9FE92C274B}"/>
                  </a:ext>
                </a:extLst>
              </p:cNvPr>
              <p:cNvSpPr/>
              <p:nvPr/>
            </p:nvSpPr>
            <p:spPr bwMode="auto">
              <a:xfrm>
                <a:off x="568326" y="1056994"/>
                <a:ext cx="1546224" cy="837469"/>
              </a:xfrm>
              <a:prstGeom prst="round2SameRect">
                <a:avLst>
                  <a:gd name="adj1" fmla="val 0"/>
                  <a:gd name="adj2" fmla="val 22598"/>
                </a:avLst>
              </a:prstGeom>
              <a:solidFill>
                <a:schemeClr val="accent1"/>
              </a:solidFill>
              <a:ln w="9525">
                <a:noFill/>
                <a:round/>
                <a:headEnd/>
                <a:tailEnd/>
              </a:ln>
            </p:spPr>
            <p:txBody>
              <a:bodyPr vert="horz" wrap="square" lIns="91440" tIns="45720" rIns="91440" bIns="45720" numCol="1" rtlCol="0" anchor="ctr" anchorCtr="0" compatLnSpc="1">
                <a:prstTxWarp prst="textNoShape">
                  <a:avLst/>
                </a:prstTxWarp>
              </a:bodyPr>
              <a:lstStyle/>
              <a:p>
                <a:pPr algn="ctr"/>
                <a:r>
                  <a:rPr lang="en-US" sz="1200" b="1">
                    <a:solidFill>
                      <a:schemeClr val="bg1"/>
                    </a:solidFill>
                    <a:latin typeface="+mj-lt"/>
                  </a:rPr>
                  <a:t>Request for Information (RFI)</a:t>
                </a:r>
              </a:p>
              <a:p>
                <a:pPr algn="ctr"/>
                <a:endParaRPr lang="en-US" sz="1200" b="1" i="1">
                  <a:solidFill>
                    <a:schemeClr val="bg1"/>
                  </a:solidFill>
                  <a:latin typeface="+mj-lt"/>
                </a:endParaRPr>
              </a:p>
              <a:p>
                <a:pPr algn="ctr"/>
                <a:r>
                  <a:rPr lang="en-US" sz="1200" b="1" i="1">
                    <a:solidFill>
                      <a:schemeClr val="bg1"/>
                    </a:solidFill>
                    <a:latin typeface="+mj-lt"/>
                  </a:rPr>
                  <a:t>Result: Workday</a:t>
                </a:r>
                <a:endParaRPr lang="en-US" sz="1200" i="1">
                  <a:solidFill>
                    <a:schemeClr val="bg1"/>
                  </a:solidFill>
                </a:endParaRPr>
              </a:p>
            </p:txBody>
          </p:sp>
          <p:sp>
            <p:nvSpPr>
              <p:cNvPr id="9" name="Freeform: Shape 8">
                <a:extLst>
                  <a:ext uri="{FF2B5EF4-FFF2-40B4-BE49-F238E27FC236}">
                    <a16:creationId xmlns:a16="http://schemas.microsoft.com/office/drawing/2014/main" id="{4F3E2EC2-5DD6-3A24-2DDF-9334A58F6C46}"/>
                  </a:ext>
                </a:extLst>
              </p:cNvPr>
              <p:cNvSpPr/>
              <p:nvPr/>
            </p:nvSpPr>
            <p:spPr bwMode="auto">
              <a:xfrm flipH="1">
                <a:off x="401636" y="1056994"/>
                <a:ext cx="1879600" cy="97435"/>
              </a:xfrm>
              <a:custGeom>
                <a:avLst/>
                <a:gdLst>
                  <a:gd name="connsiteX0" fmla="*/ 166687 w 1879600"/>
                  <a:gd name="connsiteY0" fmla="*/ 0 h 97435"/>
                  <a:gd name="connsiteX1" fmla="*/ 0 w 1879600"/>
                  <a:gd name="connsiteY1" fmla="*/ 97435 h 97435"/>
                  <a:gd name="connsiteX2" fmla="*/ 166687 w 1879600"/>
                  <a:gd name="connsiteY2" fmla="*/ 97435 h 97435"/>
                  <a:gd name="connsiteX3" fmla="*/ 1712913 w 1879600"/>
                  <a:gd name="connsiteY3" fmla="*/ 0 h 97435"/>
                  <a:gd name="connsiteX4" fmla="*/ 1712913 w 1879600"/>
                  <a:gd name="connsiteY4" fmla="*/ 97435 h 97435"/>
                  <a:gd name="connsiteX5" fmla="*/ 1879600 w 1879600"/>
                  <a:gd name="connsiteY5" fmla="*/ 97435 h 97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879600" h="97435">
                    <a:moveTo>
                      <a:pt x="166687" y="0"/>
                    </a:moveTo>
                    <a:lnTo>
                      <a:pt x="0" y="97435"/>
                    </a:lnTo>
                    <a:lnTo>
                      <a:pt x="166687" y="97435"/>
                    </a:lnTo>
                    <a:close/>
                    <a:moveTo>
                      <a:pt x="1712913" y="0"/>
                    </a:moveTo>
                    <a:lnTo>
                      <a:pt x="1712913" y="97435"/>
                    </a:lnTo>
                    <a:lnTo>
                      <a:pt x="1879600" y="97435"/>
                    </a:lnTo>
                    <a:close/>
                  </a:path>
                </a:pathLst>
              </a:custGeom>
              <a:solidFill>
                <a:schemeClr val="accent1"/>
              </a:solidFill>
              <a:ln w="9525">
                <a:noFill/>
                <a:round/>
                <a:headEnd/>
                <a:tailEnd/>
              </a:ln>
            </p:spPr>
            <p:txBody>
              <a:bodyPr vert="horz" wrap="square" lIns="91440" tIns="45720" rIns="91440" bIns="45720" numCol="1" rtlCol="0" anchor="t" anchorCtr="0" compatLnSpc="1">
                <a:prstTxWarp prst="textNoShape">
                  <a:avLst/>
                </a:prstTxWarp>
                <a:noAutofit/>
              </a:bodyPr>
              <a:lstStyle/>
              <a:p>
                <a:pPr algn="ctr"/>
                <a:endParaRPr lang="en-US"/>
              </a:p>
            </p:txBody>
          </p:sp>
          <p:sp>
            <p:nvSpPr>
              <p:cNvPr id="10" name="Freeform: Shape 9">
                <a:extLst>
                  <a:ext uri="{FF2B5EF4-FFF2-40B4-BE49-F238E27FC236}">
                    <a16:creationId xmlns:a16="http://schemas.microsoft.com/office/drawing/2014/main" id="{B49404FE-C9E4-02FD-E5AC-7A127D26A4D2}"/>
                  </a:ext>
                </a:extLst>
              </p:cNvPr>
              <p:cNvSpPr/>
              <p:nvPr/>
            </p:nvSpPr>
            <p:spPr bwMode="auto">
              <a:xfrm>
                <a:off x="401636" y="1056994"/>
                <a:ext cx="1879600" cy="97435"/>
              </a:xfrm>
              <a:custGeom>
                <a:avLst/>
                <a:gdLst>
                  <a:gd name="connsiteX0" fmla="*/ 1712913 w 1879600"/>
                  <a:gd name="connsiteY0" fmla="*/ 0 h 97435"/>
                  <a:gd name="connsiteX1" fmla="*/ 1879600 w 1879600"/>
                  <a:gd name="connsiteY1" fmla="*/ 97435 h 97435"/>
                  <a:gd name="connsiteX2" fmla="*/ 1712913 w 1879600"/>
                  <a:gd name="connsiteY2" fmla="*/ 97435 h 97435"/>
                  <a:gd name="connsiteX3" fmla="*/ 166687 w 1879600"/>
                  <a:gd name="connsiteY3" fmla="*/ 0 h 97435"/>
                  <a:gd name="connsiteX4" fmla="*/ 166687 w 1879600"/>
                  <a:gd name="connsiteY4" fmla="*/ 97435 h 97435"/>
                  <a:gd name="connsiteX5" fmla="*/ 0 w 1879600"/>
                  <a:gd name="connsiteY5" fmla="*/ 97435 h 97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879600" h="97435">
                    <a:moveTo>
                      <a:pt x="1712913" y="0"/>
                    </a:moveTo>
                    <a:lnTo>
                      <a:pt x="1879600" y="97435"/>
                    </a:lnTo>
                    <a:lnTo>
                      <a:pt x="1712913" y="97435"/>
                    </a:lnTo>
                    <a:close/>
                    <a:moveTo>
                      <a:pt x="166687" y="0"/>
                    </a:moveTo>
                    <a:lnTo>
                      <a:pt x="166687" y="97435"/>
                    </a:lnTo>
                    <a:lnTo>
                      <a:pt x="0" y="97435"/>
                    </a:lnTo>
                    <a:close/>
                  </a:path>
                </a:pathLst>
              </a:custGeom>
              <a:solidFill>
                <a:schemeClr val="tx1">
                  <a:lumMod val="75000"/>
                  <a:lumOff val="25000"/>
                  <a:alpha val="30000"/>
                </a:schemeClr>
              </a:solidFill>
              <a:ln w="9525">
                <a:noFill/>
                <a:round/>
                <a:headEnd/>
                <a:tailEnd/>
              </a:ln>
            </p:spPr>
            <p:txBody>
              <a:bodyPr vert="horz" wrap="square" lIns="91440" tIns="45720" rIns="91440" bIns="45720" numCol="1" rtlCol="0" anchor="t" anchorCtr="0" compatLnSpc="1">
                <a:prstTxWarp prst="textNoShape">
                  <a:avLst/>
                </a:prstTxWarp>
                <a:noAutofit/>
              </a:bodyPr>
              <a:lstStyle/>
              <a:p>
                <a:pPr algn="ctr"/>
                <a:endParaRPr lang="en-US"/>
              </a:p>
            </p:txBody>
          </p:sp>
        </p:grpSp>
      </p:grpSp>
      <p:grpSp>
        <p:nvGrpSpPr>
          <p:cNvPr id="11" name="Group 10">
            <a:extLst>
              <a:ext uri="{FF2B5EF4-FFF2-40B4-BE49-F238E27FC236}">
                <a16:creationId xmlns:a16="http://schemas.microsoft.com/office/drawing/2014/main" id="{AD075B45-BA4A-ABA4-2F4A-FD1BFE09232D}"/>
              </a:ext>
            </a:extLst>
          </p:cNvPr>
          <p:cNvGrpSpPr/>
          <p:nvPr/>
        </p:nvGrpSpPr>
        <p:grpSpPr>
          <a:xfrm>
            <a:off x="4421140" y="1750101"/>
            <a:ext cx="3332465" cy="3624156"/>
            <a:chOff x="401638" y="1056994"/>
            <a:chExt cx="1879600" cy="2044121"/>
          </a:xfrm>
        </p:grpSpPr>
        <p:sp>
          <p:nvSpPr>
            <p:cNvPr id="12" name="Rectangle 11">
              <a:extLst>
                <a:ext uri="{FF2B5EF4-FFF2-40B4-BE49-F238E27FC236}">
                  <a16:creationId xmlns:a16="http://schemas.microsoft.com/office/drawing/2014/main" id="{6AC0D476-60B9-BE69-EB4B-CC8E5052880D}"/>
                </a:ext>
              </a:extLst>
            </p:cNvPr>
            <p:cNvSpPr/>
            <p:nvPr/>
          </p:nvSpPr>
          <p:spPr>
            <a:xfrm>
              <a:off x="401638" y="1154431"/>
              <a:ext cx="1879600" cy="1946684"/>
            </a:xfrm>
            <a:prstGeom prst="rect">
              <a:avLst/>
            </a:prstGeom>
            <a:gradFill>
              <a:gsLst>
                <a:gs pos="0">
                  <a:schemeClr val="bg1">
                    <a:lumMod val="95000"/>
                  </a:schemeClr>
                </a:gs>
                <a:gs pos="65300">
                  <a:schemeClr val="bg1"/>
                </a:gs>
                <a:gs pos="100000">
                  <a:schemeClr val="bg1">
                    <a:lumMod val="95000"/>
                  </a:schemeClr>
                </a:gs>
              </a:gsLst>
              <a:lin ang="162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grpSp>
          <p:nvGrpSpPr>
            <p:cNvPr id="13" name="Group 12">
              <a:extLst>
                <a:ext uri="{FF2B5EF4-FFF2-40B4-BE49-F238E27FC236}">
                  <a16:creationId xmlns:a16="http://schemas.microsoft.com/office/drawing/2014/main" id="{688F64A8-D817-FC84-9F83-DCDBE44B8EE3}"/>
                </a:ext>
              </a:extLst>
            </p:cNvPr>
            <p:cNvGrpSpPr/>
            <p:nvPr/>
          </p:nvGrpSpPr>
          <p:grpSpPr>
            <a:xfrm>
              <a:off x="523872" y="1056994"/>
              <a:ext cx="1635128" cy="837468"/>
              <a:chOff x="401636" y="1056994"/>
              <a:chExt cx="1879600" cy="837468"/>
            </a:xfrm>
          </p:grpSpPr>
          <p:sp>
            <p:nvSpPr>
              <p:cNvPr id="15" name="Freeform: Shape 14">
                <a:extLst>
                  <a:ext uri="{FF2B5EF4-FFF2-40B4-BE49-F238E27FC236}">
                    <a16:creationId xmlns:a16="http://schemas.microsoft.com/office/drawing/2014/main" id="{8561BA35-1C3E-EFB5-6F7D-42EE628D38F9}"/>
                  </a:ext>
                </a:extLst>
              </p:cNvPr>
              <p:cNvSpPr/>
              <p:nvPr/>
            </p:nvSpPr>
            <p:spPr bwMode="auto">
              <a:xfrm flipH="1">
                <a:off x="401636" y="1056994"/>
                <a:ext cx="1879600" cy="97435"/>
              </a:xfrm>
              <a:custGeom>
                <a:avLst/>
                <a:gdLst>
                  <a:gd name="connsiteX0" fmla="*/ 166687 w 1879600"/>
                  <a:gd name="connsiteY0" fmla="*/ 0 h 97435"/>
                  <a:gd name="connsiteX1" fmla="*/ 0 w 1879600"/>
                  <a:gd name="connsiteY1" fmla="*/ 97435 h 97435"/>
                  <a:gd name="connsiteX2" fmla="*/ 166687 w 1879600"/>
                  <a:gd name="connsiteY2" fmla="*/ 97435 h 97435"/>
                  <a:gd name="connsiteX3" fmla="*/ 1712913 w 1879600"/>
                  <a:gd name="connsiteY3" fmla="*/ 0 h 97435"/>
                  <a:gd name="connsiteX4" fmla="*/ 1712913 w 1879600"/>
                  <a:gd name="connsiteY4" fmla="*/ 97435 h 97435"/>
                  <a:gd name="connsiteX5" fmla="*/ 1879600 w 1879600"/>
                  <a:gd name="connsiteY5" fmla="*/ 97435 h 97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879600" h="97435">
                    <a:moveTo>
                      <a:pt x="166687" y="0"/>
                    </a:moveTo>
                    <a:lnTo>
                      <a:pt x="0" y="97435"/>
                    </a:lnTo>
                    <a:lnTo>
                      <a:pt x="166687" y="97435"/>
                    </a:lnTo>
                    <a:close/>
                    <a:moveTo>
                      <a:pt x="1712913" y="0"/>
                    </a:moveTo>
                    <a:lnTo>
                      <a:pt x="1712913" y="97435"/>
                    </a:lnTo>
                    <a:lnTo>
                      <a:pt x="1879600" y="97435"/>
                    </a:lnTo>
                    <a:close/>
                  </a:path>
                </a:pathLst>
              </a:custGeom>
              <a:solidFill>
                <a:schemeClr val="accent2"/>
              </a:solidFill>
              <a:ln w="9525">
                <a:noFill/>
                <a:round/>
                <a:headEnd/>
                <a:tailEnd/>
              </a:ln>
            </p:spPr>
            <p:txBody>
              <a:bodyPr vert="horz" wrap="square" lIns="91440" tIns="45720" rIns="91440" bIns="45720" numCol="1" rtlCol="0" anchor="t" anchorCtr="0" compatLnSpc="1">
                <a:prstTxWarp prst="textNoShape">
                  <a:avLst/>
                </a:prstTxWarp>
                <a:noAutofit/>
              </a:bodyPr>
              <a:lstStyle/>
              <a:p>
                <a:pPr algn="ctr"/>
                <a:endParaRPr lang="en-US"/>
              </a:p>
            </p:txBody>
          </p:sp>
          <p:sp>
            <p:nvSpPr>
              <p:cNvPr id="16" name="Freeform: Shape 15">
                <a:extLst>
                  <a:ext uri="{FF2B5EF4-FFF2-40B4-BE49-F238E27FC236}">
                    <a16:creationId xmlns:a16="http://schemas.microsoft.com/office/drawing/2014/main" id="{388C0258-3371-6317-4AA7-1AB85E4A0AC9}"/>
                  </a:ext>
                </a:extLst>
              </p:cNvPr>
              <p:cNvSpPr/>
              <p:nvPr/>
            </p:nvSpPr>
            <p:spPr bwMode="auto">
              <a:xfrm>
                <a:off x="401636" y="1056994"/>
                <a:ext cx="1879600" cy="97435"/>
              </a:xfrm>
              <a:custGeom>
                <a:avLst/>
                <a:gdLst>
                  <a:gd name="connsiteX0" fmla="*/ 1712913 w 1879600"/>
                  <a:gd name="connsiteY0" fmla="*/ 0 h 97435"/>
                  <a:gd name="connsiteX1" fmla="*/ 1879600 w 1879600"/>
                  <a:gd name="connsiteY1" fmla="*/ 97435 h 97435"/>
                  <a:gd name="connsiteX2" fmla="*/ 1712913 w 1879600"/>
                  <a:gd name="connsiteY2" fmla="*/ 97435 h 97435"/>
                  <a:gd name="connsiteX3" fmla="*/ 166687 w 1879600"/>
                  <a:gd name="connsiteY3" fmla="*/ 0 h 97435"/>
                  <a:gd name="connsiteX4" fmla="*/ 166687 w 1879600"/>
                  <a:gd name="connsiteY4" fmla="*/ 97435 h 97435"/>
                  <a:gd name="connsiteX5" fmla="*/ 0 w 1879600"/>
                  <a:gd name="connsiteY5" fmla="*/ 97435 h 97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879600" h="97435">
                    <a:moveTo>
                      <a:pt x="1712913" y="0"/>
                    </a:moveTo>
                    <a:lnTo>
                      <a:pt x="1879600" y="97435"/>
                    </a:lnTo>
                    <a:lnTo>
                      <a:pt x="1712913" y="97435"/>
                    </a:lnTo>
                    <a:close/>
                    <a:moveTo>
                      <a:pt x="166687" y="0"/>
                    </a:moveTo>
                    <a:lnTo>
                      <a:pt x="166687" y="97435"/>
                    </a:lnTo>
                    <a:lnTo>
                      <a:pt x="0" y="97435"/>
                    </a:lnTo>
                    <a:close/>
                  </a:path>
                </a:pathLst>
              </a:custGeom>
              <a:solidFill>
                <a:schemeClr val="tx1">
                  <a:lumMod val="75000"/>
                  <a:lumOff val="25000"/>
                  <a:alpha val="30000"/>
                </a:schemeClr>
              </a:solidFill>
              <a:ln w="9525">
                <a:noFill/>
                <a:round/>
                <a:headEnd/>
                <a:tailEnd/>
              </a:ln>
            </p:spPr>
            <p:txBody>
              <a:bodyPr vert="horz" wrap="square" lIns="91440" tIns="45720" rIns="91440" bIns="45720" numCol="1" rtlCol="0" anchor="t" anchorCtr="0" compatLnSpc="1">
                <a:prstTxWarp prst="textNoShape">
                  <a:avLst/>
                </a:prstTxWarp>
                <a:noAutofit/>
              </a:bodyPr>
              <a:lstStyle/>
              <a:p>
                <a:pPr algn="ctr"/>
                <a:endParaRPr lang="en-US"/>
              </a:p>
            </p:txBody>
          </p:sp>
          <p:sp>
            <p:nvSpPr>
              <p:cNvPr id="17" name="Rectangle: Top Corners Rounded 16">
                <a:extLst>
                  <a:ext uri="{FF2B5EF4-FFF2-40B4-BE49-F238E27FC236}">
                    <a16:creationId xmlns:a16="http://schemas.microsoft.com/office/drawing/2014/main" id="{8725AA68-2843-D301-5AEC-D4FC8180A09D}"/>
                  </a:ext>
                </a:extLst>
              </p:cNvPr>
              <p:cNvSpPr/>
              <p:nvPr/>
            </p:nvSpPr>
            <p:spPr bwMode="auto">
              <a:xfrm>
                <a:off x="568326" y="1056994"/>
                <a:ext cx="1546224" cy="837468"/>
              </a:xfrm>
              <a:prstGeom prst="round2SameRect">
                <a:avLst>
                  <a:gd name="adj1" fmla="val 0"/>
                  <a:gd name="adj2" fmla="val 22598"/>
                </a:avLst>
              </a:prstGeom>
              <a:solidFill>
                <a:schemeClr val="accent2"/>
              </a:solidFill>
              <a:ln w="9525">
                <a:noFill/>
                <a:round/>
                <a:headEnd/>
                <a:tailEnd/>
              </a:ln>
            </p:spPr>
            <p:txBody>
              <a:bodyPr vert="horz" wrap="square" lIns="91440" tIns="45720" rIns="91440" bIns="45720" numCol="1" rtlCol="0" anchor="ctr" anchorCtr="0" compatLnSpc="1">
                <a:prstTxWarp prst="textNoShape">
                  <a:avLst/>
                </a:prstTxWarp>
              </a:bodyPr>
              <a:lstStyle/>
              <a:p>
                <a:pPr algn="ctr"/>
                <a:r>
                  <a:rPr lang="en-US" sz="1200" b="1">
                    <a:solidFill>
                      <a:schemeClr val="bg1"/>
                    </a:solidFill>
                    <a:latin typeface="+mj-lt"/>
                  </a:rPr>
                  <a:t>Request for Proposal (RFP)</a:t>
                </a:r>
              </a:p>
              <a:p>
                <a:pPr algn="ctr"/>
                <a:endParaRPr lang="en-US" sz="1200" b="1" i="1">
                  <a:solidFill>
                    <a:schemeClr val="bg1"/>
                  </a:solidFill>
                  <a:latin typeface="+mj-lt"/>
                </a:endParaRPr>
              </a:p>
              <a:p>
                <a:pPr algn="ctr"/>
                <a:r>
                  <a:rPr lang="en-US" sz="1200" b="1" i="1">
                    <a:solidFill>
                      <a:schemeClr val="bg1"/>
                    </a:solidFill>
                    <a:latin typeface="+mj-lt"/>
                  </a:rPr>
                  <a:t>Result: Deloitte</a:t>
                </a:r>
                <a:endParaRPr lang="en-US" sz="1200" i="1">
                  <a:solidFill>
                    <a:schemeClr val="bg1"/>
                  </a:solidFill>
                </a:endParaRPr>
              </a:p>
            </p:txBody>
          </p:sp>
        </p:grpSp>
      </p:grpSp>
      <p:grpSp>
        <p:nvGrpSpPr>
          <p:cNvPr id="18" name="Group 17">
            <a:extLst>
              <a:ext uri="{FF2B5EF4-FFF2-40B4-BE49-F238E27FC236}">
                <a16:creationId xmlns:a16="http://schemas.microsoft.com/office/drawing/2014/main" id="{1462C332-7DF1-7AD6-A3D7-FF13485A3A65}"/>
              </a:ext>
            </a:extLst>
          </p:cNvPr>
          <p:cNvGrpSpPr/>
          <p:nvPr/>
        </p:nvGrpSpPr>
        <p:grpSpPr>
          <a:xfrm>
            <a:off x="8236728" y="1750099"/>
            <a:ext cx="3332465" cy="3624156"/>
            <a:chOff x="401638" y="1056993"/>
            <a:chExt cx="1879600" cy="2044121"/>
          </a:xfrm>
        </p:grpSpPr>
        <p:sp>
          <p:nvSpPr>
            <p:cNvPr id="19" name="Rectangle 18">
              <a:extLst>
                <a:ext uri="{FF2B5EF4-FFF2-40B4-BE49-F238E27FC236}">
                  <a16:creationId xmlns:a16="http://schemas.microsoft.com/office/drawing/2014/main" id="{1F1868DE-F08C-9795-A47F-3CD7EAEE6E42}"/>
                </a:ext>
              </a:extLst>
            </p:cNvPr>
            <p:cNvSpPr/>
            <p:nvPr/>
          </p:nvSpPr>
          <p:spPr>
            <a:xfrm>
              <a:off x="401638" y="1154430"/>
              <a:ext cx="1879600" cy="1946684"/>
            </a:xfrm>
            <a:prstGeom prst="rect">
              <a:avLst/>
            </a:prstGeom>
            <a:gradFill>
              <a:gsLst>
                <a:gs pos="0">
                  <a:schemeClr val="bg1">
                    <a:lumMod val="95000"/>
                  </a:schemeClr>
                </a:gs>
                <a:gs pos="65300">
                  <a:schemeClr val="bg1"/>
                </a:gs>
                <a:gs pos="100000">
                  <a:schemeClr val="bg1">
                    <a:lumMod val="95000"/>
                  </a:schemeClr>
                </a:gs>
              </a:gsLst>
              <a:lin ang="162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grpSp>
          <p:nvGrpSpPr>
            <p:cNvPr id="20" name="Group 19">
              <a:extLst>
                <a:ext uri="{FF2B5EF4-FFF2-40B4-BE49-F238E27FC236}">
                  <a16:creationId xmlns:a16="http://schemas.microsoft.com/office/drawing/2014/main" id="{3832B489-9A0F-981A-416F-9D867FBBCE92}"/>
                </a:ext>
              </a:extLst>
            </p:cNvPr>
            <p:cNvGrpSpPr/>
            <p:nvPr/>
          </p:nvGrpSpPr>
          <p:grpSpPr>
            <a:xfrm>
              <a:off x="523872" y="1056993"/>
              <a:ext cx="1635128" cy="837467"/>
              <a:chOff x="401636" y="1056993"/>
              <a:chExt cx="1879600" cy="837467"/>
            </a:xfrm>
          </p:grpSpPr>
          <p:sp>
            <p:nvSpPr>
              <p:cNvPr id="22" name="Freeform: Shape 21">
                <a:extLst>
                  <a:ext uri="{FF2B5EF4-FFF2-40B4-BE49-F238E27FC236}">
                    <a16:creationId xmlns:a16="http://schemas.microsoft.com/office/drawing/2014/main" id="{59CD2397-E94C-55A9-2174-11AC238F4CF7}"/>
                  </a:ext>
                </a:extLst>
              </p:cNvPr>
              <p:cNvSpPr/>
              <p:nvPr/>
            </p:nvSpPr>
            <p:spPr bwMode="auto">
              <a:xfrm flipH="1">
                <a:off x="401636" y="1056994"/>
                <a:ext cx="1879600" cy="97435"/>
              </a:xfrm>
              <a:custGeom>
                <a:avLst/>
                <a:gdLst>
                  <a:gd name="connsiteX0" fmla="*/ 166687 w 1879600"/>
                  <a:gd name="connsiteY0" fmla="*/ 0 h 97435"/>
                  <a:gd name="connsiteX1" fmla="*/ 0 w 1879600"/>
                  <a:gd name="connsiteY1" fmla="*/ 97435 h 97435"/>
                  <a:gd name="connsiteX2" fmla="*/ 166687 w 1879600"/>
                  <a:gd name="connsiteY2" fmla="*/ 97435 h 97435"/>
                  <a:gd name="connsiteX3" fmla="*/ 1712913 w 1879600"/>
                  <a:gd name="connsiteY3" fmla="*/ 0 h 97435"/>
                  <a:gd name="connsiteX4" fmla="*/ 1712913 w 1879600"/>
                  <a:gd name="connsiteY4" fmla="*/ 97435 h 97435"/>
                  <a:gd name="connsiteX5" fmla="*/ 1879600 w 1879600"/>
                  <a:gd name="connsiteY5" fmla="*/ 97435 h 97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879600" h="97435">
                    <a:moveTo>
                      <a:pt x="166687" y="0"/>
                    </a:moveTo>
                    <a:lnTo>
                      <a:pt x="0" y="97435"/>
                    </a:lnTo>
                    <a:lnTo>
                      <a:pt x="166687" y="97435"/>
                    </a:lnTo>
                    <a:close/>
                    <a:moveTo>
                      <a:pt x="1712913" y="0"/>
                    </a:moveTo>
                    <a:lnTo>
                      <a:pt x="1712913" y="97435"/>
                    </a:lnTo>
                    <a:lnTo>
                      <a:pt x="1879600" y="97435"/>
                    </a:lnTo>
                    <a:close/>
                  </a:path>
                </a:pathLst>
              </a:custGeom>
              <a:solidFill>
                <a:schemeClr val="accent3"/>
              </a:solidFill>
              <a:ln w="9525">
                <a:noFill/>
                <a:round/>
                <a:headEnd/>
                <a:tailEnd/>
              </a:ln>
            </p:spPr>
            <p:txBody>
              <a:bodyPr vert="horz" wrap="square" lIns="91440" tIns="45720" rIns="91440" bIns="45720" numCol="1" rtlCol="0" anchor="t" anchorCtr="0" compatLnSpc="1">
                <a:prstTxWarp prst="textNoShape">
                  <a:avLst/>
                </a:prstTxWarp>
                <a:noAutofit/>
              </a:bodyPr>
              <a:lstStyle/>
              <a:p>
                <a:pPr algn="ctr"/>
                <a:endParaRPr lang="en-US"/>
              </a:p>
            </p:txBody>
          </p:sp>
          <p:sp>
            <p:nvSpPr>
              <p:cNvPr id="23" name="Freeform: Shape 22">
                <a:extLst>
                  <a:ext uri="{FF2B5EF4-FFF2-40B4-BE49-F238E27FC236}">
                    <a16:creationId xmlns:a16="http://schemas.microsoft.com/office/drawing/2014/main" id="{024FAE6F-D9AF-6F54-51D1-24C00E733D20}"/>
                  </a:ext>
                </a:extLst>
              </p:cNvPr>
              <p:cNvSpPr/>
              <p:nvPr/>
            </p:nvSpPr>
            <p:spPr bwMode="auto">
              <a:xfrm>
                <a:off x="401636" y="1056994"/>
                <a:ext cx="1879600" cy="97435"/>
              </a:xfrm>
              <a:custGeom>
                <a:avLst/>
                <a:gdLst>
                  <a:gd name="connsiteX0" fmla="*/ 1712913 w 1879600"/>
                  <a:gd name="connsiteY0" fmla="*/ 0 h 97435"/>
                  <a:gd name="connsiteX1" fmla="*/ 1879600 w 1879600"/>
                  <a:gd name="connsiteY1" fmla="*/ 97435 h 97435"/>
                  <a:gd name="connsiteX2" fmla="*/ 1712913 w 1879600"/>
                  <a:gd name="connsiteY2" fmla="*/ 97435 h 97435"/>
                  <a:gd name="connsiteX3" fmla="*/ 166687 w 1879600"/>
                  <a:gd name="connsiteY3" fmla="*/ 0 h 97435"/>
                  <a:gd name="connsiteX4" fmla="*/ 166687 w 1879600"/>
                  <a:gd name="connsiteY4" fmla="*/ 97435 h 97435"/>
                  <a:gd name="connsiteX5" fmla="*/ 0 w 1879600"/>
                  <a:gd name="connsiteY5" fmla="*/ 97435 h 97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879600" h="97435">
                    <a:moveTo>
                      <a:pt x="1712913" y="0"/>
                    </a:moveTo>
                    <a:lnTo>
                      <a:pt x="1879600" y="97435"/>
                    </a:lnTo>
                    <a:lnTo>
                      <a:pt x="1712913" y="97435"/>
                    </a:lnTo>
                    <a:close/>
                    <a:moveTo>
                      <a:pt x="166687" y="0"/>
                    </a:moveTo>
                    <a:lnTo>
                      <a:pt x="166687" y="97435"/>
                    </a:lnTo>
                    <a:lnTo>
                      <a:pt x="0" y="97435"/>
                    </a:lnTo>
                    <a:close/>
                  </a:path>
                </a:pathLst>
              </a:custGeom>
              <a:solidFill>
                <a:schemeClr val="tx1">
                  <a:lumMod val="75000"/>
                  <a:lumOff val="25000"/>
                  <a:alpha val="30000"/>
                </a:schemeClr>
              </a:solidFill>
              <a:ln w="9525">
                <a:noFill/>
                <a:round/>
                <a:headEnd/>
                <a:tailEnd/>
              </a:ln>
            </p:spPr>
            <p:txBody>
              <a:bodyPr vert="horz" wrap="square" lIns="91440" tIns="45720" rIns="91440" bIns="45720" numCol="1" rtlCol="0" anchor="t" anchorCtr="0" compatLnSpc="1">
                <a:prstTxWarp prst="textNoShape">
                  <a:avLst/>
                </a:prstTxWarp>
                <a:noAutofit/>
              </a:bodyPr>
              <a:lstStyle/>
              <a:p>
                <a:pPr algn="ctr"/>
                <a:endParaRPr lang="en-US"/>
              </a:p>
            </p:txBody>
          </p:sp>
          <p:sp>
            <p:nvSpPr>
              <p:cNvPr id="24" name="Rectangle: Top Corners Rounded 23">
                <a:extLst>
                  <a:ext uri="{FF2B5EF4-FFF2-40B4-BE49-F238E27FC236}">
                    <a16:creationId xmlns:a16="http://schemas.microsoft.com/office/drawing/2014/main" id="{EA676CA3-7B7F-C5C7-7EED-D9511397F898}"/>
                  </a:ext>
                </a:extLst>
              </p:cNvPr>
              <p:cNvSpPr/>
              <p:nvPr/>
            </p:nvSpPr>
            <p:spPr bwMode="auto">
              <a:xfrm>
                <a:off x="568326" y="1056993"/>
                <a:ext cx="1546224" cy="837467"/>
              </a:xfrm>
              <a:prstGeom prst="round2SameRect">
                <a:avLst>
                  <a:gd name="adj1" fmla="val 0"/>
                  <a:gd name="adj2" fmla="val 22598"/>
                </a:avLst>
              </a:prstGeom>
              <a:solidFill>
                <a:schemeClr val="accent3"/>
              </a:solidFill>
              <a:ln w="9525">
                <a:noFill/>
                <a:round/>
                <a:headEnd/>
                <a:tailEnd/>
              </a:ln>
            </p:spPr>
            <p:txBody>
              <a:bodyPr vert="horz" wrap="square" lIns="91440" tIns="45720" rIns="91440" bIns="45720" numCol="1" rtlCol="0" anchor="ctr" anchorCtr="0" compatLnSpc="1">
                <a:prstTxWarp prst="textNoShape">
                  <a:avLst/>
                </a:prstTxWarp>
              </a:bodyPr>
              <a:lstStyle/>
              <a:p>
                <a:pPr algn="ctr"/>
                <a:r>
                  <a:rPr lang="en-US" sz="1200" b="1">
                    <a:solidFill>
                      <a:schemeClr val="bg1"/>
                    </a:solidFill>
                    <a:latin typeface="+mj-lt"/>
                  </a:rPr>
                  <a:t>Business Suite and Workstream Leads</a:t>
                </a:r>
                <a:endParaRPr lang="en-US" sz="1200" i="1">
                  <a:solidFill>
                    <a:schemeClr val="bg1"/>
                  </a:solidFill>
                </a:endParaRPr>
              </a:p>
            </p:txBody>
          </p:sp>
        </p:grpSp>
      </p:grpSp>
      <p:sp>
        <p:nvSpPr>
          <p:cNvPr id="25" name="TextBox 24">
            <a:extLst>
              <a:ext uri="{FF2B5EF4-FFF2-40B4-BE49-F238E27FC236}">
                <a16:creationId xmlns:a16="http://schemas.microsoft.com/office/drawing/2014/main" id="{86727932-BC04-C8CB-5740-7DDAE5E0EA99}"/>
              </a:ext>
            </a:extLst>
          </p:cNvPr>
          <p:cNvSpPr txBox="1"/>
          <p:nvPr/>
        </p:nvSpPr>
        <p:spPr>
          <a:xfrm>
            <a:off x="705233" y="3510218"/>
            <a:ext cx="3016062" cy="1292662"/>
          </a:xfrm>
          <a:prstGeom prst="rect">
            <a:avLst/>
          </a:prstGeom>
          <a:noFill/>
        </p:spPr>
        <p:txBody>
          <a:bodyPr wrap="square" lIns="0" tIns="0" rIns="0" bIns="0">
            <a:spAutoFit/>
          </a:bodyPr>
          <a:lstStyle/>
          <a:p>
            <a:pPr marL="171450" indent="-171450">
              <a:buFont typeface="Arial" panose="020B0604020202020204" pitchFamily="34" charset="0"/>
              <a:buChar char="•"/>
            </a:pPr>
            <a:r>
              <a:rPr lang="en-US" sz="1200">
                <a:solidFill>
                  <a:schemeClr val="tx1">
                    <a:lumMod val="75000"/>
                    <a:lumOff val="25000"/>
                  </a:schemeClr>
                </a:solidFill>
              </a:rPr>
              <a:t>Requirements Gathering Workshops: Over 400 USG staff (all institutions/orgs)</a:t>
            </a:r>
          </a:p>
          <a:p>
            <a:pPr marL="171450" indent="-171450">
              <a:buFont typeface="Arial" panose="020B0604020202020204" pitchFamily="34" charset="0"/>
              <a:buChar char="•"/>
            </a:pPr>
            <a:r>
              <a:rPr lang="en-US" sz="1200">
                <a:solidFill>
                  <a:schemeClr val="tx1">
                    <a:lumMod val="75000"/>
                    <a:lumOff val="25000"/>
                  </a:schemeClr>
                </a:solidFill>
              </a:rPr>
              <a:t>Response Review: Over 100 USG staff (16 institutions/orgs)</a:t>
            </a:r>
          </a:p>
          <a:p>
            <a:pPr marL="171450" indent="-171450">
              <a:buFont typeface="Arial" panose="020B0604020202020204" pitchFamily="34" charset="0"/>
              <a:buChar char="•"/>
            </a:pPr>
            <a:r>
              <a:rPr lang="en-US" sz="1200">
                <a:solidFill>
                  <a:schemeClr val="tx1">
                    <a:lumMod val="75000"/>
                    <a:lumOff val="25000"/>
                  </a:schemeClr>
                </a:solidFill>
              </a:rPr>
              <a:t>Software Demonstrations: Over 390 USG staff (15 institutions/orgs)</a:t>
            </a:r>
          </a:p>
          <a:p>
            <a:endParaRPr lang="en-US" sz="1200"/>
          </a:p>
        </p:txBody>
      </p:sp>
      <p:sp>
        <p:nvSpPr>
          <p:cNvPr id="26" name="TextBox 25">
            <a:extLst>
              <a:ext uri="{FF2B5EF4-FFF2-40B4-BE49-F238E27FC236}">
                <a16:creationId xmlns:a16="http://schemas.microsoft.com/office/drawing/2014/main" id="{BAC27C38-F5C2-88FF-65B0-4A70B699AA09}"/>
              </a:ext>
            </a:extLst>
          </p:cNvPr>
          <p:cNvSpPr txBox="1"/>
          <p:nvPr/>
        </p:nvSpPr>
        <p:spPr>
          <a:xfrm>
            <a:off x="4520820" y="3523318"/>
            <a:ext cx="3016062" cy="184666"/>
          </a:xfrm>
          <a:prstGeom prst="rect">
            <a:avLst/>
          </a:prstGeom>
          <a:noFill/>
        </p:spPr>
        <p:txBody>
          <a:bodyPr wrap="square" lIns="0" tIns="0" rIns="0" bIns="0">
            <a:spAutoFit/>
          </a:bodyPr>
          <a:lstStyle/>
          <a:p>
            <a:pPr algn="ctr"/>
            <a:r>
              <a:rPr lang="en-US" sz="1200">
                <a:solidFill>
                  <a:schemeClr val="tx1">
                    <a:lumMod val="75000"/>
                    <a:lumOff val="25000"/>
                  </a:schemeClr>
                </a:solidFill>
              </a:rPr>
              <a:t>16 individuals from 6 institutions and USO</a:t>
            </a:r>
            <a:endParaRPr lang="en-US" sz="1200"/>
          </a:p>
        </p:txBody>
      </p:sp>
      <p:sp>
        <p:nvSpPr>
          <p:cNvPr id="27" name="TextBox 26">
            <a:extLst>
              <a:ext uri="{FF2B5EF4-FFF2-40B4-BE49-F238E27FC236}">
                <a16:creationId xmlns:a16="http://schemas.microsoft.com/office/drawing/2014/main" id="{1F6B088A-8466-1FCE-B15F-E73FD73E1594}"/>
              </a:ext>
            </a:extLst>
          </p:cNvPr>
          <p:cNvSpPr txBox="1"/>
          <p:nvPr/>
        </p:nvSpPr>
        <p:spPr>
          <a:xfrm>
            <a:off x="8336408" y="3510218"/>
            <a:ext cx="3016062" cy="1661993"/>
          </a:xfrm>
          <a:prstGeom prst="rect">
            <a:avLst/>
          </a:prstGeom>
          <a:noFill/>
        </p:spPr>
        <p:txBody>
          <a:bodyPr wrap="square" lIns="0" tIns="0" rIns="0" bIns="0">
            <a:spAutoFit/>
          </a:bodyPr>
          <a:lstStyle/>
          <a:p>
            <a:pPr algn="ctr"/>
            <a:r>
              <a:rPr lang="en-US" sz="1200">
                <a:solidFill>
                  <a:schemeClr val="tx1">
                    <a:lumMod val="75000"/>
                    <a:lumOff val="25000"/>
                  </a:schemeClr>
                </a:solidFill>
              </a:rPr>
              <a:t>43 institution and USO staff confirmed as Suite or Workstream leads (as of 10/1/25)</a:t>
            </a:r>
          </a:p>
          <a:p>
            <a:pPr algn="ctr"/>
            <a:endParaRPr lang="en-US" sz="1200">
              <a:solidFill>
                <a:schemeClr val="tx1">
                  <a:lumMod val="75000"/>
                  <a:lumOff val="25000"/>
                </a:schemeClr>
              </a:solidFill>
            </a:endParaRPr>
          </a:p>
          <a:p>
            <a:pPr marL="171450" indent="-171450">
              <a:buFont typeface="Arial" panose="020B0604020202020204" pitchFamily="34" charset="0"/>
              <a:buChar char="•"/>
            </a:pPr>
            <a:r>
              <a:rPr lang="en-US" sz="1200">
                <a:solidFill>
                  <a:schemeClr val="tx1">
                    <a:lumMod val="75000"/>
                    <a:lumOff val="25000"/>
                  </a:schemeClr>
                </a:solidFill>
              </a:rPr>
              <a:t>HCM/Payroll Business Suite</a:t>
            </a:r>
          </a:p>
          <a:p>
            <a:pPr marL="171450" indent="-171450">
              <a:buFont typeface="Arial" panose="020B0604020202020204" pitchFamily="34" charset="0"/>
              <a:buChar char="•"/>
            </a:pPr>
            <a:r>
              <a:rPr lang="en-US" sz="1200">
                <a:solidFill>
                  <a:schemeClr val="tx1">
                    <a:lumMod val="75000"/>
                    <a:lumOff val="25000"/>
                  </a:schemeClr>
                </a:solidFill>
              </a:rPr>
              <a:t>Financials Business Suite</a:t>
            </a:r>
          </a:p>
          <a:p>
            <a:pPr marL="171450" indent="-171450">
              <a:buFont typeface="Arial" panose="020B0604020202020204" pitchFamily="34" charset="0"/>
              <a:buChar char="•"/>
            </a:pPr>
            <a:r>
              <a:rPr lang="en-US" sz="1200">
                <a:solidFill>
                  <a:schemeClr val="tx1">
                    <a:lumMod val="75000"/>
                    <a:lumOff val="25000"/>
                  </a:schemeClr>
                </a:solidFill>
              </a:rPr>
              <a:t>Technical Enablement &amp; Infrastructure Suite</a:t>
            </a:r>
          </a:p>
          <a:p>
            <a:pPr marL="171450" indent="-171450">
              <a:buFont typeface="Arial" panose="020B0604020202020204" pitchFamily="34" charset="0"/>
              <a:buChar char="•"/>
            </a:pPr>
            <a:r>
              <a:rPr lang="en-US" sz="1200">
                <a:solidFill>
                  <a:schemeClr val="tx1">
                    <a:lumMod val="75000"/>
                    <a:lumOff val="25000"/>
                  </a:schemeClr>
                </a:solidFill>
              </a:rPr>
              <a:t>Service Delivery &amp; Operations Suite</a:t>
            </a:r>
          </a:p>
          <a:p>
            <a:pPr marL="171450" indent="-171450">
              <a:buFont typeface="Arial" panose="020B0604020202020204" pitchFamily="34" charset="0"/>
              <a:buChar char="•"/>
            </a:pPr>
            <a:r>
              <a:rPr lang="en-US" sz="1200">
                <a:solidFill>
                  <a:schemeClr val="tx1">
                    <a:lumMod val="75000"/>
                    <a:lumOff val="25000"/>
                  </a:schemeClr>
                </a:solidFill>
              </a:rPr>
              <a:t>Org Change Management Suite</a:t>
            </a:r>
            <a:endParaRPr lang="en-US" sz="1200"/>
          </a:p>
        </p:txBody>
      </p:sp>
    </p:spTree>
    <p:extLst>
      <p:ext uri="{BB962C8B-B14F-4D97-AF65-F5344CB8AC3E}">
        <p14:creationId xmlns:p14="http://schemas.microsoft.com/office/powerpoint/2010/main" val="212187154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2D0048-EE57-941C-977C-80425CD8C81E}"/>
              </a:ext>
            </a:extLst>
          </p:cNvPr>
          <p:cNvSpPr>
            <a:spLocks noGrp="1"/>
          </p:cNvSpPr>
          <p:nvPr>
            <p:ph type="title"/>
          </p:nvPr>
        </p:nvSpPr>
        <p:spPr>
          <a:xfrm>
            <a:off x="292608" y="246888"/>
            <a:ext cx="11659906" cy="1123651"/>
          </a:xfrm>
        </p:spPr>
        <p:txBody>
          <a:bodyPr>
            <a:normAutofit/>
          </a:bodyPr>
          <a:lstStyle/>
          <a:p>
            <a:r>
              <a:rPr lang="en-US" sz="3600"/>
              <a:t>Unified ERP Program Governance Structure</a:t>
            </a:r>
          </a:p>
        </p:txBody>
      </p:sp>
      <p:sp>
        <p:nvSpPr>
          <p:cNvPr id="5" name="object 3">
            <a:extLst>
              <a:ext uri="{FF2B5EF4-FFF2-40B4-BE49-F238E27FC236}">
                <a16:creationId xmlns:a16="http://schemas.microsoft.com/office/drawing/2014/main" id="{1671841F-AAFC-3674-ED96-955D299AE51A}"/>
              </a:ext>
            </a:extLst>
          </p:cNvPr>
          <p:cNvSpPr txBox="1"/>
          <p:nvPr/>
        </p:nvSpPr>
        <p:spPr>
          <a:xfrm>
            <a:off x="11471044" y="6562153"/>
            <a:ext cx="113030" cy="208279"/>
          </a:xfrm>
          <a:prstGeom prst="rect">
            <a:avLst/>
          </a:prstGeom>
        </p:spPr>
        <p:txBody>
          <a:bodyPr vert="horz" wrap="square" lIns="0" tIns="12700" rIns="0" bIns="0" rtlCol="0">
            <a:spAutoFit/>
          </a:bodyPr>
          <a:lstStyle/>
          <a:p>
            <a:pPr marL="12700">
              <a:lnSpc>
                <a:spcPct val="100000"/>
              </a:lnSpc>
              <a:spcBef>
                <a:spcPts val="100"/>
              </a:spcBef>
            </a:pPr>
            <a:r>
              <a:rPr sz="1200" spc="-50">
                <a:solidFill>
                  <a:srgbClr val="FFFFFF"/>
                </a:solidFill>
                <a:latin typeface="Open Sans"/>
                <a:cs typeface="Open Sans"/>
              </a:rPr>
              <a:t>1</a:t>
            </a:r>
            <a:endParaRPr sz="1200">
              <a:latin typeface="Open Sans"/>
              <a:cs typeface="Open Sans"/>
            </a:endParaRPr>
          </a:p>
        </p:txBody>
      </p:sp>
      <p:pic>
        <p:nvPicPr>
          <p:cNvPr id="6" name="object 4">
            <a:extLst>
              <a:ext uri="{FF2B5EF4-FFF2-40B4-BE49-F238E27FC236}">
                <a16:creationId xmlns:a16="http://schemas.microsoft.com/office/drawing/2014/main" id="{B6B5353A-0C97-C953-7AB9-BAD09414878D}"/>
              </a:ext>
            </a:extLst>
          </p:cNvPr>
          <p:cNvPicPr/>
          <p:nvPr/>
        </p:nvPicPr>
        <p:blipFill>
          <a:blip r:embed="rId3" cstate="print"/>
          <a:stretch>
            <a:fillRect/>
          </a:stretch>
        </p:blipFill>
        <p:spPr>
          <a:xfrm>
            <a:off x="11126368" y="74841"/>
            <a:ext cx="984503" cy="772668"/>
          </a:xfrm>
          <a:prstGeom prst="rect">
            <a:avLst/>
          </a:prstGeom>
        </p:spPr>
      </p:pic>
      <p:sp>
        <p:nvSpPr>
          <p:cNvPr id="7" name="object 5">
            <a:extLst>
              <a:ext uri="{FF2B5EF4-FFF2-40B4-BE49-F238E27FC236}">
                <a16:creationId xmlns:a16="http://schemas.microsoft.com/office/drawing/2014/main" id="{02197E6B-9594-573F-6AF0-C333EEC0CDB1}"/>
              </a:ext>
            </a:extLst>
          </p:cNvPr>
          <p:cNvSpPr txBox="1"/>
          <p:nvPr/>
        </p:nvSpPr>
        <p:spPr>
          <a:xfrm>
            <a:off x="3137407" y="1143000"/>
            <a:ext cx="2413000" cy="635000"/>
          </a:xfrm>
          <a:prstGeom prst="rect">
            <a:avLst/>
          </a:prstGeom>
          <a:solidFill>
            <a:srgbClr val="003366"/>
          </a:solidFill>
        </p:spPr>
        <p:txBody>
          <a:bodyPr vert="horz" wrap="square" lIns="0" tIns="62230" rIns="0" bIns="0" rtlCol="0">
            <a:spAutoFit/>
          </a:bodyPr>
          <a:lstStyle/>
          <a:p>
            <a:pPr marL="351155" marR="297180" indent="-47625">
              <a:lnSpc>
                <a:spcPct val="100000"/>
              </a:lnSpc>
              <a:spcBef>
                <a:spcPts val="490"/>
              </a:spcBef>
            </a:pPr>
            <a:r>
              <a:rPr sz="1600">
                <a:solidFill>
                  <a:srgbClr val="FFFFFF"/>
                </a:solidFill>
                <a:latin typeface="Open Sans"/>
                <a:cs typeface="Open Sans"/>
              </a:rPr>
              <a:t>Executive</a:t>
            </a:r>
            <a:r>
              <a:rPr sz="1600" spc="-70">
                <a:solidFill>
                  <a:srgbClr val="FFFFFF"/>
                </a:solidFill>
                <a:latin typeface="Open Sans"/>
                <a:cs typeface="Open Sans"/>
              </a:rPr>
              <a:t> </a:t>
            </a:r>
            <a:r>
              <a:rPr sz="1600" spc="-10">
                <a:solidFill>
                  <a:srgbClr val="FFFFFF"/>
                </a:solidFill>
                <a:latin typeface="Open Sans"/>
                <a:cs typeface="Open Sans"/>
              </a:rPr>
              <a:t>Sponsor/ </a:t>
            </a:r>
            <a:r>
              <a:rPr sz="1600">
                <a:solidFill>
                  <a:srgbClr val="FFFFFF"/>
                </a:solidFill>
                <a:latin typeface="Open Sans"/>
                <a:cs typeface="Open Sans"/>
              </a:rPr>
              <a:t>Sponsor</a:t>
            </a:r>
            <a:r>
              <a:rPr sz="1600" spc="-40">
                <a:solidFill>
                  <a:srgbClr val="FFFFFF"/>
                </a:solidFill>
                <a:latin typeface="Open Sans"/>
                <a:cs typeface="Open Sans"/>
              </a:rPr>
              <a:t> </a:t>
            </a:r>
            <a:r>
              <a:rPr sz="1600" spc="-10">
                <a:solidFill>
                  <a:srgbClr val="FFFFFF"/>
                </a:solidFill>
                <a:latin typeface="Open Sans"/>
                <a:cs typeface="Open Sans"/>
              </a:rPr>
              <a:t>Designee</a:t>
            </a:r>
            <a:endParaRPr sz="1600">
              <a:latin typeface="Open Sans"/>
              <a:cs typeface="Open Sans"/>
            </a:endParaRPr>
          </a:p>
        </p:txBody>
      </p:sp>
      <p:sp>
        <p:nvSpPr>
          <p:cNvPr id="8" name="object 6">
            <a:extLst>
              <a:ext uri="{FF2B5EF4-FFF2-40B4-BE49-F238E27FC236}">
                <a16:creationId xmlns:a16="http://schemas.microsoft.com/office/drawing/2014/main" id="{A2810015-AC5D-C199-1179-1657F9B9C3A7}"/>
              </a:ext>
            </a:extLst>
          </p:cNvPr>
          <p:cNvSpPr txBox="1"/>
          <p:nvPr/>
        </p:nvSpPr>
        <p:spPr>
          <a:xfrm>
            <a:off x="6437782" y="1143000"/>
            <a:ext cx="2413000" cy="635000"/>
          </a:xfrm>
          <a:prstGeom prst="rect">
            <a:avLst/>
          </a:prstGeom>
          <a:solidFill>
            <a:srgbClr val="003366"/>
          </a:solidFill>
        </p:spPr>
        <p:txBody>
          <a:bodyPr vert="horz" wrap="square" lIns="0" tIns="62230" rIns="0" bIns="0" rtlCol="0">
            <a:spAutoFit/>
          </a:bodyPr>
          <a:lstStyle/>
          <a:p>
            <a:pPr marL="856615" marR="332740" indent="-515620">
              <a:lnSpc>
                <a:spcPct val="100000"/>
              </a:lnSpc>
              <a:spcBef>
                <a:spcPts val="490"/>
              </a:spcBef>
            </a:pPr>
            <a:r>
              <a:rPr sz="1600">
                <a:solidFill>
                  <a:srgbClr val="FFFFFF"/>
                </a:solidFill>
                <a:latin typeface="Open Sans"/>
                <a:cs typeface="Open Sans"/>
              </a:rPr>
              <a:t>Executive</a:t>
            </a:r>
            <a:r>
              <a:rPr sz="1600" spc="-70">
                <a:solidFill>
                  <a:srgbClr val="FFFFFF"/>
                </a:solidFill>
                <a:latin typeface="Open Sans"/>
                <a:cs typeface="Open Sans"/>
              </a:rPr>
              <a:t> </a:t>
            </a:r>
            <a:r>
              <a:rPr sz="1600" spc="-10">
                <a:solidFill>
                  <a:srgbClr val="FFFFFF"/>
                </a:solidFill>
                <a:latin typeface="Open Sans"/>
                <a:cs typeface="Open Sans"/>
              </a:rPr>
              <a:t>Sponsor Council</a:t>
            </a:r>
            <a:endParaRPr sz="1600">
              <a:latin typeface="Open Sans"/>
              <a:cs typeface="Open Sans"/>
            </a:endParaRPr>
          </a:p>
        </p:txBody>
      </p:sp>
      <p:sp>
        <p:nvSpPr>
          <p:cNvPr id="9" name="object 7">
            <a:extLst>
              <a:ext uri="{FF2B5EF4-FFF2-40B4-BE49-F238E27FC236}">
                <a16:creationId xmlns:a16="http://schemas.microsoft.com/office/drawing/2014/main" id="{A0ABAC37-A786-61BB-B28F-166BFC074D2E}"/>
              </a:ext>
            </a:extLst>
          </p:cNvPr>
          <p:cNvSpPr/>
          <p:nvPr/>
        </p:nvSpPr>
        <p:spPr>
          <a:xfrm>
            <a:off x="4819903" y="2252129"/>
            <a:ext cx="2413000" cy="635000"/>
          </a:xfrm>
          <a:custGeom>
            <a:avLst/>
            <a:gdLst/>
            <a:ahLst/>
            <a:cxnLst/>
            <a:rect l="l" t="t" r="r" b="b"/>
            <a:pathLst>
              <a:path w="2413000" h="635000">
                <a:moveTo>
                  <a:pt x="2413000" y="0"/>
                </a:moveTo>
                <a:lnTo>
                  <a:pt x="0" y="0"/>
                </a:lnTo>
                <a:lnTo>
                  <a:pt x="0" y="635000"/>
                </a:lnTo>
                <a:lnTo>
                  <a:pt x="2413000" y="635000"/>
                </a:lnTo>
                <a:lnTo>
                  <a:pt x="2413000" y="0"/>
                </a:lnTo>
                <a:close/>
              </a:path>
            </a:pathLst>
          </a:custGeom>
          <a:solidFill>
            <a:srgbClr val="003366"/>
          </a:solidFill>
        </p:spPr>
        <p:txBody>
          <a:bodyPr wrap="square" lIns="0" tIns="0" rIns="0" bIns="0" rtlCol="0"/>
          <a:lstStyle/>
          <a:p>
            <a:endParaRPr/>
          </a:p>
        </p:txBody>
      </p:sp>
      <p:sp>
        <p:nvSpPr>
          <p:cNvPr id="10" name="object 8">
            <a:extLst>
              <a:ext uri="{FF2B5EF4-FFF2-40B4-BE49-F238E27FC236}">
                <a16:creationId xmlns:a16="http://schemas.microsoft.com/office/drawing/2014/main" id="{55503630-4E19-9FC6-69E7-2645B413D18C}"/>
              </a:ext>
            </a:extLst>
          </p:cNvPr>
          <p:cNvSpPr txBox="1"/>
          <p:nvPr/>
        </p:nvSpPr>
        <p:spPr>
          <a:xfrm>
            <a:off x="4819903" y="2302419"/>
            <a:ext cx="2413000" cy="513080"/>
          </a:xfrm>
          <a:prstGeom prst="rect">
            <a:avLst/>
          </a:prstGeom>
        </p:spPr>
        <p:txBody>
          <a:bodyPr vert="horz" wrap="square" lIns="0" tIns="12065" rIns="0" bIns="0" rtlCol="0">
            <a:spAutoFit/>
          </a:bodyPr>
          <a:lstStyle/>
          <a:p>
            <a:pPr marL="680085" marR="370205" indent="-302260">
              <a:lnSpc>
                <a:spcPct val="100000"/>
              </a:lnSpc>
              <a:spcBef>
                <a:spcPts val="95"/>
              </a:spcBef>
            </a:pPr>
            <a:r>
              <a:rPr sz="1600">
                <a:solidFill>
                  <a:srgbClr val="FFFFFF"/>
                </a:solidFill>
                <a:latin typeface="Open Sans"/>
                <a:cs typeface="Open Sans"/>
              </a:rPr>
              <a:t>Program</a:t>
            </a:r>
            <a:r>
              <a:rPr sz="1600" spc="-50">
                <a:solidFill>
                  <a:srgbClr val="FFFFFF"/>
                </a:solidFill>
                <a:latin typeface="Open Sans"/>
                <a:cs typeface="Open Sans"/>
              </a:rPr>
              <a:t> </a:t>
            </a:r>
            <a:r>
              <a:rPr sz="1600" spc="-10">
                <a:solidFill>
                  <a:srgbClr val="FFFFFF"/>
                </a:solidFill>
                <a:latin typeface="Open Sans"/>
                <a:cs typeface="Open Sans"/>
              </a:rPr>
              <a:t>Steering Committee</a:t>
            </a:r>
            <a:endParaRPr sz="1600">
              <a:latin typeface="Open Sans"/>
              <a:cs typeface="Open Sans"/>
            </a:endParaRPr>
          </a:p>
        </p:txBody>
      </p:sp>
      <p:sp>
        <p:nvSpPr>
          <p:cNvPr id="11" name="object 9">
            <a:extLst>
              <a:ext uri="{FF2B5EF4-FFF2-40B4-BE49-F238E27FC236}">
                <a16:creationId xmlns:a16="http://schemas.microsoft.com/office/drawing/2014/main" id="{8CBE8026-F580-9A1A-DF89-033FE351E619}"/>
              </a:ext>
            </a:extLst>
          </p:cNvPr>
          <p:cNvSpPr/>
          <p:nvPr/>
        </p:nvSpPr>
        <p:spPr>
          <a:xfrm>
            <a:off x="4819903" y="3564473"/>
            <a:ext cx="2413000" cy="635000"/>
          </a:xfrm>
          <a:custGeom>
            <a:avLst/>
            <a:gdLst/>
            <a:ahLst/>
            <a:cxnLst/>
            <a:rect l="l" t="t" r="r" b="b"/>
            <a:pathLst>
              <a:path w="2413000" h="635000">
                <a:moveTo>
                  <a:pt x="2413000" y="0"/>
                </a:moveTo>
                <a:lnTo>
                  <a:pt x="0" y="0"/>
                </a:lnTo>
                <a:lnTo>
                  <a:pt x="0" y="635000"/>
                </a:lnTo>
                <a:lnTo>
                  <a:pt x="2413000" y="635000"/>
                </a:lnTo>
                <a:lnTo>
                  <a:pt x="2413000" y="0"/>
                </a:lnTo>
                <a:close/>
              </a:path>
            </a:pathLst>
          </a:custGeom>
          <a:solidFill>
            <a:srgbClr val="003366"/>
          </a:solidFill>
        </p:spPr>
        <p:txBody>
          <a:bodyPr wrap="square" lIns="0" tIns="0" rIns="0" bIns="0" rtlCol="0"/>
          <a:lstStyle/>
          <a:p>
            <a:endParaRPr/>
          </a:p>
        </p:txBody>
      </p:sp>
      <p:sp>
        <p:nvSpPr>
          <p:cNvPr id="12" name="object 10">
            <a:extLst>
              <a:ext uri="{FF2B5EF4-FFF2-40B4-BE49-F238E27FC236}">
                <a16:creationId xmlns:a16="http://schemas.microsoft.com/office/drawing/2014/main" id="{50B4251B-1515-C6E5-DCBB-13686A4257EF}"/>
              </a:ext>
            </a:extLst>
          </p:cNvPr>
          <p:cNvSpPr txBox="1"/>
          <p:nvPr/>
        </p:nvSpPr>
        <p:spPr>
          <a:xfrm>
            <a:off x="5197997" y="3598126"/>
            <a:ext cx="1655445" cy="513080"/>
          </a:xfrm>
          <a:prstGeom prst="rect">
            <a:avLst/>
          </a:prstGeom>
        </p:spPr>
        <p:txBody>
          <a:bodyPr vert="horz" wrap="square" lIns="0" tIns="12065" rIns="0" bIns="0" rtlCol="0">
            <a:spAutoFit/>
          </a:bodyPr>
          <a:lstStyle/>
          <a:p>
            <a:pPr marL="12700" marR="5080" indent="154940">
              <a:lnSpc>
                <a:spcPct val="100000"/>
              </a:lnSpc>
              <a:spcBef>
                <a:spcPts val="95"/>
              </a:spcBef>
            </a:pPr>
            <a:r>
              <a:rPr sz="1600">
                <a:solidFill>
                  <a:srgbClr val="FFFFFF"/>
                </a:solidFill>
                <a:latin typeface="Open Sans"/>
                <a:cs typeface="Open Sans"/>
              </a:rPr>
              <a:t>Core</a:t>
            </a:r>
            <a:r>
              <a:rPr sz="1600" spc="-35">
                <a:solidFill>
                  <a:srgbClr val="FFFFFF"/>
                </a:solidFill>
                <a:latin typeface="Open Sans"/>
                <a:cs typeface="Open Sans"/>
              </a:rPr>
              <a:t> </a:t>
            </a:r>
            <a:r>
              <a:rPr sz="1600" spc="-10">
                <a:solidFill>
                  <a:srgbClr val="FFFFFF"/>
                </a:solidFill>
                <a:latin typeface="Open Sans"/>
                <a:cs typeface="Open Sans"/>
              </a:rPr>
              <a:t>Program </a:t>
            </a:r>
            <a:r>
              <a:rPr sz="1600">
                <a:solidFill>
                  <a:srgbClr val="FFFFFF"/>
                </a:solidFill>
                <a:latin typeface="Open Sans"/>
                <a:cs typeface="Open Sans"/>
              </a:rPr>
              <a:t>Leadership</a:t>
            </a:r>
            <a:r>
              <a:rPr sz="1600" spc="-95">
                <a:solidFill>
                  <a:srgbClr val="FFFFFF"/>
                </a:solidFill>
                <a:latin typeface="Open Sans"/>
                <a:cs typeface="Open Sans"/>
              </a:rPr>
              <a:t> </a:t>
            </a:r>
            <a:r>
              <a:rPr sz="1600" spc="-20">
                <a:solidFill>
                  <a:srgbClr val="FFFFFF"/>
                </a:solidFill>
                <a:latin typeface="Open Sans"/>
                <a:cs typeface="Open Sans"/>
              </a:rPr>
              <a:t>Team</a:t>
            </a:r>
            <a:endParaRPr sz="1600">
              <a:latin typeface="Open Sans"/>
              <a:cs typeface="Open Sans"/>
            </a:endParaRPr>
          </a:p>
        </p:txBody>
      </p:sp>
      <p:sp>
        <p:nvSpPr>
          <p:cNvPr id="13" name="object 11">
            <a:extLst>
              <a:ext uri="{FF2B5EF4-FFF2-40B4-BE49-F238E27FC236}">
                <a16:creationId xmlns:a16="http://schemas.microsoft.com/office/drawing/2014/main" id="{73CE9A17-D11B-D67F-B0F0-70BA29585CA5}"/>
              </a:ext>
            </a:extLst>
          </p:cNvPr>
          <p:cNvSpPr/>
          <p:nvPr/>
        </p:nvSpPr>
        <p:spPr>
          <a:xfrm>
            <a:off x="1743151" y="1857908"/>
            <a:ext cx="2413000" cy="635000"/>
          </a:xfrm>
          <a:custGeom>
            <a:avLst/>
            <a:gdLst/>
            <a:ahLst/>
            <a:cxnLst/>
            <a:rect l="l" t="t" r="r" b="b"/>
            <a:pathLst>
              <a:path w="2413000" h="635000">
                <a:moveTo>
                  <a:pt x="2412999" y="0"/>
                </a:moveTo>
                <a:lnTo>
                  <a:pt x="0" y="0"/>
                </a:lnTo>
                <a:lnTo>
                  <a:pt x="0" y="635000"/>
                </a:lnTo>
                <a:lnTo>
                  <a:pt x="2412999" y="635000"/>
                </a:lnTo>
                <a:lnTo>
                  <a:pt x="2412999" y="0"/>
                </a:lnTo>
                <a:close/>
              </a:path>
            </a:pathLst>
          </a:custGeom>
          <a:solidFill>
            <a:srgbClr val="008080"/>
          </a:solidFill>
        </p:spPr>
        <p:txBody>
          <a:bodyPr wrap="square" lIns="0" tIns="0" rIns="0" bIns="0" rtlCol="0"/>
          <a:lstStyle/>
          <a:p>
            <a:endParaRPr/>
          </a:p>
        </p:txBody>
      </p:sp>
      <p:sp>
        <p:nvSpPr>
          <p:cNvPr id="14" name="object 12">
            <a:extLst>
              <a:ext uri="{FF2B5EF4-FFF2-40B4-BE49-F238E27FC236}">
                <a16:creationId xmlns:a16="http://schemas.microsoft.com/office/drawing/2014/main" id="{9886A2C0-CCA4-A9A1-95E1-972F2F70C2B5}"/>
              </a:ext>
            </a:extLst>
          </p:cNvPr>
          <p:cNvSpPr txBox="1"/>
          <p:nvPr/>
        </p:nvSpPr>
        <p:spPr>
          <a:xfrm>
            <a:off x="1831704" y="2030115"/>
            <a:ext cx="2237105" cy="269240"/>
          </a:xfrm>
          <a:prstGeom prst="rect">
            <a:avLst/>
          </a:prstGeom>
        </p:spPr>
        <p:txBody>
          <a:bodyPr vert="horz" wrap="square" lIns="0" tIns="12065" rIns="0" bIns="0" rtlCol="0">
            <a:spAutoFit/>
          </a:bodyPr>
          <a:lstStyle/>
          <a:p>
            <a:pPr marL="12700">
              <a:lnSpc>
                <a:spcPct val="100000"/>
              </a:lnSpc>
              <a:spcBef>
                <a:spcPts val="95"/>
              </a:spcBef>
            </a:pPr>
            <a:r>
              <a:rPr sz="1600">
                <a:solidFill>
                  <a:srgbClr val="FFFFFF"/>
                </a:solidFill>
                <a:latin typeface="Open Sans"/>
                <a:cs typeface="Open Sans"/>
              </a:rPr>
              <a:t>HR</a:t>
            </a:r>
            <a:r>
              <a:rPr sz="1600" spc="-30">
                <a:solidFill>
                  <a:srgbClr val="FFFFFF"/>
                </a:solidFill>
                <a:latin typeface="Open Sans"/>
                <a:cs typeface="Open Sans"/>
              </a:rPr>
              <a:t> </a:t>
            </a:r>
            <a:r>
              <a:rPr sz="1600">
                <a:solidFill>
                  <a:srgbClr val="FFFFFF"/>
                </a:solidFill>
                <a:latin typeface="Open Sans"/>
                <a:cs typeface="Open Sans"/>
              </a:rPr>
              <a:t>Steering</a:t>
            </a:r>
            <a:r>
              <a:rPr sz="1600" spc="-50">
                <a:solidFill>
                  <a:srgbClr val="FFFFFF"/>
                </a:solidFill>
                <a:latin typeface="Open Sans"/>
                <a:cs typeface="Open Sans"/>
              </a:rPr>
              <a:t> </a:t>
            </a:r>
            <a:r>
              <a:rPr sz="1600" spc="-10">
                <a:solidFill>
                  <a:srgbClr val="FFFFFF"/>
                </a:solidFill>
                <a:latin typeface="Open Sans"/>
                <a:cs typeface="Open Sans"/>
              </a:rPr>
              <a:t>Committee</a:t>
            </a:r>
            <a:endParaRPr sz="1600">
              <a:latin typeface="Open Sans"/>
              <a:cs typeface="Open Sans"/>
            </a:endParaRPr>
          </a:p>
        </p:txBody>
      </p:sp>
      <p:sp>
        <p:nvSpPr>
          <p:cNvPr id="15" name="object 13">
            <a:extLst>
              <a:ext uri="{FF2B5EF4-FFF2-40B4-BE49-F238E27FC236}">
                <a16:creationId xmlns:a16="http://schemas.microsoft.com/office/drawing/2014/main" id="{8D711D94-ED53-EF63-6025-0EFFF7F7FD5A}"/>
              </a:ext>
            </a:extLst>
          </p:cNvPr>
          <p:cNvSpPr/>
          <p:nvPr/>
        </p:nvSpPr>
        <p:spPr>
          <a:xfrm>
            <a:off x="1743151" y="2684462"/>
            <a:ext cx="2413000" cy="635000"/>
          </a:xfrm>
          <a:custGeom>
            <a:avLst/>
            <a:gdLst/>
            <a:ahLst/>
            <a:cxnLst/>
            <a:rect l="l" t="t" r="r" b="b"/>
            <a:pathLst>
              <a:path w="2413000" h="635000">
                <a:moveTo>
                  <a:pt x="2412999" y="0"/>
                </a:moveTo>
                <a:lnTo>
                  <a:pt x="0" y="0"/>
                </a:lnTo>
                <a:lnTo>
                  <a:pt x="0" y="635000"/>
                </a:lnTo>
                <a:lnTo>
                  <a:pt x="2412999" y="635000"/>
                </a:lnTo>
                <a:lnTo>
                  <a:pt x="2412999" y="0"/>
                </a:lnTo>
                <a:close/>
              </a:path>
            </a:pathLst>
          </a:custGeom>
          <a:solidFill>
            <a:srgbClr val="008080"/>
          </a:solidFill>
        </p:spPr>
        <p:txBody>
          <a:bodyPr wrap="square" lIns="0" tIns="0" rIns="0" bIns="0" rtlCol="0"/>
          <a:lstStyle/>
          <a:p>
            <a:endParaRPr/>
          </a:p>
        </p:txBody>
      </p:sp>
      <p:sp>
        <p:nvSpPr>
          <p:cNvPr id="16" name="object 14">
            <a:extLst>
              <a:ext uri="{FF2B5EF4-FFF2-40B4-BE49-F238E27FC236}">
                <a16:creationId xmlns:a16="http://schemas.microsoft.com/office/drawing/2014/main" id="{2BAA705A-FD5B-6E41-E8BD-A4C5D1C32010}"/>
              </a:ext>
            </a:extLst>
          </p:cNvPr>
          <p:cNvSpPr txBox="1"/>
          <p:nvPr/>
        </p:nvSpPr>
        <p:spPr>
          <a:xfrm>
            <a:off x="2296524" y="2734755"/>
            <a:ext cx="1305560" cy="513080"/>
          </a:xfrm>
          <a:prstGeom prst="rect">
            <a:avLst/>
          </a:prstGeom>
        </p:spPr>
        <p:txBody>
          <a:bodyPr vert="horz" wrap="square" lIns="0" tIns="12065" rIns="0" bIns="0" rtlCol="0">
            <a:spAutoFit/>
          </a:bodyPr>
          <a:lstStyle/>
          <a:p>
            <a:pPr marL="127000" marR="5080" indent="-114935">
              <a:lnSpc>
                <a:spcPct val="100000"/>
              </a:lnSpc>
              <a:spcBef>
                <a:spcPts val="95"/>
              </a:spcBef>
            </a:pPr>
            <a:r>
              <a:rPr sz="1600">
                <a:solidFill>
                  <a:srgbClr val="FFFFFF"/>
                </a:solidFill>
                <a:latin typeface="Open Sans"/>
                <a:cs typeface="Open Sans"/>
              </a:rPr>
              <a:t>CBO</a:t>
            </a:r>
            <a:r>
              <a:rPr sz="1600" spc="-35">
                <a:solidFill>
                  <a:srgbClr val="FFFFFF"/>
                </a:solidFill>
                <a:latin typeface="Open Sans"/>
                <a:cs typeface="Open Sans"/>
              </a:rPr>
              <a:t> </a:t>
            </a:r>
            <a:r>
              <a:rPr sz="1600" spc="-10">
                <a:solidFill>
                  <a:srgbClr val="FFFFFF"/>
                </a:solidFill>
                <a:latin typeface="Open Sans"/>
                <a:cs typeface="Open Sans"/>
              </a:rPr>
              <a:t>Advisory Committee</a:t>
            </a:r>
            <a:endParaRPr sz="1600">
              <a:latin typeface="Open Sans"/>
              <a:cs typeface="Open Sans"/>
            </a:endParaRPr>
          </a:p>
        </p:txBody>
      </p:sp>
      <p:sp>
        <p:nvSpPr>
          <p:cNvPr id="17" name="object 15">
            <a:extLst>
              <a:ext uri="{FF2B5EF4-FFF2-40B4-BE49-F238E27FC236}">
                <a16:creationId xmlns:a16="http://schemas.microsoft.com/office/drawing/2014/main" id="{BD9A6248-44DA-DC74-C0BB-4045CFFF333D}"/>
              </a:ext>
            </a:extLst>
          </p:cNvPr>
          <p:cNvSpPr/>
          <p:nvPr/>
        </p:nvSpPr>
        <p:spPr>
          <a:xfrm>
            <a:off x="7896656" y="1845729"/>
            <a:ext cx="2413000" cy="635000"/>
          </a:xfrm>
          <a:custGeom>
            <a:avLst/>
            <a:gdLst/>
            <a:ahLst/>
            <a:cxnLst/>
            <a:rect l="l" t="t" r="r" b="b"/>
            <a:pathLst>
              <a:path w="2413000" h="635000">
                <a:moveTo>
                  <a:pt x="2413000" y="0"/>
                </a:moveTo>
                <a:lnTo>
                  <a:pt x="0" y="0"/>
                </a:lnTo>
                <a:lnTo>
                  <a:pt x="0" y="635000"/>
                </a:lnTo>
                <a:lnTo>
                  <a:pt x="2413000" y="635000"/>
                </a:lnTo>
                <a:lnTo>
                  <a:pt x="2413000" y="0"/>
                </a:lnTo>
                <a:close/>
              </a:path>
            </a:pathLst>
          </a:custGeom>
          <a:solidFill>
            <a:srgbClr val="008080"/>
          </a:solidFill>
        </p:spPr>
        <p:txBody>
          <a:bodyPr wrap="square" lIns="0" tIns="0" rIns="0" bIns="0" rtlCol="0"/>
          <a:lstStyle/>
          <a:p>
            <a:endParaRPr/>
          </a:p>
        </p:txBody>
      </p:sp>
      <p:sp>
        <p:nvSpPr>
          <p:cNvPr id="18" name="object 16">
            <a:extLst>
              <a:ext uri="{FF2B5EF4-FFF2-40B4-BE49-F238E27FC236}">
                <a16:creationId xmlns:a16="http://schemas.microsoft.com/office/drawing/2014/main" id="{A08B75BE-C1C0-899E-0D19-C01D96F0AD5B}"/>
              </a:ext>
            </a:extLst>
          </p:cNvPr>
          <p:cNvSpPr txBox="1"/>
          <p:nvPr/>
        </p:nvSpPr>
        <p:spPr>
          <a:xfrm>
            <a:off x="8488093" y="1896019"/>
            <a:ext cx="1231265" cy="513080"/>
          </a:xfrm>
          <a:prstGeom prst="rect">
            <a:avLst/>
          </a:prstGeom>
        </p:spPr>
        <p:txBody>
          <a:bodyPr vert="horz" wrap="square" lIns="0" tIns="12065" rIns="0" bIns="0" rtlCol="0">
            <a:spAutoFit/>
          </a:bodyPr>
          <a:lstStyle/>
          <a:p>
            <a:pPr marL="88900" marR="5080" indent="-76835">
              <a:lnSpc>
                <a:spcPct val="100000"/>
              </a:lnSpc>
              <a:spcBef>
                <a:spcPts val="95"/>
              </a:spcBef>
            </a:pPr>
            <a:r>
              <a:rPr sz="1600">
                <a:solidFill>
                  <a:srgbClr val="FFFFFF"/>
                </a:solidFill>
                <a:latin typeface="Open Sans"/>
                <a:cs typeface="Open Sans"/>
              </a:rPr>
              <a:t>CIO</a:t>
            </a:r>
            <a:r>
              <a:rPr sz="1600" spc="-35">
                <a:solidFill>
                  <a:srgbClr val="FFFFFF"/>
                </a:solidFill>
                <a:latin typeface="Open Sans"/>
                <a:cs typeface="Open Sans"/>
              </a:rPr>
              <a:t> </a:t>
            </a:r>
            <a:r>
              <a:rPr sz="1600" spc="-10">
                <a:solidFill>
                  <a:srgbClr val="FFFFFF"/>
                </a:solidFill>
                <a:latin typeface="Open Sans"/>
                <a:cs typeface="Open Sans"/>
              </a:rPr>
              <a:t>Advisory Committee</a:t>
            </a:r>
            <a:endParaRPr sz="1600">
              <a:latin typeface="Open Sans"/>
              <a:cs typeface="Open Sans"/>
            </a:endParaRPr>
          </a:p>
        </p:txBody>
      </p:sp>
      <p:sp>
        <p:nvSpPr>
          <p:cNvPr id="19" name="object 17">
            <a:extLst>
              <a:ext uri="{FF2B5EF4-FFF2-40B4-BE49-F238E27FC236}">
                <a16:creationId xmlns:a16="http://schemas.microsoft.com/office/drawing/2014/main" id="{200F8BA8-4972-8D05-78C7-2049542AF07B}"/>
              </a:ext>
            </a:extLst>
          </p:cNvPr>
          <p:cNvSpPr/>
          <p:nvPr/>
        </p:nvSpPr>
        <p:spPr>
          <a:xfrm>
            <a:off x="7896656" y="2694495"/>
            <a:ext cx="2413000" cy="635000"/>
          </a:xfrm>
          <a:custGeom>
            <a:avLst/>
            <a:gdLst/>
            <a:ahLst/>
            <a:cxnLst/>
            <a:rect l="l" t="t" r="r" b="b"/>
            <a:pathLst>
              <a:path w="2413000" h="635000">
                <a:moveTo>
                  <a:pt x="2413000" y="0"/>
                </a:moveTo>
                <a:lnTo>
                  <a:pt x="0" y="0"/>
                </a:lnTo>
                <a:lnTo>
                  <a:pt x="0" y="635000"/>
                </a:lnTo>
                <a:lnTo>
                  <a:pt x="2413000" y="635000"/>
                </a:lnTo>
                <a:lnTo>
                  <a:pt x="2413000" y="0"/>
                </a:lnTo>
                <a:close/>
              </a:path>
            </a:pathLst>
          </a:custGeom>
          <a:solidFill>
            <a:srgbClr val="008080"/>
          </a:solidFill>
        </p:spPr>
        <p:txBody>
          <a:bodyPr wrap="square" lIns="0" tIns="0" rIns="0" bIns="0" rtlCol="0"/>
          <a:lstStyle/>
          <a:p>
            <a:endParaRPr/>
          </a:p>
        </p:txBody>
      </p:sp>
      <p:sp>
        <p:nvSpPr>
          <p:cNvPr id="20" name="object 18">
            <a:extLst>
              <a:ext uri="{FF2B5EF4-FFF2-40B4-BE49-F238E27FC236}">
                <a16:creationId xmlns:a16="http://schemas.microsoft.com/office/drawing/2014/main" id="{BF00E453-DE34-D9C3-B2FA-9BF2058015B3}"/>
              </a:ext>
            </a:extLst>
          </p:cNvPr>
          <p:cNvSpPr txBox="1"/>
          <p:nvPr/>
        </p:nvSpPr>
        <p:spPr>
          <a:xfrm>
            <a:off x="8133162" y="2744793"/>
            <a:ext cx="1939925" cy="513080"/>
          </a:xfrm>
          <a:prstGeom prst="rect">
            <a:avLst/>
          </a:prstGeom>
        </p:spPr>
        <p:txBody>
          <a:bodyPr vert="horz" wrap="square" lIns="0" tIns="12065" rIns="0" bIns="0" rtlCol="0">
            <a:spAutoFit/>
          </a:bodyPr>
          <a:lstStyle/>
          <a:p>
            <a:pPr marL="12700" marR="5080" indent="92710">
              <a:lnSpc>
                <a:spcPct val="100000"/>
              </a:lnSpc>
              <a:spcBef>
                <a:spcPts val="95"/>
              </a:spcBef>
            </a:pPr>
            <a:r>
              <a:rPr sz="1600">
                <a:solidFill>
                  <a:srgbClr val="FFFFFF"/>
                </a:solidFill>
                <a:latin typeface="Open Sans"/>
                <a:cs typeface="Open Sans"/>
              </a:rPr>
              <a:t>Org</a:t>
            </a:r>
            <a:r>
              <a:rPr sz="1600" spc="-40">
                <a:solidFill>
                  <a:srgbClr val="FFFFFF"/>
                </a:solidFill>
                <a:latin typeface="Open Sans"/>
                <a:cs typeface="Open Sans"/>
              </a:rPr>
              <a:t> </a:t>
            </a:r>
            <a:r>
              <a:rPr sz="1600">
                <a:solidFill>
                  <a:srgbClr val="FFFFFF"/>
                </a:solidFill>
                <a:latin typeface="Open Sans"/>
                <a:cs typeface="Open Sans"/>
              </a:rPr>
              <a:t>Change</a:t>
            </a:r>
            <a:r>
              <a:rPr sz="1600" spc="-40">
                <a:solidFill>
                  <a:srgbClr val="FFFFFF"/>
                </a:solidFill>
                <a:latin typeface="Open Sans"/>
                <a:cs typeface="Open Sans"/>
              </a:rPr>
              <a:t> </a:t>
            </a:r>
            <a:r>
              <a:rPr sz="1600" spc="-20">
                <a:solidFill>
                  <a:srgbClr val="FFFFFF"/>
                </a:solidFill>
                <a:latin typeface="Open Sans"/>
                <a:cs typeface="Open Sans"/>
              </a:rPr>
              <a:t>Mgmt </a:t>
            </a:r>
            <a:r>
              <a:rPr sz="1600">
                <a:solidFill>
                  <a:srgbClr val="FFFFFF"/>
                </a:solidFill>
                <a:latin typeface="Open Sans"/>
                <a:cs typeface="Open Sans"/>
              </a:rPr>
              <a:t>Advisory</a:t>
            </a:r>
            <a:r>
              <a:rPr sz="1600" spc="-55">
                <a:solidFill>
                  <a:srgbClr val="FFFFFF"/>
                </a:solidFill>
                <a:latin typeface="Open Sans"/>
                <a:cs typeface="Open Sans"/>
              </a:rPr>
              <a:t> </a:t>
            </a:r>
            <a:r>
              <a:rPr sz="1600" spc="-10">
                <a:solidFill>
                  <a:srgbClr val="FFFFFF"/>
                </a:solidFill>
                <a:latin typeface="Open Sans"/>
                <a:cs typeface="Open Sans"/>
              </a:rPr>
              <a:t>Committee</a:t>
            </a:r>
            <a:endParaRPr sz="1600">
              <a:latin typeface="Open Sans"/>
              <a:cs typeface="Open Sans"/>
            </a:endParaRPr>
          </a:p>
        </p:txBody>
      </p:sp>
      <p:sp>
        <p:nvSpPr>
          <p:cNvPr id="21" name="object 19">
            <a:extLst>
              <a:ext uri="{FF2B5EF4-FFF2-40B4-BE49-F238E27FC236}">
                <a16:creationId xmlns:a16="http://schemas.microsoft.com/office/drawing/2014/main" id="{52E47EC9-2FFD-13C3-097D-DE32712E4CA0}"/>
              </a:ext>
            </a:extLst>
          </p:cNvPr>
          <p:cNvSpPr txBox="1"/>
          <p:nvPr/>
        </p:nvSpPr>
        <p:spPr>
          <a:xfrm>
            <a:off x="1524000" y="3674544"/>
            <a:ext cx="2413000" cy="440690"/>
          </a:xfrm>
          <a:prstGeom prst="rect">
            <a:avLst/>
          </a:prstGeom>
          <a:solidFill>
            <a:srgbClr val="6F8090"/>
          </a:solidFill>
        </p:spPr>
        <p:txBody>
          <a:bodyPr vert="horz" wrap="square" lIns="0" tIns="86995" rIns="0" bIns="0" rtlCol="0">
            <a:spAutoFit/>
          </a:bodyPr>
          <a:lstStyle/>
          <a:p>
            <a:pPr marL="382905">
              <a:lnSpc>
                <a:spcPct val="100000"/>
              </a:lnSpc>
              <a:spcBef>
                <a:spcPts val="685"/>
              </a:spcBef>
            </a:pPr>
            <a:r>
              <a:rPr sz="1600">
                <a:solidFill>
                  <a:srgbClr val="FFFFFF"/>
                </a:solidFill>
                <a:latin typeface="Open Sans"/>
                <a:cs typeface="Open Sans"/>
              </a:rPr>
              <a:t>Institutional</a:t>
            </a:r>
            <a:r>
              <a:rPr sz="1600" spc="-85">
                <a:solidFill>
                  <a:srgbClr val="FFFFFF"/>
                </a:solidFill>
                <a:latin typeface="Open Sans"/>
                <a:cs typeface="Open Sans"/>
              </a:rPr>
              <a:t> </a:t>
            </a:r>
            <a:r>
              <a:rPr sz="1600" spc="-25">
                <a:solidFill>
                  <a:srgbClr val="FFFFFF"/>
                </a:solidFill>
                <a:latin typeface="Open Sans"/>
                <a:cs typeface="Open Sans"/>
              </a:rPr>
              <a:t>PMO</a:t>
            </a:r>
            <a:endParaRPr sz="1600">
              <a:latin typeface="Open Sans"/>
              <a:cs typeface="Open Sans"/>
            </a:endParaRPr>
          </a:p>
        </p:txBody>
      </p:sp>
      <p:sp>
        <p:nvSpPr>
          <p:cNvPr id="22" name="object 20">
            <a:extLst>
              <a:ext uri="{FF2B5EF4-FFF2-40B4-BE49-F238E27FC236}">
                <a16:creationId xmlns:a16="http://schemas.microsoft.com/office/drawing/2014/main" id="{06E04C93-F339-59C2-FDFA-48F2D5E10C2B}"/>
              </a:ext>
            </a:extLst>
          </p:cNvPr>
          <p:cNvSpPr txBox="1"/>
          <p:nvPr/>
        </p:nvSpPr>
        <p:spPr>
          <a:xfrm>
            <a:off x="673100" y="4516970"/>
            <a:ext cx="1524000" cy="1123950"/>
          </a:xfrm>
          <a:prstGeom prst="rect">
            <a:avLst/>
          </a:prstGeom>
          <a:solidFill>
            <a:srgbClr val="B6B6B6"/>
          </a:solidFill>
        </p:spPr>
        <p:txBody>
          <a:bodyPr vert="horz" wrap="square" lIns="0" tIns="184785" rIns="0" bIns="0" rtlCol="0">
            <a:spAutoFit/>
          </a:bodyPr>
          <a:lstStyle/>
          <a:p>
            <a:pPr marL="104139" marR="98425" algn="ctr">
              <a:lnSpc>
                <a:spcPct val="100000"/>
              </a:lnSpc>
              <a:spcBef>
                <a:spcPts val="1455"/>
              </a:spcBef>
            </a:pPr>
            <a:r>
              <a:rPr sz="1600">
                <a:solidFill>
                  <a:srgbClr val="FFFFFF"/>
                </a:solidFill>
                <a:latin typeface="Open Sans"/>
                <a:cs typeface="Open Sans"/>
              </a:rPr>
              <a:t>HCM</a:t>
            </a:r>
            <a:r>
              <a:rPr sz="1600" spc="-25">
                <a:solidFill>
                  <a:srgbClr val="FFFFFF"/>
                </a:solidFill>
                <a:latin typeface="Open Sans"/>
                <a:cs typeface="Open Sans"/>
              </a:rPr>
              <a:t> </a:t>
            </a:r>
            <a:r>
              <a:rPr sz="1600">
                <a:solidFill>
                  <a:srgbClr val="FFFFFF"/>
                </a:solidFill>
                <a:latin typeface="Open Sans"/>
                <a:cs typeface="Open Sans"/>
              </a:rPr>
              <a:t>–</a:t>
            </a:r>
            <a:r>
              <a:rPr sz="1600" spc="-15">
                <a:solidFill>
                  <a:srgbClr val="FFFFFF"/>
                </a:solidFill>
                <a:latin typeface="Open Sans"/>
                <a:cs typeface="Open Sans"/>
              </a:rPr>
              <a:t> </a:t>
            </a:r>
            <a:r>
              <a:rPr sz="1600" spc="-10">
                <a:solidFill>
                  <a:srgbClr val="FFFFFF"/>
                </a:solidFill>
                <a:latin typeface="Open Sans"/>
                <a:cs typeface="Open Sans"/>
              </a:rPr>
              <a:t>Payroll Business Suite</a:t>
            </a:r>
            <a:endParaRPr sz="1600">
              <a:latin typeface="Open Sans"/>
              <a:cs typeface="Open Sans"/>
            </a:endParaRPr>
          </a:p>
        </p:txBody>
      </p:sp>
      <p:sp>
        <p:nvSpPr>
          <p:cNvPr id="23" name="object 21">
            <a:extLst>
              <a:ext uri="{FF2B5EF4-FFF2-40B4-BE49-F238E27FC236}">
                <a16:creationId xmlns:a16="http://schemas.microsoft.com/office/drawing/2014/main" id="{79F2EFE3-8DA0-40CC-8688-E9BF8ED50B87}"/>
              </a:ext>
            </a:extLst>
          </p:cNvPr>
          <p:cNvSpPr txBox="1"/>
          <p:nvPr/>
        </p:nvSpPr>
        <p:spPr>
          <a:xfrm>
            <a:off x="2968751" y="4516970"/>
            <a:ext cx="1524000" cy="1123950"/>
          </a:xfrm>
          <a:prstGeom prst="rect">
            <a:avLst/>
          </a:prstGeom>
          <a:solidFill>
            <a:srgbClr val="B6B6B6"/>
          </a:solidFill>
        </p:spPr>
        <p:txBody>
          <a:bodyPr vert="horz" wrap="square" lIns="0" tIns="184785" rIns="0" bIns="0" rtlCol="0">
            <a:spAutoFit/>
          </a:bodyPr>
          <a:lstStyle/>
          <a:p>
            <a:pPr marL="297815" marR="288925" algn="ctr">
              <a:lnSpc>
                <a:spcPct val="100000"/>
              </a:lnSpc>
              <a:spcBef>
                <a:spcPts val="1455"/>
              </a:spcBef>
            </a:pPr>
            <a:r>
              <a:rPr sz="1600" spc="-10">
                <a:solidFill>
                  <a:srgbClr val="FFFFFF"/>
                </a:solidFill>
                <a:latin typeface="Open Sans"/>
                <a:cs typeface="Open Sans"/>
              </a:rPr>
              <a:t>Financials Business Suite</a:t>
            </a:r>
            <a:endParaRPr sz="1600">
              <a:latin typeface="Open Sans"/>
              <a:cs typeface="Open Sans"/>
            </a:endParaRPr>
          </a:p>
        </p:txBody>
      </p:sp>
      <p:sp>
        <p:nvSpPr>
          <p:cNvPr id="24" name="object 22">
            <a:extLst>
              <a:ext uri="{FF2B5EF4-FFF2-40B4-BE49-F238E27FC236}">
                <a16:creationId xmlns:a16="http://schemas.microsoft.com/office/drawing/2014/main" id="{97E3FB77-4A6E-B87F-865E-7FC7DF2AEDCF}"/>
              </a:ext>
            </a:extLst>
          </p:cNvPr>
          <p:cNvSpPr txBox="1"/>
          <p:nvPr/>
        </p:nvSpPr>
        <p:spPr>
          <a:xfrm>
            <a:off x="5250179" y="4530318"/>
            <a:ext cx="1527175" cy="1123950"/>
          </a:xfrm>
          <a:prstGeom prst="rect">
            <a:avLst/>
          </a:prstGeom>
          <a:solidFill>
            <a:srgbClr val="ACD5FF"/>
          </a:solidFill>
        </p:spPr>
        <p:txBody>
          <a:bodyPr vert="horz" wrap="square" lIns="0" tIns="62865" rIns="0" bIns="0" rtlCol="0">
            <a:spAutoFit/>
          </a:bodyPr>
          <a:lstStyle/>
          <a:p>
            <a:pPr marL="93345" marR="85725" indent="-1270" algn="ctr">
              <a:lnSpc>
                <a:spcPct val="100000"/>
              </a:lnSpc>
              <a:spcBef>
                <a:spcPts val="495"/>
              </a:spcBef>
            </a:pPr>
            <a:r>
              <a:rPr sz="1600" spc="-10">
                <a:solidFill>
                  <a:srgbClr val="252525"/>
                </a:solidFill>
                <a:latin typeface="Open Sans"/>
                <a:cs typeface="Open Sans"/>
              </a:rPr>
              <a:t>Technical </a:t>
            </a:r>
            <a:r>
              <a:rPr sz="1600">
                <a:solidFill>
                  <a:srgbClr val="252525"/>
                </a:solidFill>
                <a:latin typeface="Open Sans"/>
                <a:cs typeface="Open Sans"/>
              </a:rPr>
              <a:t>Enablement</a:t>
            </a:r>
            <a:r>
              <a:rPr sz="1600" spc="-85">
                <a:solidFill>
                  <a:srgbClr val="252525"/>
                </a:solidFill>
                <a:latin typeface="Open Sans"/>
                <a:cs typeface="Open Sans"/>
              </a:rPr>
              <a:t> </a:t>
            </a:r>
            <a:r>
              <a:rPr sz="1600" spc="-50">
                <a:solidFill>
                  <a:srgbClr val="252525"/>
                </a:solidFill>
                <a:latin typeface="Open Sans"/>
                <a:cs typeface="Open Sans"/>
              </a:rPr>
              <a:t>&amp; </a:t>
            </a:r>
            <a:r>
              <a:rPr sz="1600" spc="-10">
                <a:solidFill>
                  <a:srgbClr val="252525"/>
                </a:solidFill>
                <a:latin typeface="Open Sans"/>
                <a:cs typeface="Open Sans"/>
              </a:rPr>
              <a:t>Infrastructure Suite</a:t>
            </a:r>
            <a:endParaRPr sz="1600">
              <a:latin typeface="Open Sans"/>
              <a:cs typeface="Open Sans"/>
            </a:endParaRPr>
          </a:p>
        </p:txBody>
      </p:sp>
      <p:sp>
        <p:nvSpPr>
          <p:cNvPr id="25" name="object 23">
            <a:extLst>
              <a:ext uri="{FF2B5EF4-FFF2-40B4-BE49-F238E27FC236}">
                <a16:creationId xmlns:a16="http://schemas.microsoft.com/office/drawing/2014/main" id="{BA6FA052-5797-C345-2845-DF9970BFFCB3}"/>
              </a:ext>
            </a:extLst>
          </p:cNvPr>
          <p:cNvSpPr txBox="1"/>
          <p:nvPr/>
        </p:nvSpPr>
        <p:spPr>
          <a:xfrm>
            <a:off x="7560056" y="4516970"/>
            <a:ext cx="1524000" cy="1123950"/>
          </a:xfrm>
          <a:prstGeom prst="rect">
            <a:avLst/>
          </a:prstGeom>
          <a:solidFill>
            <a:srgbClr val="1FB1AA"/>
          </a:solidFill>
        </p:spPr>
        <p:txBody>
          <a:bodyPr vert="horz" wrap="square" lIns="0" tIns="62865" rIns="0" bIns="0" rtlCol="0">
            <a:spAutoFit/>
          </a:bodyPr>
          <a:lstStyle/>
          <a:p>
            <a:pPr marL="231775" marR="224154" indent="-1270" algn="ctr">
              <a:lnSpc>
                <a:spcPct val="100000"/>
              </a:lnSpc>
              <a:spcBef>
                <a:spcPts val="495"/>
              </a:spcBef>
            </a:pPr>
            <a:r>
              <a:rPr sz="1600" spc="-10">
                <a:solidFill>
                  <a:srgbClr val="FFFFFF"/>
                </a:solidFill>
                <a:latin typeface="Open Sans"/>
                <a:cs typeface="Open Sans"/>
              </a:rPr>
              <a:t>Service </a:t>
            </a:r>
            <a:r>
              <a:rPr sz="1600">
                <a:solidFill>
                  <a:srgbClr val="FFFFFF"/>
                </a:solidFill>
                <a:latin typeface="Open Sans"/>
                <a:cs typeface="Open Sans"/>
              </a:rPr>
              <a:t>Delivery</a:t>
            </a:r>
            <a:r>
              <a:rPr sz="1600" spc="-85">
                <a:solidFill>
                  <a:srgbClr val="FFFFFF"/>
                </a:solidFill>
                <a:latin typeface="Open Sans"/>
                <a:cs typeface="Open Sans"/>
              </a:rPr>
              <a:t> </a:t>
            </a:r>
            <a:r>
              <a:rPr sz="1600" spc="-50">
                <a:solidFill>
                  <a:srgbClr val="FFFFFF"/>
                </a:solidFill>
                <a:latin typeface="Open Sans"/>
                <a:cs typeface="Open Sans"/>
              </a:rPr>
              <a:t>&amp; </a:t>
            </a:r>
            <a:r>
              <a:rPr sz="1600" spc="-10">
                <a:solidFill>
                  <a:srgbClr val="FFFFFF"/>
                </a:solidFill>
                <a:latin typeface="Open Sans"/>
                <a:cs typeface="Open Sans"/>
              </a:rPr>
              <a:t>Operations Suite</a:t>
            </a:r>
            <a:endParaRPr sz="1600">
              <a:latin typeface="Open Sans"/>
              <a:cs typeface="Open Sans"/>
            </a:endParaRPr>
          </a:p>
        </p:txBody>
      </p:sp>
      <p:sp>
        <p:nvSpPr>
          <p:cNvPr id="26" name="object 24">
            <a:extLst>
              <a:ext uri="{FF2B5EF4-FFF2-40B4-BE49-F238E27FC236}">
                <a16:creationId xmlns:a16="http://schemas.microsoft.com/office/drawing/2014/main" id="{D9839C9A-2692-564F-74C0-A5F0206CB93F}"/>
              </a:ext>
            </a:extLst>
          </p:cNvPr>
          <p:cNvSpPr txBox="1"/>
          <p:nvPr/>
        </p:nvSpPr>
        <p:spPr>
          <a:xfrm>
            <a:off x="9855707" y="4516970"/>
            <a:ext cx="1524000" cy="1123950"/>
          </a:xfrm>
          <a:prstGeom prst="rect">
            <a:avLst/>
          </a:prstGeom>
          <a:solidFill>
            <a:srgbClr val="B12121"/>
          </a:solidFill>
        </p:spPr>
        <p:txBody>
          <a:bodyPr vert="horz" wrap="square" lIns="0" tIns="184785" rIns="0" bIns="0" rtlCol="0">
            <a:spAutoFit/>
          </a:bodyPr>
          <a:lstStyle/>
          <a:p>
            <a:pPr marL="99695" marR="92075" algn="ctr">
              <a:lnSpc>
                <a:spcPct val="100000"/>
              </a:lnSpc>
              <a:spcBef>
                <a:spcPts val="1455"/>
              </a:spcBef>
            </a:pPr>
            <a:r>
              <a:rPr sz="1600">
                <a:solidFill>
                  <a:srgbClr val="FFFFFF"/>
                </a:solidFill>
                <a:latin typeface="Open Sans"/>
                <a:cs typeface="Open Sans"/>
              </a:rPr>
              <a:t>Change</a:t>
            </a:r>
            <a:r>
              <a:rPr sz="1600" spc="-45">
                <a:solidFill>
                  <a:srgbClr val="FFFFFF"/>
                </a:solidFill>
                <a:latin typeface="Open Sans"/>
                <a:cs typeface="Open Sans"/>
              </a:rPr>
              <a:t> </a:t>
            </a:r>
            <a:r>
              <a:rPr sz="1600" spc="-20">
                <a:solidFill>
                  <a:srgbClr val="FFFFFF"/>
                </a:solidFill>
                <a:latin typeface="Open Sans"/>
                <a:cs typeface="Open Sans"/>
              </a:rPr>
              <a:t>Mgmt </a:t>
            </a:r>
            <a:r>
              <a:rPr sz="1600">
                <a:solidFill>
                  <a:srgbClr val="FFFFFF"/>
                </a:solidFill>
                <a:latin typeface="Open Sans"/>
                <a:cs typeface="Open Sans"/>
              </a:rPr>
              <a:t>&amp;</a:t>
            </a:r>
            <a:r>
              <a:rPr sz="1600" spc="-10">
                <a:solidFill>
                  <a:srgbClr val="FFFFFF"/>
                </a:solidFill>
                <a:latin typeface="Open Sans"/>
                <a:cs typeface="Open Sans"/>
              </a:rPr>
              <a:t> Readiness Suite</a:t>
            </a:r>
            <a:endParaRPr sz="1600">
              <a:latin typeface="Open Sans"/>
              <a:cs typeface="Open Sans"/>
            </a:endParaRPr>
          </a:p>
        </p:txBody>
      </p:sp>
      <p:grpSp>
        <p:nvGrpSpPr>
          <p:cNvPr id="27" name="object 25">
            <a:extLst>
              <a:ext uri="{FF2B5EF4-FFF2-40B4-BE49-F238E27FC236}">
                <a16:creationId xmlns:a16="http://schemas.microsoft.com/office/drawing/2014/main" id="{90F6046D-6884-02C8-86B7-9DF5C823D457}"/>
              </a:ext>
            </a:extLst>
          </p:cNvPr>
          <p:cNvGrpSpPr/>
          <p:nvPr/>
        </p:nvGrpSpPr>
        <p:grpSpPr>
          <a:xfrm>
            <a:off x="1397002" y="1460500"/>
            <a:ext cx="9258802" cy="3069819"/>
            <a:chOff x="1397002" y="1460500"/>
            <a:chExt cx="9258802" cy="3069819"/>
          </a:xfrm>
        </p:grpSpPr>
        <p:sp>
          <p:nvSpPr>
            <p:cNvPr id="28" name="object 26">
              <a:extLst>
                <a:ext uri="{FF2B5EF4-FFF2-40B4-BE49-F238E27FC236}">
                  <a16:creationId xmlns:a16="http://schemas.microsoft.com/office/drawing/2014/main" id="{F6C2CAB6-C6BE-4BAF-35EC-1C5CE49E85C1}"/>
                </a:ext>
              </a:extLst>
            </p:cNvPr>
            <p:cNvSpPr/>
            <p:nvPr/>
          </p:nvSpPr>
          <p:spPr>
            <a:xfrm>
              <a:off x="5550407" y="1460500"/>
              <a:ext cx="887730" cy="728345"/>
            </a:xfrm>
            <a:custGeom>
              <a:avLst/>
              <a:gdLst/>
              <a:ahLst/>
              <a:cxnLst/>
              <a:rect l="l" t="t" r="r" b="b"/>
              <a:pathLst>
                <a:path w="887729" h="728344">
                  <a:moveTo>
                    <a:pt x="0" y="0"/>
                  </a:moveTo>
                  <a:lnTo>
                    <a:pt x="887374" y="0"/>
                  </a:lnTo>
                </a:path>
                <a:path w="887729" h="728344">
                  <a:moveTo>
                    <a:pt x="0" y="0"/>
                  </a:moveTo>
                  <a:lnTo>
                    <a:pt x="475995" y="0"/>
                  </a:lnTo>
                  <a:lnTo>
                    <a:pt x="475995" y="728129"/>
                  </a:lnTo>
                </a:path>
              </a:pathLst>
            </a:custGeom>
            <a:ln w="19050">
              <a:solidFill>
                <a:srgbClr val="003366"/>
              </a:solidFill>
            </a:ln>
          </p:spPr>
          <p:txBody>
            <a:bodyPr wrap="square" lIns="0" tIns="0" rIns="0" bIns="0" rtlCol="0"/>
            <a:lstStyle/>
            <a:p>
              <a:endParaRPr/>
            </a:p>
          </p:txBody>
        </p:sp>
        <p:sp>
          <p:nvSpPr>
            <p:cNvPr id="29" name="object 27">
              <a:extLst>
                <a:ext uri="{FF2B5EF4-FFF2-40B4-BE49-F238E27FC236}">
                  <a16:creationId xmlns:a16="http://schemas.microsoft.com/office/drawing/2014/main" id="{DABF724A-805B-1F35-B430-D0B953C149D4}"/>
                </a:ext>
              </a:extLst>
            </p:cNvPr>
            <p:cNvSpPr/>
            <p:nvPr/>
          </p:nvSpPr>
          <p:spPr>
            <a:xfrm>
              <a:off x="5988304" y="2175927"/>
              <a:ext cx="76200" cy="76200"/>
            </a:xfrm>
            <a:custGeom>
              <a:avLst/>
              <a:gdLst/>
              <a:ahLst/>
              <a:cxnLst/>
              <a:rect l="l" t="t" r="r" b="b"/>
              <a:pathLst>
                <a:path w="76200" h="76200">
                  <a:moveTo>
                    <a:pt x="76200" y="0"/>
                  </a:moveTo>
                  <a:lnTo>
                    <a:pt x="0" y="0"/>
                  </a:lnTo>
                  <a:lnTo>
                    <a:pt x="38100" y="76200"/>
                  </a:lnTo>
                  <a:lnTo>
                    <a:pt x="76200" y="0"/>
                  </a:lnTo>
                  <a:close/>
                </a:path>
              </a:pathLst>
            </a:custGeom>
            <a:solidFill>
              <a:srgbClr val="003366"/>
            </a:solidFill>
          </p:spPr>
          <p:txBody>
            <a:bodyPr wrap="square" lIns="0" tIns="0" rIns="0" bIns="0" rtlCol="0"/>
            <a:lstStyle/>
            <a:p>
              <a:endParaRPr/>
            </a:p>
          </p:txBody>
        </p:sp>
        <p:sp>
          <p:nvSpPr>
            <p:cNvPr id="30" name="object 28">
              <a:extLst>
                <a:ext uri="{FF2B5EF4-FFF2-40B4-BE49-F238E27FC236}">
                  <a16:creationId xmlns:a16="http://schemas.microsoft.com/office/drawing/2014/main" id="{47119AD0-2D2B-2EDF-DC6B-F25F33CCF906}"/>
                </a:ext>
              </a:extLst>
            </p:cNvPr>
            <p:cNvSpPr/>
            <p:nvPr/>
          </p:nvSpPr>
          <p:spPr>
            <a:xfrm>
              <a:off x="6026404" y="2887127"/>
              <a:ext cx="0" cy="546735"/>
            </a:xfrm>
            <a:custGeom>
              <a:avLst/>
              <a:gdLst/>
              <a:ahLst/>
              <a:cxnLst/>
              <a:rect l="l" t="t" r="r" b="b"/>
              <a:pathLst>
                <a:path h="546735">
                  <a:moveTo>
                    <a:pt x="0" y="0"/>
                  </a:moveTo>
                  <a:lnTo>
                    <a:pt x="0" y="546112"/>
                  </a:lnTo>
                </a:path>
              </a:pathLst>
            </a:custGeom>
            <a:ln w="19050">
              <a:solidFill>
                <a:srgbClr val="003366"/>
              </a:solidFill>
            </a:ln>
          </p:spPr>
          <p:txBody>
            <a:bodyPr wrap="square" lIns="0" tIns="0" rIns="0" bIns="0" rtlCol="0"/>
            <a:lstStyle/>
            <a:p>
              <a:endParaRPr/>
            </a:p>
          </p:txBody>
        </p:sp>
        <p:sp>
          <p:nvSpPr>
            <p:cNvPr id="31" name="object 29">
              <a:extLst>
                <a:ext uri="{FF2B5EF4-FFF2-40B4-BE49-F238E27FC236}">
                  <a16:creationId xmlns:a16="http://schemas.microsoft.com/office/drawing/2014/main" id="{F82907C9-93CD-3D54-3475-6F44C92E4013}"/>
                </a:ext>
              </a:extLst>
            </p:cNvPr>
            <p:cNvSpPr/>
            <p:nvPr/>
          </p:nvSpPr>
          <p:spPr>
            <a:xfrm>
              <a:off x="5988307" y="3420544"/>
              <a:ext cx="76200" cy="76200"/>
            </a:xfrm>
            <a:custGeom>
              <a:avLst/>
              <a:gdLst/>
              <a:ahLst/>
              <a:cxnLst/>
              <a:rect l="l" t="t" r="r" b="b"/>
              <a:pathLst>
                <a:path w="76200" h="76200">
                  <a:moveTo>
                    <a:pt x="76200" y="0"/>
                  </a:moveTo>
                  <a:lnTo>
                    <a:pt x="0" y="0"/>
                  </a:lnTo>
                  <a:lnTo>
                    <a:pt x="38100" y="76200"/>
                  </a:lnTo>
                  <a:lnTo>
                    <a:pt x="76200" y="0"/>
                  </a:lnTo>
                  <a:close/>
                </a:path>
              </a:pathLst>
            </a:custGeom>
            <a:solidFill>
              <a:srgbClr val="003366"/>
            </a:solidFill>
          </p:spPr>
          <p:txBody>
            <a:bodyPr wrap="square" lIns="0" tIns="0" rIns="0" bIns="0" rtlCol="0"/>
            <a:lstStyle/>
            <a:p>
              <a:endParaRPr/>
            </a:p>
          </p:txBody>
        </p:sp>
        <p:sp>
          <p:nvSpPr>
            <p:cNvPr id="34" name="object 32">
              <a:extLst>
                <a:ext uri="{FF2B5EF4-FFF2-40B4-BE49-F238E27FC236}">
                  <a16:creationId xmlns:a16="http://schemas.microsoft.com/office/drawing/2014/main" id="{A7885DCD-517E-A82A-F3DB-6C640C20012F}"/>
                </a:ext>
              </a:extLst>
            </p:cNvPr>
            <p:cNvSpPr/>
            <p:nvPr/>
          </p:nvSpPr>
          <p:spPr>
            <a:xfrm>
              <a:off x="6984999" y="2163230"/>
              <a:ext cx="3553460" cy="1384935"/>
            </a:xfrm>
            <a:custGeom>
              <a:avLst/>
              <a:gdLst/>
              <a:ahLst/>
              <a:cxnLst/>
              <a:rect l="l" t="t" r="r" b="b"/>
              <a:pathLst>
                <a:path w="3553459" h="1384935">
                  <a:moveTo>
                    <a:pt x="0" y="1384312"/>
                  </a:moveTo>
                  <a:lnTo>
                    <a:pt x="3553256" y="1384312"/>
                  </a:lnTo>
                  <a:lnTo>
                    <a:pt x="3553256" y="0"/>
                  </a:lnTo>
                  <a:lnTo>
                    <a:pt x="3388156" y="0"/>
                  </a:lnTo>
                </a:path>
              </a:pathLst>
            </a:custGeom>
            <a:ln w="19050">
              <a:solidFill>
                <a:srgbClr val="003366"/>
              </a:solidFill>
              <a:prstDash val="sysDash"/>
            </a:ln>
          </p:spPr>
          <p:txBody>
            <a:bodyPr wrap="square" lIns="0" tIns="0" rIns="0" bIns="0" rtlCol="0"/>
            <a:lstStyle/>
            <a:p>
              <a:endParaRPr/>
            </a:p>
          </p:txBody>
        </p:sp>
        <p:sp>
          <p:nvSpPr>
            <p:cNvPr id="35" name="object 33">
              <a:extLst>
                <a:ext uri="{FF2B5EF4-FFF2-40B4-BE49-F238E27FC236}">
                  <a16:creationId xmlns:a16="http://schemas.microsoft.com/office/drawing/2014/main" id="{F5A3CE7E-6914-E35B-ED6C-B7A89B0F4A53}"/>
                </a:ext>
              </a:extLst>
            </p:cNvPr>
            <p:cNvSpPr/>
            <p:nvPr/>
          </p:nvSpPr>
          <p:spPr>
            <a:xfrm>
              <a:off x="10309655" y="2125131"/>
              <a:ext cx="76200" cy="76200"/>
            </a:xfrm>
            <a:custGeom>
              <a:avLst/>
              <a:gdLst/>
              <a:ahLst/>
              <a:cxnLst/>
              <a:rect l="l" t="t" r="r" b="b"/>
              <a:pathLst>
                <a:path w="76200" h="76200">
                  <a:moveTo>
                    <a:pt x="76200" y="0"/>
                  </a:moveTo>
                  <a:lnTo>
                    <a:pt x="0" y="38100"/>
                  </a:lnTo>
                  <a:lnTo>
                    <a:pt x="76200" y="76200"/>
                  </a:lnTo>
                  <a:lnTo>
                    <a:pt x="76200" y="0"/>
                  </a:lnTo>
                  <a:close/>
                </a:path>
              </a:pathLst>
            </a:custGeom>
            <a:solidFill>
              <a:srgbClr val="003366"/>
            </a:solidFill>
          </p:spPr>
          <p:txBody>
            <a:bodyPr wrap="square" lIns="0" tIns="0" rIns="0" bIns="0" rtlCol="0"/>
            <a:lstStyle/>
            <a:p>
              <a:endParaRPr/>
            </a:p>
          </p:txBody>
        </p:sp>
        <p:sp>
          <p:nvSpPr>
            <p:cNvPr id="36" name="object 34">
              <a:extLst>
                <a:ext uri="{FF2B5EF4-FFF2-40B4-BE49-F238E27FC236}">
                  <a16:creationId xmlns:a16="http://schemas.microsoft.com/office/drawing/2014/main" id="{F7B9A6DF-2302-0BA9-B6D8-4D5F379AA369}"/>
                </a:ext>
              </a:extLst>
            </p:cNvPr>
            <p:cNvSpPr/>
            <p:nvPr/>
          </p:nvSpPr>
          <p:spPr>
            <a:xfrm>
              <a:off x="6984999" y="3011996"/>
              <a:ext cx="3553460" cy="535940"/>
            </a:xfrm>
            <a:custGeom>
              <a:avLst/>
              <a:gdLst/>
              <a:ahLst/>
              <a:cxnLst/>
              <a:rect l="l" t="t" r="r" b="b"/>
              <a:pathLst>
                <a:path w="3553459" h="535939">
                  <a:moveTo>
                    <a:pt x="0" y="535546"/>
                  </a:moveTo>
                  <a:lnTo>
                    <a:pt x="3553256" y="535546"/>
                  </a:lnTo>
                  <a:lnTo>
                    <a:pt x="3553256" y="0"/>
                  </a:lnTo>
                  <a:lnTo>
                    <a:pt x="3388156" y="0"/>
                  </a:lnTo>
                </a:path>
              </a:pathLst>
            </a:custGeom>
            <a:ln w="19050">
              <a:solidFill>
                <a:srgbClr val="003366"/>
              </a:solidFill>
              <a:prstDash val="sysDash"/>
            </a:ln>
          </p:spPr>
          <p:txBody>
            <a:bodyPr wrap="square" lIns="0" tIns="0" rIns="0" bIns="0" rtlCol="0"/>
            <a:lstStyle/>
            <a:p>
              <a:endParaRPr/>
            </a:p>
          </p:txBody>
        </p:sp>
        <p:sp>
          <p:nvSpPr>
            <p:cNvPr id="37" name="object 35">
              <a:extLst>
                <a:ext uri="{FF2B5EF4-FFF2-40B4-BE49-F238E27FC236}">
                  <a16:creationId xmlns:a16="http://schemas.microsoft.com/office/drawing/2014/main" id="{0FD88E28-763B-244E-CD09-1F7CEADE3F39}"/>
                </a:ext>
              </a:extLst>
            </p:cNvPr>
            <p:cNvSpPr/>
            <p:nvPr/>
          </p:nvSpPr>
          <p:spPr>
            <a:xfrm>
              <a:off x="10309655" y="2973905"/>
              <a:ext cx="76200" cy="76200"/>
            </a:xfrm>
            <a:custGeom>
              <a:avLst/>
              <a:gdLst/>
              <a:ahLst/>
              <a:cxnLst/>
              <a:rect l="l" t="t" r="r" b="b"/>
              <a:pathLst>
                <a:path w="76200" h="76200">
                  <a:moveTo>
                    <a:pt x="76200" y="0"/>
                  </a:moveTo>
                  <a:lnTo>
                    <a:pt x="0" y="38100"/>
                  </a:lnTo>
                  <a:lnTo>
                    <a:pt x="76200" y="76200"/>
                  </a:lnTo>
                  <a:lnTo>
                    <a:pt x="76200" y="0"/>
                  </a:lnTo>
                  <a:close/>
                </a:path>
              </a:pathLst>
            </a:custGeom>
            <a:solidFill>
              <a:srgbClr val="003366"/>
            </a:solidFill>
          </p:spPr>
          <p:txBody>
            <a:bodyPr wrap="square" lIns="0" tIns="0" rIns="0" bIns="0" rtlCol="0"/>
            <a:lstStyle/>
            <a:p>
              <a:endParaRPr/>
            </a:p>
          </p:txBody>
        </p:sp>
        <p:sp>
          <p:nvSpPr>
            <p:cNvPr id="38" name="object 36">
              <a:extLst>
                <a:ext uri="{FF2B5EF4-FFF2-40B4-BE49-F238E27FC236}">
                  <a16:creationId xmlns:a16="http://schemas.microsoft.com/office/drawing/2014/main" id="{CFBBC41A-7F99-85DD-D1BA-BA52F0BA3CAB}"/>
                </a:ext>
              </a:extLst>
            </p:cNvPr>
            <p:cNvSpPr/>
            <p:nvPr/>
          </p:nvSpPr>
          <p:spPr>
            <a:xfrm>
              <a:off x="1514551" y="2175405"/>
              <a:ext cx="3305810" cy="1384935"/>
            </a:xfrm>
            <a:custGeom>
              <a:avLst/>
              <a:gdLst/>
              <a:ahLst/>
              <a:cxnLst/>
              <a:rect l="l" t="t" r="r" b="b"/>
              <a:pathLst>
                <a:path w="3305810" h="1384935">
                  <a:moveTo>
                    <a:pt x="3305352" y="1384312"/>
                  </a:moveTo>
                  <a:lnTo>
                    <a:pt x="0" y="1384312"/>
                  </a:lnTo>
                  <a:lnTo>
                    <a:pt x="0" y="0"/>
                  </a:lnTo>
                  <a:lnTo>
                    <a:pt x="165100" y="0"/>
                  </a:lnTo>
                </a:path>
              </a:pathLst>
            </a:custGeom>
            <a:ln w="19050">
              <a:solidFill>
                <a:srgbClr val="003366"/>
              </a:solidFill>
              <a:prstDash val="sysDash"/>
            </a:ln>
          </p:spPr>
          <p:txBody>
            <a:bodyPr wrap="square" lIns="0" tIns="0" rIns="0" bIns="0" rtlCol="0"/>
            <a:lstStyle/>
            <a:p>
              <a:endParaRPr/>
            </a:p>
          </p:txBody>
        </p:sp>
        <p:sp>
          <p:nvSpPr>
            <p:cNvPr id="39" name="object 37">
              <a:extLst>
                <a:ext uri="{FF2B5EF4-FFF2-40B4-BE49-F238E27FC236}">
                  <a16:creationId xmlns:a16="http://schemas.microsoft.com/office/drawing/2014/main" id="{BCC40B45-B0EC-230D-1438-CA728105F557}"/>
                </a:ext>
              </a:extLst>
            </p:cNvPr>
            <p:cNvSpPr/>
            <p:nvPr/>
          </p:nvSpPr>
          <p:spPr>
            <a:xfrm>
              <a:off x="1666951" y="2137307"/>
              <a:ext cx="76200" cy="76200"/>
            </a:xfrm>
            <a:custGeom>
              <a:avLst/>
              <a:gdLst/>
              <a:ahLst/>
              <a:cxnLst/>
              <a:rect l="l" t="t" r="r" b="b"/>
              <a:pathLst>
                <a:path w="76200" h="76200">
                  <a:moveTo>
                    <a:pt x="0" y="0"/>
                  </a:moveTo>
                  <a:lnTo>
                    <a:pt x="0" y="76200"/>
                  </a:lnTo>
                  <a:lnTo>
                    <a:pt x="76200" y="38100"/>
                  </a:lnTo>
                  <a:lnTo>
                    <a:pt x="0" y="0"/>
                  </a:lnTo>
                  <a:close/>
                </a:path>
              </a:pathLst>
            </a:custGeom>
            <a:solidFill>
              <a:srgbClr val="003366"/>
            </a:solidFill>
          </p:spPr>
          <p:txBody>
            <a:bodyPr wrap="square" lIns="0" tIns="0" rIns="0" bIns="0" rtlCol="0"/>
            <a:lstStyle/>
            <a:p>
              <a:endParaRPr/>
            </a:p>
          </p:txBody>
        </p:sp>
        <p:sp>
          <p:nvSpPr>
            <p:cNvPr id="40" name="object 38">
              <a:extLst>
                <a:ext uri="{FF2B5EF4-FFF2-40B4-BE49-F238E27FC236}">
                  <a16:creationId xmlns:a16="http://schemas.microsoft.com/office/drawing/2014/main" id="{55ED5C81-7B14-3AF9-2C49-DE1BF16FEABE}"/>
                </a:ext>
              </a:extLst>
            </p:cNvPr>
            <p:cNvSpPr/>
            <p:nvPr/>
          </p:nvSpPr>
          <p:spPr>
            <a:xfrm>
              <a:off x="1514551" y="3001965"/>
              <a:ext cx="3305810" cy="546100"/>
            </a:xfrm>
            <a:custGeom>
              <a:avLst/>
              <a:gdLst/>
              <a:ahLst/>
              <a:cxnLst/>
              <a:rect l="l" t="t" r="r" b="b"/>
              <a:pathLst>
                <a:path w="3305810" h="546100">
                  <a:moveTo>
                    <a:pt x="3305352" y="545579"/>
                  </a:moveTo>
                  <a:lnTo>
                    <a:pt x="0" y="545579"/>
                  </a:lnTo>
                  <a:lnTo>
                    <a:pt x="0" y="0"/>
                  </a:lnTo>
                  <a:lnTo>
                    <a:pt x="165100" y="0"/>
                  </a:lnTo>
                </a:path>
              </a:pathLst>
            </a:custGeom>
            <a:ln w="19050">
              <a:solidFill>
                <a:srgbClr val="003366"/>
              </a:solidFill>
              <a:prstDash val="sysDash"/>
            </a:ln>
          </p:spPr>
          <p:txBody>
            <a:bodyPr wrap="square" lIns="0" tIns="0" rIns="0" bIns="0" rtlCol="0"/>
            <a:lstStyle/>
            <a:p>
              <a:endParaRPr/>
            </a:p>
          </p:txBody>
        </p:sp>
        <p:sp>
          <p:nvSpPr>
            <p:cNvPr id="41" name="object 39">
              <a:extLst>
                <a:ext uri="{FF2B5EF4-FFF2-40B4-BE49-F238E27FC236}">
                  <a16:creationId xmlns:a16="http://schemas.microsoft.com/office/drawing/2014/main" id="{154E108F-EEE7-7B22-325F-0C3CED4F3761}"/>
                </a:ext>
              </a:extLst>
            </p:cNvPr>
            <p:cNvSpPr/>
            <p:nvPr/>
          </p:nvSpPr>
          <p:spPr>
            <a:xfrm>
              <a:off x="1666951" y="2963868"/>
              <a:ext cx="76200" cy="76200"/>
            </a:xfrm>
            <a:custGeom>
              <a:avLst/>
              <a:gdLst/>
              <a:ahLst/>
              <a:cxnLst/>
              <a:rect l="l" t="t" r="r" b="b"/>
              <a:pathLst>
                <a:path w="76200" h="76200">
                  <a:moveTo>
                    <a:pt x="0" y="0"/>
                  </a:moveTo>
                  <a:lnTo>
                    <a:pt x="0" y="76200"/>
                  </a:lnTo>
                  <a:lnTo>
                    <a:pt x="76200" y="38100"/>
                  </a:lnTo>
                  <a:lnTo>
                    <a:pt x="0" y="0"/>
                  </a:lnTo>
                  <a:close/>
                </a:path>
              </a:pathLst>
            </a:custGeom>
            <a:solidFill>
              <a:srgbClr val="003366"/>
            </a:solidFill>
          </p:spPr>
          <p:txBody>
            <a:bodyPr wrap="square" lIns="0" tIns="0" rIns="0" bIns="0" rtlCol="0"/>
            <a:lstStyle/>
            <a:p>
              <a:endParaRPr/>
            </a:p>
          </p:txBody>
        </p:sp>
        <p:sp>
          <p:nvSpPr>
            <p:cNvPr id="42" name="object 40">
              <a:extLst>
                <a:ext uri="{FF2B5EF4-FFF2-40B4-BE49-F238E27FC236}">
                  <a16:creationId xmlns:a16="http://schemas.microsoft.com/office/drawing/2014/main" id="{C2731E2F-5DA2-ABB6-5D30-22B0FD2AB12C}"/>
                </a:ext>
              </a:extLst>
            </p:cNvPr>
            <p:cNvSpPr/>
            <p:nvPr/>
          </p:nvSpPr>
          <p:spPr>
            <a:xfrm>
              <a:off x="4156153" y="2175403"/>
              <a:ext cx="600710" cy="394335"/>
            </a:xfrm>
            <a:custGeom>
              <a:avLst/>
              <a:gdLst/>
              <a:ahLst/>
              <a:cxnLst/>
              <a:rect l="l" t="t" r="r" b="b"/>
              <a:pathLst>
                <a:path w="600710" h="394335">
                  <a:moveTo>
                    <a:pt x="0" y="0"/>
                  </a:moveTo>
                  <a:lnTo>
                    <a:pt x="331876" y="0"/>
                  </a:lnTo>
                  <a:lnTo>
                    <a:pt x="331876" y="394220"/>
                  </a:lnTo>
                  <a:lnTo>
                    <a:pt x="600252" y="394220"/>
                  </a:lnTo>
                </a:path>
              </a:pathLst>
            </a:custGeom>
            <a:ln w="19050">
              <a:solidFill>
                <a:srgbClr val="003366"/>
              </a:solidFill>
            </a:ln>
          </p:spPr>
          <p:txBody>
            <a:bodyPr wrap="square" lIns="0" tIns="0" rIns="0" bIns="0" rtlCol="0"/>
            <a:lstStyle/>
            <a:p>
              <a:endParaRPr/>
            </a:p>
          </p:txBody>
        </p:sp>
        <p:sp>
          <p:nvSpPr>
            <p:cNvPr id="43" name="object 41">
              <a:extLst>
                <a:ext uri="{FF2B5EF4-FFF2-40B4-BE49-F238E27FC236}">
                  <a16:creationId xmlns:a16="http://schemas.microsoft.com/office/drawing/2014/main" id="{2D81E66F-9178-C13F-24B5-1E3ED57F1772}"/>
                </a:ext>
              </a:extLst>
            </p:cNvPr>
            <p:cNvSpPr/>
            <p:nvPr/>
          </p:nvSpPr>
          <p:spPr>
            <a:xfrm>
              <a:off x="4743705" y="2531524"/>
              <a:ext cx="76200" cy="76200"/>
            </a:xfrm>
            <a:custGeom>
              <a:avLst/>
              <a:gdLst/>
              <a:ahLst/>
              <a:cxnLst/>
              <a:rect l="l" t="t" r="r" b="b"/>
              <a:pathLst>
                <a:path w="76200" h="76200">
                  <a:moveTo>
                    <a:pt x="0" y="0"/>
                  </a:moveTo>
                  <a:lnTo>
                    <a:pt x="0" y="76200"/>
                  </a:lnTo>
                  <a:lnTo>
                    <a:pt x="76200" y="38100"/>
                  </a:lnTo>
                  <a:lnTo>
                    <a:pt x="0" y="0"/>
                  </a:lnTo>
                  <a:close/>
                </a:path>
              </a:pathLst>
            </a:custGeom>
            <a:solidFill>
              <a:srgbClr val="003366"/>
            </a:solidFill>
          </p:spPr>
          <p:txBody>
            <a:bodyPr wrap="square" lIns="0" tIns="0" rIns="0" bIns="0" rtlCol="0"/>
            <a:lstStyle/>
            <a:p>
              <a:endParaRPr/>
            </a:p>
          </p:txBody>
        </p:sp>
        <p:sp>
          <p:nvSpPr>
            <p:cNvPr id="44" name="object 42">
              <a:extLst>
                <a:ext uri="{FF2B5EF4-FFF2-40B4-BE49-F238E27FC236}">
                  <a16:creationId xmlns:a16="http://schemas.microsoft.com/office/drawing/2014/main" id="{0A3807B0-1D37-D09D-F0CE-8AF2780F47B5}"/>
                </a:ext>
              </a:extLst>
            </p:cNvPr>
            <p:cNvSpPr/>
            <p:nvPr/>
          </p:nvSpPr>
          <p:spPr>
            <a:xfrm>
              <a:off x="4156153" y="2569630"/>
              <a:ext cx="600710" cy="432434"/>
            </a:xfrm>
            <a:custGeom>
              <a:avLst/>
              <a:gdLst/>
              <a:ahLst/>
              <a:cxnLst/>
              <a:rect l="l" t="t" r="r" b="b"/>
              <a:pathLst>
                <a:path w="600710" h="432435">
                  <a:moveTo>
                    <a:pt x="0" y="432333"/>
                  </a:moveTo>
                  <a:lnTo>
                    <a:pt x="331876" y="432333"/>
                  </a:lnTo>
                  <a:lnTo>
                    <a:pt x="331876" y="0"/>
                  </a:lnTo>
                  <a:lnTo>
                    <a:pt x="600252" y="0"/>
                  </a:lnTo>
                </a:path>
              </a:pathLst>
            </a:custGeom>
            <a:ln w="19050">
              <a:solidFill>
                <a:srgbClr val="003366"/>
              </a:solidFill>
            </a:ln>
          </p:spPr>
          <p:txBody>
            <a:bodyPr wrap="square" lIns="0" tIns="0" rIns="0" bIns="0" rtlCol="0"/>
            <a:lstStyle/>
            <a:p>
              <a:endParaRPr/>
            </a:p>
          </p:txBody>
        </p:sp>
        <p:sp>
          <p:nvSpPr>
            <p:cNvPr id="45" name="object 43">
              <a:extLst>
                <a:ext uri="{FF2B5EF4-FFF2-40B4-BE49-F238E27FC236}">
                  <a16:creationId xmlns:a16="http://schemas.microsoft.com/office/drawing/2014/main" id="{3E6A192A-C358-A30F-A964-E156C7E4E3BE}"/>
                </a:ext>
              </a:extLst>
            </p:cNvPr>
            <p:cNvSpPr/>
            <p:nvPr/>
          </p:nvSpPr>
          <p:spPr>
            <a:xfrm>
              <a:off x="4743705" y="2531531"/>
              <a:ext cx="76200" cy="76200"/>
            </a:xfrm>
            <a:custGeom>
              <a:avLst/>
              <a:gdLst/>
              <a:ahLst/>
              <a:cxnLst/>
              <a:rect l="l" t="t" r="r" b="b"/>
              <a:pathLst>
                <a:path w="76200" h="76200">
                  <a:moveTo>
                    <a:pt x="0" y="0"/>
                  </a:moveTo>
                  <a:lnTo>
                    <a:pt x="0" y="76200"/>
                  </a:lnTo>
                  <a:lnTo>
                    <a:pt x="76200" y="38100"/>
                  </a:lnTo>
                  <a:lnTo>
                    <a:pt x="0" y="0"/>
                  </a:lnTo>
                  <a:close/>
                </a:path>
              </a:pathLst>
            </a:custGeom>
            <a:solidFill>
              <a:srgbClr val="003366"/>
            </a:solidFill>
          </p:spPr>
          <p:txBody>
            <a:bodyPr wrap="square" lIns="0" tIns="0" rIns="0" bIns="0" rtlCol="0"/>
            <a:lstStyle/>
            <a:p>
              <a:endParaRPr/>
            </a:p>
          </p:txBody>
        </p:sp>
        <p:sp>
          <p:nvSpPr>
            <p:cNvPr id="46" name="object 44">
              <a:extLst>
                <a:ext uri="{FF2B5EF4-FFF2-40B4-BE49-F238E27FC236}">
                  <a16:creationId xmlns:a16="http://schemas.microsoft.com/office/drawing/2014/main" id="{71ADF574-6160-B073-F06A-EBDB5F23E161}"/>
                </a:ext>
              </a:extLst>
            </p:cNvPr>
            <p:cNvSpPr/>
            <p:nvPr/>
          </p:nvSpPr>
          <p:spPr>
            <a:xfrm>
              <a:off x="7296401" y="2163227"/>
              <a:ext cx="600710" cy="406400"/>
            </a:xfrm>
            <a:custGeom>
              <a:avLst/>
              <a:gdLst/>
              <a:ahLst/>
              <a:cxnLst/>
              <a:rect l="l" t="t" r="r" b="b"/>
              <a:pathLst>
                <a:path w="600709" h="406400">
                  <a:moveTo>
                    <a:pt x="600252" y="0"/>
                  </a:moveTo>
                  <a:lnTo>
                    <a:pt x="268376" y="0"/>
                  </a:lnTo>
                  <a:lnTo>
                    <a:pt x="268376" y="406400"/>
                  </a:lnTo>
                  <a:lnTo>
                    <a:pt x="0" y="406400"/>
                  </a:lnTo>
                </a:path>
              </a:pathLst>
            </a:custGeom>
            <a:ln w="19050">
              <a:solidFill>
                <a:srgbClr val="003366"/>
              </a:solidFill>
            </a:ln>
          </p:spPr>
          <p:txBody>
            <a:bodyPr wrap="square" lIns="0" tIns="0" rIns="0" bIns="0" rtlCol="0"/>
            <a:lstStyle/>
            <a:p>
              <a:endParaRPr/>
            </a:p>
          </p:txBody>
        </p:sp>
        <p:sp>
          <p:nvSpPr>
            <p:cNvPr id="47" name="object 45">
              <a:extLst>
                <a:ext uri="{FF2B5EF4-FFF2-40B4-BE49-F238E27FC236}">
                  <a16:creationId xmlns:a16="http://schemas.microsoft.com/office/drawing/2014/main" id="{79C52E53-664C-47E7-FF56-E518F3F9A891}"/>
                </a:ext>
              </a:extLst>
            </p:cNvPr>
            <p:cNvSpPr/>
            <p:nvPr/>
          </p:nvSpPr>
          <p:spPr>
            <a:xfrm>
              <a:off x="7232902" y="2531524"/>
              <a:ext cx="76200" cy="76200"/>
            </a:xfrm>
            <a:custGeom>
              <a:avLst/>
              <a:gdLst/>
              <a:ahLst/>
              <a:cxnLst/>
              <a:rect l="l" t="t" r="r" b="b"/>
              <a:pathLst>
                <a:path w="76200" h="76200">
                  <a:moveTo>
                    <a:pt x="76200" y="0"/>
                  </a:moveTo>
                  <a:lnTo>
                    <a:pt x="0" y="38100"/>
                  </a:lnTo>
                  <a:lnTo>
                    <a:pt x="76200" y="76200"/>
                  </a:lnTo>
                  <a:lnTo>
                    <a:pt x="76200" y="0"/>
                  </a:lnTo>
                  <a:close/>
                </a:path>
              </a:pathLst>
            </a:custGeom>
            <a:solidFill>
              <a:srgbClr val="003366"/>
            </a:solidFill>
          </p:spPr>
          <p:txBody>
            <a:bodyPr wrap="square" lIns="0" tIns="0" rIns="0" bIns="0" rtlCol="0"/>
            <a:lstStyle/>
            <a:p>
              <a:endParaRPr/>
            </a:p>
          </p:txBody>
        </p:sp>
        <p:sp>
          <p:nvSpPr>
            <p:cNvPr id="48" name="object 46">
              <a:extLst>
                <a:ext uri="{FF2B5EF4-FFF2-40B4-BE49-F238E27FC236}">
                  <a16:creationId xmlns:a16="http://schemas.microsoft.com/office/drawing/2014/main" id="{A760B42D-678C-E168-62ED-64685CCBBE25}"/>
                </a:ext>
              </a:extLst>
            </p:cNvPr>
            <p:cNvSpPr/>
            <p:nvPr/>
          </p:nvSpPr>
          <p:spPr>
            <a:xfrm>
              <a:off x="7296401" y="2569622"/>
              <a:ext cx="600710" cy="442595"/>
            </a:xfrm>
            <a:custGeom>
              <a:avLst/>
              <a:gdLst/>
              <a:ahLst/>
              <a:cxnLst/>
              <a:rect l="l" t="t" r="r" b="b"/>
              <a:pathLst>
                <a:path w="600709" h="442594">
                  <a:moveTo>
                    <a:pt x="600252" y="442379"/>
                  </a:moveTo>
                  <a:lnTo>
                    <a:pt x="268376" y="442379"/>
                  </a:lnTo>
                  <a:lnTo>
                    <a:pt x="268376" y="0"/>
                  </a:lnTo>
                  <a:lnTo>
                    <a:pt x="0" y="0"/>
                  </a:lnTo>
                </a:path>
              </a:pathLst>
            </a:custGeom>
            <a:ln w="19050">
              <a:solidFill>
                <a:srgbClr val="003366"/>
              </a:solidFill>
            </a:ln>
          </p:spPr>
          <p:txBody>
            <a:bodyPr wrap="square" lIns="0" tIns="0" rIns="0" bIns="0" rtlCol="0"/>
            <a:lstStyle/>
            <a:p>
              <a:endParaRPr/>
            </a:p>
          </p:txBody>
        </p:sp>
        <p:sp>
          <p:nvSpPr>
            <p:cNvPr id="49" name="object 47">
              <a:extLst>
                <a:ext uri="{FF2B5EF4-FFF2-40B4-BE49-F238E27FC236}">
                  <a16:creationId xmlns:a16="http://schemas.microsoft.com/office/drawing/2014/main" id="{EFEFE17C-4C46-E264-32AD-F9803F34EEF7}"/>
                </a:ext>
              </a:extLst>
            </p:cNvPr>
            <p:cNvSpPr/>
            <p:nvPr/>
          </p:nvSpPr>
          <p:spPr>
            <a:xfrm>
              <a:off x="7232902" y="2531531"/>
              <a:ext cx="76200" cy="76200"/>
            </a:xfrm>
            <a:custGeom>
              <a:avLst/>
              <a:gdLst/>
              <a:ahLst/>
              <a:cxnLst/>
              <a:rect l="l" t="t" r="r" b="b"/>
              <a:pathLst>
                <a:path w="76200" h="76200">
                  <a:moveTo>
                    <a:pt x="76200" y="0"/>
                  </a:moveTo>
                  <a:lnTo>
                    <a:pt x="0" y="38100"/>
                  </a:lnTo>
                  <a:lnTo>
                    <a:pt x="76200" y="76200"/>
                  </a:lnTo>
                  <a:lnTo>
                    <a:pt x="76200" y="0"/>
                  </a:lnTo>
                  <a:close/>
                </a:path>
              </a:pathLst>
            </a:custGeom>
            <a:solidFill>
              <a:srgbClr val="003366"/>
            </a:solidFill>
          </p:spPr>
          <p:txBody>
            <a:bodyPr wrap="square" lIns="0" tIns="0" rIns="0" bIns="0" rtlCol="0"/>
            <a:lstStyle/>
            <a:p>
              <a:endParaRPr/>
            </a:p>
          </p:txBody>
        </p:sp>
        <p:sp>
          <p:nvSpPr>
            <p:cNvPr id="50" name="object 48">
              <a:extLst>
                <a:ext uri="{FF2B5EF4-FFF2-40B4-BE49-F238E27FC236}">
                  <a16:creationId xmlns:a16="http://schemas.microsoft.com/office/drawing/2014/main" id="{7ADD2A9B-F56C-892B-9AAF-29F4DF8FF041}"/>
                </a:ext>
              </a:extLst>
            </p:cNvPr>
            <p:cNvSpPr/>
            <p:nvPr/>
          </p:nvSpPr>
          <p:spPr>
            <a:xfrm>
              <a:off x="1435099" y="4131743"/>
              <a:ext cx="4591685" cy="321945"/>
            </a:xfrm>
            <a:custGeom>
              <a:avLst/>
              <a:gdLst/>
              <a:ahLst/>
              <a:cxnLst/>
              <a:rect l="l" t="t" r="r" b="b"/>
              <a:pathLst>
                <a:path w="4591685" h="321945">
                  <a:moveTo>
                    <a:pt x="4591304" y="0"/>
                  </a:moveTo>
                  <a:lnTo>
                    <a:pt x="4591304" y="192620"/>
                  </a:lnTo>
                  <a:lnTo>
                    <a:pt x="0" y="192620"/>
                  </a:lnTo>
                  <a:lnTo>
                    <a:pt x="0" y="321729"/>
                  </a:lnTo>
                </a:path>
              </a:pathLst>
            </a:custGeom>
            <a:ln w="19050">
              <a:solidFill>
                <a:srgbClr val="003366"/>
              </a:solidFill>
            </a:ln>
          </p:spPr>
          <p:txBody>
            <a:bodyPr wrap="square" lIns="0" tIns="0" rIns="0" bIns="0" rtlCol="0"/>
            <a:lstStyle/>
            <a:p>
              <a:endParaRPr/>
            </a:p>
          </p:txBody>
        </p:sp>
        <p:sp>
          <p:nvSpPr>
            <p:cNvPr id="51" name="object 49">
              <a:extLst>
                <a:ext uri="{FF2B5EF4-FFF2-40B4-BE49-F238E27FC236}">
                  <a16:creationId xmlns:a16="http://schemas.microsoft.com/office/drawing/2014/main" id="{3AAB21C9-CA39-6468-2042-EB1AA992B6CE}"/>
                </a:ext>
              </a:extLst>
            </p:cNvPr>
            <p:cNvSpPr/>
            <p:nvPr/>
          </p:nvSpPr>
          <p:spPr>
            <a:xfrm>
              <a:off x="1397002" y="4440772"/>
              <a:ext cx="76200" cy="76200"/>
            </a:xfrm>
            <a:custGeom>
              <a:avLst/>
              <a:gdLst/>
              <a:ahLst/>
              <a:cxnLst/>
              <a:rect l="l" t="t" r="r" b="b"/>
              <a:pathLst>
                <a:path w="76200" h="76200">
                  <a:moveTo>
                    <a:pt x="76200" y="0"/>
                  </a:moveTo>
                  <a:lnTo>
                    <a:pt x="0" y="0"/>
                  </a:lnTo>
                  <a:lnTo>
                    <a:pt x="38100" y="76200"/>
                  </a:lnTo>
                  <a:lnTo>
                    <a:pt x="76200" y="0"/>
                  </a:lnTo>
                  <a:close/>
                </a:path>
              </a:pathLst>
            </a:custGeom>
            <a:solidFill>
              <a:srgbClr val="003366"/>
            </a:solidFill>
          </p:spPr>
          <p:txBody>
            <a:bodyPr wrap="square" lIns="0" tIns="0" rIns="0" bIns="0" rtlCol="0"/>
            <a:lstStyle/>
            <a:p>
              <a:endParaRPr/>
            </a:p>
          </p:txBody>
        </p:sp>
        <p:sp>
          <p:nvSpPr>
            <p:cNvPr id="52" name="object 50">
              <a:extLst>
                <a:ext uri="{FF2B5EF4-FFF2-40B4-BE49-F238E27FC236}">
                  <a16:creationId xmlns:a16="http://schemas.microsoft.com/office/drawing/2014/main" id="{528839E7-2692-83DF-6B86-FB4C423B08BA}"/>
                </a:ext>
              </a:extLst>
            </p:cNvPr>
            <p:cNvSpPr/>
            <p:nvPr/>
          </p:nvSpPr>
          <p:spPr>
            <a:xfrm>
              <a:off x="3730751" y="4131743"/>
              <a:ext cx="2296160" cy="321945"/>
            </a:xfrm>
            <a:custGeom>
              <a:avLst/>
              <a:gdLst/>
              <a:ahLst/>
              <a:cxnLst/>
              <a:rect l="l" t="t" r="r" b="b"/>
              <a:pathLst>
                <a:path w="2296160" h="321945">
                  <a:moveTo>
                    <a:pt x="2295652" y="0"/>
                  </a:moveTo>
                  <a:lnTo>
                    <a:pt x="2295652" y="192620"/>
                  </a:lnTo>
                  <a:lnTo>
                    <a:pt x="0" y="192620"/>
                  </a:lnTo>
                  <a:lnTo>
                    <a:pt x="0" y="321729"/>
                  </a:lnTo>
                </a:path>
              </a:pathLst>
            </a:custGeom>
            <a:ln w="19050">
              <a:solidFill>
                <a:srgbClr val="003366"/>
              </a:solidFill>
            </a:ln>
          </p:spPr>
          <p:txBody>
            <a:bodyPr wrap="square" lIns="0" tIns="0" rIns="0" bIns="0" rtlCol="0"/>
            <a:lstStyle/>
            <a:p>
              <a:endParaRPr/>
            </a:p>
          </p:txBody>
        </p:sp>
        <p:sp>
          <p:nvSpPr>
            <p:cNvPr id="53" name="object 51">
              <a:extLst>
                <a:ext uri="{FF2B5EF4-FFF2-40B4-BE49-F238E27FC236}">
                  <a16:creationId xmlns:a16="http://schemas.microsoft.com/office/drawing/2014/main" id="{9B460B04-EA3B-5DE7-CF94-010F75F01948}"/>
                </a:ext>
              </a:extLst>
            </p:cNvPr>
            <p:cNvSpPr/>
            <p:nvPr/>
          </p:nvSpPr>
          <p:spPr>
            <a:xfrm>
              <a:off x="3692655" y="4440772"/>
              <a:ext cx="76200" cy="76200"/>
            </a:xfrm>
            <a:custGeom>
              <a:avLst/>
              <a:gdLst/>
              <a:ahLst/>
              <a:cxnLst/>
              <a:rect l="l" t="t" r="r" b="b"/>
              <a:pathLst>
                <a:path w="76200" h="76200">
                  <a:moveTo>
                    <a:pt x="76200" y="0"/>
                  </a:moveTo>
                  <a:lnTo>
                    <a:pt x="0" y="0"/>
                  </a:lnTo>
                  <a:lnTo>
                    <a:pt x="38100" y="76200"/>
                  </a:lnTo>
                  <a:lnTo>
                    <a:pt x="76200" y="0"/>
                  </a:lnTo>
                  <a:close/>
                </a:path>
              </a:pathLst>
            </a:custGeom>
            <a:solidFill>
              <a:srgbClr val="003366"/>
            </a:solidFill>
          </p:spPr>
          <p:txBody>
            <a:bodyPr wrap="square" lIns="0" tIns="0" rIns="0" bIns="0" rtlCol="0"/>
            <a:lstStyle/>
            <a:p>
              <a:endParaRPr/>
            </a:p>
          </p:txBody>
        </p:sp>
        <p:sp>
          <p:nvSpPr>
            <p:cNvPr id="54" name="object 52">
              <a:extLst>
                <a:ext uri="{FF2B5EF4-FFF2-40B4-BE49-F238E27FC236}">
                  <a16:creationId xmlns:a16="http://schemas.microsoft.com/office/drawing/2014/main" id="{F190E845-B70E-33DF-71F2-78E59FB39C78}"/>
                </a:ext>
              </a:extLst>
            </p:cNvPr>
            <p:cNvSpPr/>
            <p:nvPr/>
          </p:nvSpPr>
          <p:spPr>
            <a:xfrm>
              <a:off x="6013705" y="4131743"/>
              <a:ext cx="12700" cy="335280"/>
            </a:xfrm>
            <a:custGeom>
              <a:avLst/>
              <a:gdLst/>
              <a:ahLst/>
              <a:cxnLst/>
              <a:rect l="l" t="t" r="r" b="b"/>
              <a:pathLst>
                <a:path w="12700" h="335279">
                  <a:moveTo>
                    <a:pt x="12700" y="0"/>
                  </a:moveTo>
                  <a:lnTo>
                    <a:pt x="12700" y="199288"/>
                  </a:lnTo>
                  <a:lnTo>
                    <a:pt x="0" y="199288"/>
                  </a:lnTo>
                  <a:lnTo>
                    <a:pt x="0" y="335076"/>
                  </a:lnTo>
                </a:path>
              </a:pathLst>
            </a:custGeom>
            <a:ln w="19050">
              <a:solidFill>
                <a:srgbClr val="003366"/>
              </a:solidFill>
            </a:ln>
          </p:spPr>
          <p:txBody>
            <a:bodyPr wrap="square" lIns="0" tIns="0" rIns="0" bIns="0" rtlCol="0"/>
            <a:lstStyle/>
            <a:p>
              <a:endParaRPr/>
            </a:p>
          </p:txBody>
        </p:sp>
        <p:sp>
          <p:nvSpPr>
            <p:cNvPr id="55" name="object 53">
              <a:extLst>
                <a:ext uri="{FF2B5EF4-FFF2-40B4-BE49-F238E27FC236}">
                  <a16:creationId xmlns:a16="http://schemas.microsoft.com/office/drawing/2014/main" id="{1FF93B56-3C2B-8BBB-C3FB-37B9AA844045}"/>
                </a:ext>
              </a:extLst>
            </p:cNvPr>
            <p:cNvSpPr/>
            <p:nvPr/>
          </p:nvSpPr>
          <p:spPr>
            <a:xfrm>
              <a:off x="5975609" y="4454119"/>
              <a:ext cx="76200" cy="76200"/>
            </a:xfrm>
            <a:custGeom>
              <a:avLst/>
              <a:gdLst/>
              <a:ahLst/>
              <a:cxnLst/>
              <a:rect l="l" t="t" r="r" b="b"/>
              <a:pathLst>
                <a:path w="76200" h="76200">
                  <a:moveTo>
                    <a:pt x="76200" y="0"/>
                  </a:moveTo>
                  <a:lnTo>
                    <a:pt x="0" y="0"/>
                  </a:lnTo>
                  <a:lnTo>
                    <a:pt x="38100" y="76200"/>
                  </a:lnTo>
                  <a:lnTo>
                    <a:pt x="76200" y="0"/>
                  </a:lnTo>
                  <a:close/>
                </a:path>
              </a:pathLst>
            </a:custGeom>
            <a:solidFill>
              <a:srgbClr val="003366"/>
            </a:solidFill>
          </p:spPr>
          <p:txBody>
            <a:bodyPr wrap="square" lIns="0" tIns="0" rIns="0" bIns="0" rtlCol="0"/>
            <a:lstStyle/>
            <a:p>
              <a:endParaRPr/>
            </a:p>
          </p:txBody>
        </p:sp>
        <p:sp>
          <p:nvSpPr>
            <p:cNvPr id="56" name="object 54">
              <a:extLst>
                <a:ext uri="{FF2B5EF4-FFF2-40B4-BE49-F238E27FC236}">
                  <a16:creationId xmlns:a16="http://schemas.microsoft.com/office/drawing/2014/main" id="{C9B00699-7DD9-7B8E-86B3-3437714BC7EE}"/>
                </a:ext>
              </a:extLst>
            </p:cNvPr>
            <p:cNvSpPr/>
            <p:nvPr/>
          </p:nvSpPr>
          <p:spPr>
            <a:xfrm>
              <a:off x="6026404" y="4131743"/>
              <a:ext cx="2296160" cy="321945"/>
            </a:xfrm>
            <a:custGeom>
              <a:avLst/>
              <a:gdLst/>
              <a:ahLst/>
              <a:cxnLst/>
              <a:rect l="l" t="t" r="r" b="b"/>
              <a:pathLst>
                <a:path w="2296159" h="321945">
                  <a:moveTo>
                    <a:pt x="0" y="0"/>
                  </a:moveTo>
                  <a:lnTo>
                    <a:pt x="0" y="192620"/>
                  </a:lnTo>
                  <a:lnTo>
                    <a:pt x="2295652" y="192620"/>
                  </a:lnTo>
                  <a:lnTo>
                    <a:pt x="2295652" y="321729"/>
                  </a:lnTo>
                </a:path>
              </a:pathLst>
            </a:custGeom>
            <a:ln w="19050">
              <a:solidFill>
                <a:srgbClr val="003366"/>
              </a:solidFill>
            </a:ln>
          </p:spPr>
          <p:txBody>
            <a:bodyPr wrap="square" lIns="0" tIns="0" rIns="0" bIns="0" rtlCol="0"/>
            <a:lstStyle/>
            <a:p>
              <a:endParaRPr/>
            </a:p>
          </p:txBody>
        </p:sp>
        <p:sp>
          <p:nvSpPr>
            <p:cNvPr id="57" name="object 55">
              <a:extLst>
                <a:ext uri="{FF2B5EF4-FFF2-40B4-BE49-F238E27FC236}">
                  <a16:creationId xmlns:a16="http://schemas.microsoft.com/office/drawing/2014/main" id="{A6A62CD6-C759-FFDB-FCB6-71F4BBE534A2}"/>
                </a:ext>
              </a:extLst>
            </p:cNvPr>
            <p:cNvSpPr/>
            <p:nvPr/>
          </p:nvSpPr>
          <p:spPr>
            <a:xfrm>
              <a:off x="8283951" y="4440772"/>
              <a:ext cx="76200" cy="76200"/>
            </a:xfrm>
            <a:custGeom>
              <a:avLst/>
              <a:gdLst/>
              <a:ahLst/>
              <a:cxnLst/>
              <a:rect l="l" t="t" r="r" b="b"/>
              <a:pathLst>
                <a:path w="76200" h="76200">
                  <a:moveTo>
                    <a:pt x="76200" y="0"/>
                  </a:moveTo>
                  <a:lnTo>
                    <a:pt x="0" y="0"/>
                  </a:lnTo>
                  <a:lnTo>
                    <a:pt x="38100" y="76200"/>
                  </a:lnTo>
                  <a:lnTo>
                    <a:pt x="76200" y="0"/>
                  </a:lnTo>
                  <a:close/>
                </a:path>
              </a:pathLst>
            </a:custGeom>
            <a:solidFill>
              <a:srgbClr val="003366"/>
            </a:solidFill>
          </p:spPr>
          <p:txBody>
            <a:bodyPr wrap="square" lIns="0" tIns="0" rIns="0" bIns="0" rtlCol="0"/>
            <a:lstStyle/>
            <a:p>
              <a:endParaRPr/>
            </a:p>
          </p:txBody>
        </p:sp>
        <p:sp>
          <p:nvSpPr>
            <p:cNvPr id="58" name="object 56">
              <a:extLst>
                <a:ext uri="{FF2B5EF4-FFF2-40B4-BE49-F238E27FC236}">
                  <a16:creationId xmlns:a16="http://schemas.microsoft.com/office/drawing/2014/main" id="{A4648F29-6A38-AEE6-8287-C2E8936CC75D}"/>
                </a:ext>
              </a:extLst>
            </p:cNvPr>
            <p:cNvSpPr/>
            <p:nvPr/>
          </p:nvSpPr>
          <p:spPr>
            <a:xfrm>
              <a:off x="6026404" y="4131743"/>
              <a:ext cx="4591685" cy="321945"/>
            </a:xfrm>
            <a:custGeom>
              <a:avLst/>
              <a:gdLst/>
              <a:ahLst/>
              <a:cxnLst/>
              <a:rect l="l" t="t" r="r" b="b"/>
              <a:pathLst>
                <a:path w="4591684" h="321945">
                  <a:moveTo>
                    <a:pt x="0" y="0"/>
                  </a:moveTo>
                  <a:lnTo>
                    <a:pt x="0" y="192620"/>
                  </a:lnTo>
                  <a:lnTo>
                    <a:pt x="4591304" y="192620"/>
                  </a:lnTo>
                  <a:lnTo>
                    <a:pt x="4591304" y="321729"/>
                  </a:lnTo>
                </a:path>
              </a:pathLst>
            </a:custGeom>
            <a:ln w="19050">
              <a:solidFill>
                <a:srgbClr val="003366"/>
              </a:solidFill>
            </a:ln>
          </p:spPr>
          <p:txBody>
            <a:bodyPr wrap="square" lIns="0" tIns="0" rIns="0" bIns="0" rtlCol="0"/>
            <a:lstStyle/>
            <a:p>
              <a:endParaRPr/>
            </a:p>
          </p:txBody>
        </p:sp>
        <p:sp>
          <p:nvSpPr>
            <p:cNvPr id="59" name="object 57">
              <a:extLst>
                <a:ext uri="{FF2B5EF4-FFF2-40B4-BE49-F238E27FC236}">
                  <a16:creationId xmlns:a16="http://schemas.microsoft.com/office/drawing/2014/main" id="{4511DE08-B9B6-F3B1-59A4-E2D2ED273E5F}"/>
                </a:ext>
              </a:extLst>
            </p:cNvPr>
            <p:cNvSpPr/>
            <p:nvPr/>
          </p:nvSpPr>
          <p:spPr>
            <a:xfrm>
              <a:off x="10579604" y="4440772"/>
              <a:ext cx="76200" cy="76200"/>
            </a:xfrm>
            <a:custGeom>
              <a:avLst/>
              <a:gdLst/>
              <a:ahLst/>
              <a:cxnLst/>
              <a:rect l="l" t="t" r="r" b="b"/>
              <a:pathLst>
                <a:path w="76200" h="76200">
                  <a:moveTo>
                    <a:pt x="76200" y="0"/>
                  </a:moveTo>
                  <a:lnTo>
                    <a:pt x="0" y="0"/>
                  </a:lnTo>
                  <a:lnTo>
                    <a:pt x="38100" y="76200"/>
                  </a:lnTo>
                  <a:lnTo>
                    <a:pt x="76200" y="0"/>
                  </a:lnTo>
                  <a:close/>
                </a:path>
              </a:pathLst>
            </a:custGeom>
            <a:solidFill>
              <a:srgbClr val="003366"/>
            </a:solidFill>
          </p:spPr>
          <p:txBody>
            <a:bodyPr wrap="square" lIns="0" tIns="0" rIns="0" bIns="0" rtlCol="0"/>
            <a:lstStyle/>
            <a:p>
              <a:endParaRPr/>
            </a:p>
          </p:txBody>
        </p:sp>
      </p:grpSp>
      <p:graphicFrame>
        <p:nvGraphicFramePr>
          <p:cNvPr id="60" name="object 58">
            <a:extLst>
              <a:ext uri="{FF2B5EF4-FFF2-40B4-BE49-F238E27FC236}">
                <a16:creationId xmlns:a16="http://schemas.microsoft.com/office/drawing/2014/main" id="{48E00E78-AFCC-5003-6237-79F7D89361B6}"/>
              </a:ext>
            </a:extLst>
          </p:cNvPr>
          <p:cNvGraphicFramePr>
            <a:graphicFrameLocks noGrp="1"/>
          </p:cNvGraphicFramePr>
          <p:nvPr/>
        </p:nvGraphicFramePr>
        <p:xfrm>
          <a:off x="673100" y="5704122"/>
          <a:ext cx="10706100" cy="666750"/>
        </p:xfrm>
        <a:graphic>
          <a:graphicData uri="http://schemas.openxmlformats.org/drawingml/2006/table">
            <a:tbl>
              <a:tblPr firstRow="1" bandRow="1">
                <a:tableStyleId>{2D5ABB26-0587-4C30-8999-92F81FD0307C}</a:tableStyleId>
              </a:tblPr>
              <a:tblGrid>
                <a:gridCol w="762000">
                  <a:extLst>
                    <a:ext uri="{9D8B030D-6E8A-4147-A177-3AD203B41FA5}">
                      <a16:colId xmlns:a16="http://schemas.microsoft.com/office/drawing/2014/main" val="20000"/>
                    </a:ext>
                  </a:extLst>
                </a:gridCol>
                <a:gridCol w="2295525">
                  <a:extLst>
                    <a:ext uri="{9D8B030D-6E8A-4147-A177-3AD203B41FA5}">
                      <a16:colId xmlns:a16="http://schemas.microsoft.com/office/drawing/2014/main" val="20001"/>
                    </a:ext>
                  </a:extLst>
                </a:gridCol>
                <a:gridCol w="2289175">
                  <a:extLst>
                    <a:ext uri="{9D8B030D-6E8A-4147-A177-3AD203B41FA5}">
                      <a16:colId xmlns:a16="http://schemas.microsoft.com/office/drawing/2014/main" val="20002"/>
                    </a:ext>
                  </a:extLst>
                </a:gridCol>
                <a:gridCol w="2301875">
                  <a:extLst>
                    <a:ext uri="{9D8B030D-6E8A-4147-A177-3AD203B41FA5}">
                      <a16:colId xmlns:a16="http://schemas.microsoft.com/office/drawing/2014/main" val="20003"/>
                    </a:ext>
                  </a:extLst>
                </a:gridCol>
                <a:gridCol w="2308225">
                  <a:extLst>
                    <a:ext uri="{9D8B030D-6E8A-4147-A177-3AD203B41FA5}">
                      <a16:colId xmlns:a16="http://schemas.microsoft.com/office/drawing/2014/main" val="20004"/>
                    </a:ext>
                  </a:extLst>
                </a:gridCol>
                <a:gridCol w="749300">
                  <a:extLst>
                    <a:ext uri="{9D8B030D-6E8A-4147-A177-3AD203B41FA5}">
                      <a16:colId xmlns:a16="http://schemas.microsoft.com/office/drawing/2014/main" val="20005"/>
                    </a:ext>
                  </a:extLst>
                </a:gridCol>
              </a:tblGrid>
              <a:tr h="226695">
                <a:tc>
                  <a:txBody>
                    <a:bodyPr/>
                    <a:lstStyle/>
                    <a:p>
                      <a:pPr>
                        <a:lnSpc>
                          <a:spcPct val="100000"/>
                        </a:lnSpc>
                      </a:pPr>
                      <a:endParaRPr sz="1300">
                        <a:latin typeface="Times New Roman"/>
                        <a:cs typeface="Times New Roman"/>
                      </a:endParaRPr>
                    </a:p>
                  </a:txBody>
                  <a:tcPr marL="0" marR="0" marT="0" marB="0">
                    <a:lnR w="19050">
                      <a:solidFill>
                        <a:srgbClr val="003366"/>
                      </a:solidFill>
                      <a:prstDash val="solid"/>
                    </a:lnR>
                  </a:tcPr>
                </a:tc>
                <a:tc>
                  <a:txBody>
                    <a:bodyPr/>
                    <a:lstStyle/>
                    <a:p>
                      <a:pPr>
                        <a:lnSpc>
                          <a:spcPct val="100000"/>
                        </a:lnSpc>
                      </a:pPr>
                      <a:endParaRPr sz="1300">
                        <a:latin typeface="Times New Roman"/>
                        <a:cs typeface="Times New Roman"/>
                      </a:endParaRPr>
                    </a:p>
                  </a:txBody>
                  <a:tcPr marL="0" marR="0" marT="0" marB="0">
                    <a:lnL w="19050">
                      <a:solidFill>
                        <a:srgbClr val="003366"/>
                      </a:solidFill>
                      <a:prstDash val="solid"/>
                    </a:lnL>
                    <a:lnR w="19050">
                      <a:solidFill>
                        <a:srgbClr val="003366"/>
                      </a:solidFill>
                      <a:prstDash val="solid"/>
                    </a:lnR>
                  </a:tcPr>
                </a:tc>
                <a:tc>
                  <a:txBody>
                    <a:bodyPr/>
                    <a:lstStyle/>
                    <a:p>
                      <a:pPr>
                        <a:lnSpc>
                          <a:spcPct val="100000"/>
                        </a:lnSpc>
                      </a:pPr>
                      <a:endParaRPr sz="1300">
                        <a:latin typeface="Times New Roman"/>
                        <a:cs typeface="Times New Roman"/>
                      </a:endParaRPr>
                    </a:p>
                  </a:txBody>
                  <a:tcPr marL="0" marR="0" marT="0" marB="0">
                    <a:lnL w="19050">
                      <a:solidFill>
                        <a:srgbClr val="003366"/>
                      </a:solidFill>
                      <a:prstDash val="solid"/>
                    </a:lnL>
                    <a:lnR w="19050">
                      <a:solidFill>
                        <a:srgbClr val="003366"/>
                      </a:solidFill>
                      <a:prstDash val="solid"/>
                    </a:lnR>
                  </a:tcPr>
                </a:tc>
                <a:tc>
                  <a:txBody>
                    <a:bodyPr/>
                    <a:lstStyle/>
                    <a:p>
                      <a:pPr>
                        <a:lnSpc>
                          <a:spcPct val="100000"/>
                        </a:lnSpc>
                      </a:pPr>
                      <a:endParaRPr sz="1300">
                        <a:latin typeface="Times New Roman"/>
                        <a:cs typeface="Times New Roman"/>
                      </a:endParaRPr>
                    </a:p>
                  </a:txBody>
                  <a:tcPr marL="0" marR="0" marT="0" marB="0">
                    <a:lnL w="19050">
                      <a:solidFill>
                        <a:srgbClr val="003366"/>
                      </a:solidFill>
                      <a:prstDash val="solid"/>
                    </a:lnL>
                    <a:lnR w="19050">
                      <a:solidFill>
                        <a:srgbClr val="003366"/>
                      </a:solidFill>
                      <a:prstDash val="solid"/>
                    </a:lnR>
                  </a:tcPr>
                </a:tc>
                <a:tc>
                  <a:txBody>
                    <a:bodyPr/>
                    <a:lstStyle/>
                    <a:p>
                      <a:pPr>
                        <a:lnSpc>
                          <a:spcPct val="100000"/>
                        </a:lnSpc>
                      </a:pPr>
                      <a:endParaRPr sz="1300">
                        <a:latin typeface="Times New Roman"/>
                        <a:cs typeface="Times New Roman"/>
                      </a:endParaRPr>
                    </a:p>
                  </a:txBody>
                  <a:tcPr marL="0" marR="0" marT="0" marB="0">
                    <a:lnL w="19050">
                      <a:solidFill>
                        <a:srgbClr val="003366"/>
                      </a:solidFill>
                      <a:prstDash val="solid"/>
                    </a:lnL>
                    <a:lnR w="19050">
                      <a:solidFill>
                        <a:srgbClr val="003366"/>
                      </a:solidFill>
                      <a:prstDash val="solid"/>
                    </a:lnR>
                  </a:tcPr>
                </a:tc>
                <a:tc>
                  <a:txBody>
                    <a:bodyPr/>
                    <a:lstStyle/>
                    <a:p>
                      <a:pPr>
                        <a:lnSpc>
                          <a:spcPct val="100000"/>
                        </a:lnSpc>
                      </a:pPr>
                      <a:endParaRPr sz="1300">
                        <a:latin typeface="Times New Roman"/>
                        <a:cs typeface="Times New Roman"/>
                      </a:endParaRPr>
                    </a:p>
                  </a:txBody>
                  <a:tcPr marL="0" marR="0" marT="0" marB="0">
                    <a:lnL w="19050">
                      <a:solidFill>
                        <a:srgbClr val="003366"/>
                      </a:solidFill>
                      <a:prstDash val="solid"/>
                    </a:lnL>
                  </a:tcPr>
                </a:tc>
                <a:extLst>
                  <a:ext uri="{0D108BD9-81ED-4DB2-BD59-A6C34878D82A}">
                    <a16:rowId xmlns:a16="http://schemas.microsoft.com/office/drawing/2014/main" val="10000"/>
                  </a:ext>
                </a:extLst>
              </a:tr>
              <a:tr h="440055">
                <a:tc gridSpan="6">
                  <a:txBody>
                    <a:bodyPr/>
                    <a:lstStyle/>
                    <a:p>
                      <a:pPr algn="ctr">
                        <a:lnSpc>
                          <a:spcPct val="100000"/>
                        </a:lnSpc>
                        <a:spcBef>
                          <a:spcPts val="685"/>
                        </a:spcBef>
                      </a:pPr>
                      <a:r>
                        <a:rPr sz="1600">
                          <a:solidFill>
                            <a:srgbClr val="FFFFFF"/>
                          </a:solidFill>
                          <a:latin typeface="Open Sans"/>
                          <a:cs typeface="Open Sans"/>
                        </a:rPr>
                        <a:t>Workstream</a:t>
                      </a:r>
                      <a:r>
                        <a:rPr sz="1600" spc="-60">
                          <a:solidFill>
                            <a:srgbClr val="FFFFFF"/>
                          </a:solidFill>
                          <a:latin typeface="Open Sans"/>
                          <a:cs typeface="Open Sans"/>
                        </a:rPr>
                        <a:t> </a:t>
                      </a:r>
                      <a:r>
                        <a:rPr sz="1600">
                          <a:solidFill>
                            <a:srgbClr val="FFFFFF"/>
                          </a:solidFill>
                          <a:latin typeface="Open Sans"/>
                          <a:cs typeface="Open Sans"/>
                        </a:rPr>
                        <a:t>Advisory</a:t>
                      </a:r>
                      <a:r>
                        <a:rPr sz="1600" spc="-70">
                          <a:solidFill>
                            <a:srgbClr val="FFFFFF"/>
                          </a:solidFill>
                          <a:latin typeface="Open Sans"/>
                          <a:cs typeface="Open Sans"/>
                        </a:rPr>
                        <a:t> </a:t>
                      </a:r>
                      <a:r>
                        <a:rPr sz="1600" spc="-20">
                          <a:solidFill>
                            <a:srgbClr val="FFFFFF"/>
                          </a:solidFill>
                          <a:latin typeface="Open Sans"/>
                          <a:cs typeface="Open Sans"/>
                        </a:rPr>
                        <a:t>Teams</a:t>
                      </a:r>
                      <a:endParaRPr sz="1600">
                        <a:latin typeface="Open Sans"/>
                        <a:cs typeface="Open Sans"/>
                      </a:endParaRPr>
                    </a:p>
                  </a:txBody>
                  <a:tcPr marL="0" marR="0" marT="86995" marB="0">
                    <a:solidFill>
                      <a:srgbClr val="B6B6B6"/>
                    </a:solidFill>
                  </a:tcPr>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tc hMerge="1">
                  <a:txBody>
                    <a:bodyPr/>
                    <a:lstStyle/>
                    <a:p>
                      <a:endParaRPr/>
                    </a:p>
                  </a:txBody>
                  <a:tcPr marL="0" marR="0" marT="0" marB="0"/>
                </a:tc>
                <a:extLst>
                  <a:ext uri="{0D108BD9-81ED-4DB2-BD59-A6C34878D82A}">
                    <a16:rowId xmlns:a16="http://schemas.microsoft.com/office/drawing/2014/main" val="10001"/>
                  </a:ext>
                </a:extLst>
              </a:tr>
            </a:tbl>
          </a:graphicData>
        </a:graphic>
      </p:graphicFrame>
      <p:sp>
        <p:nvSpPr>
          <p:cNvPr id="61" name="object 59">
            <a:extLst>
              <a:ext uri="{FF2B5EF4-FFF2-40B4-BE49-F238E27FC236}">
                <a16:creationId xmlns:a16="http://schemas.microsoft.com/office/drawing/2014/main" id="{FA8022F3-ABF2-DA88-BACB-100749035C1C}"/>
              </a:ext>
            </a:extLst>
          </p:cNvPr>
          <p:cNvSpPr/>
          <p:nvPr/>
        </p:nvSpPr>
        <p:spPr>
          <a:xfrm>
            <a:off x="1397003" y="5640623"/>
            <a:ext cx="76200" cy="76200"/>
          </a:xfrm>
          <a:custGeom>
            <a:avLst/>
            <a:gdLst/>
            <a:ahLst/>
            <a:cxnLst/>
            <a:rect l="l" t="t" r="r" b="b"/>
            <a:pathLst>
              <a:path w="76200" h="76200">
                <a:moveTo>
                  <a:pt x="38100" y="0"/>
                </a:moveTo>
                <a:lnTo>
                  <a:pt x="0" y="76200"/>
                </a:lnTo>
                <a:lnTo>
                  <a:pt x="76200" y="76200"/>
                </a:lnTo>
                <a:lnTo>
                  <a:pt x="38100" y="0"/>
                </a:lnTo>
                <a:close/>
              </a:path>
            </a:pathLst>
          </a:custGeom>
          <a:solidFill>
            <a:srgbClr val="003366"/>
          </a:solidFill>
        </p:spPr>
        <p:txBody>
          <a:bodyPr wrap="square" lIns="0" tIns="0" rIns="0" bIns="0" rtlCol="0"/>
          <a:lstStyle/>
          <a:p>
            <a:endParaRPr/>
          </a:p>
        </p:txBody>
      </p:sp>
      <p:sp>
        <p:nvSpPr>
          <p:cNvPr id="62" name="object 60">
            <a:extLst>
              <a:ext uri="{FF2B5EF4-FFF2-40B4-BE49-F238E27FC236}">
                <a16:creationId xmlns:a16="http://schemas.microsoft.com/office/drawing/2014/main" id="{3E7E5F69-8946-FAF6-54B8-C1FE1B664D41}"/>
              </a:ext>
            </a:extLst>
          </p:cNvPr>
          <p:cNvSpPr/>
          <p:nvPr/>
        </p:nvSpPr>
        <p:spPr>
          <a:xfrm>
            <a:off x="3692655" y="5640623"/>
            <a:ext cx="76200" cy="76200"/>
          </a:xfrm>
          <a:custGeom>
            <a:avLst/>
            <a:gdLst/>
            <a:ahLst/>
            <a:cxnLst/>
            <a:rect l="l" t="t" r="r" b="b"/>
            <a:pathLst>
              <a:path w="76200" h="76200">
                <a:moveTo>
                  <a:pt x="38100" y="0"/>
                </a:moveTo>
                <a:lnTo>
                  <a:pt x="0" y="76200"/>
                </a:lnTo>
                <a:lnTo>
                  <a:pt x="76200" y="76200"/>
                </a:lnTo>
                <a:lnTo>
                  <a:pt x="38100" y="0"/>
                </a:lnTo>
                <a:close/>
              </a:path>
            </a:pathLst>
          </a:custGeom>
          <a:solidFill>
            <a:srgbClr val="003366"/>
          </a:solidFill>
        </p:spPr>
        <p:txBody>
          <a:bodyPr wrap="square" lIns="0" tIns="0" rIns="0" bIns="0" rtlCol="0"/>
          <a:lstStyle/>
          <a:p>
            <a:endParaRPr/>
          </a:p>
        </p:txBody>
      </p:sp>
      <p:sp>
        <p:nvSpPr>
          <p:cNvPr id="63" name="object 61">
            <a:extLst>
              <a:ext uri="{FF2B5EF4-FFF2-40B4-BE49-F238E27FC236}">
                <a16:creationId xmlns:a16="http://schemas.microsoft.com/office/drawing/2014/main" id="{7D591B47-4064-4879-6D78-13FF68E66DD5}"/>
              </a:ext>
            </a:extLst>
          </p:cNvPr>
          <p:cNvSpPr/>
          <p:nvPr/>
        </p:nvSpPr>
        <p:spPr>
          <a:xfrm>
            <a:off x="5981957" y="5640623"/>
            <a:ext cx="76200" cy="76200"/>
          </a:xfrm>
          <a:custGeom>
            <a:avLst/>
            <a:gdLst/>
            <a:ahLst/>
            <a:cxnLst/>
            <a:rect l="l" t="t" r="r" b="b"/>
            <a:pathLst>
              <a:path w="76200" h="76200">
                <a:moveTo>
                  <a:pt x="38100" y="0"/>
                </a:moveTo>
                <a:lnTo>
                  <a:pt x="0" y="76200"/>
                </a:lnTo>
                <a:lnTo>
                  <a:pt x="76200" y="76200"/>
                </a:lnTo>
                <a:lnTo>
                  <a:pt x="38100" y="0"/>
                </a:lnTo>
                <a:close/>
              </a:path>
            </a:pathLst>
          </a:custGeom>
          <a:solidFill>
            <a:srgbClr val="003366"/>
          </a:solidFill>
        </p:spPr>
        <p:txBody>
          <a:bodyPr wrap="square" lIns="0" tIns="0" rIns="0" bIns="0" rtlCol="0"/>
          <a:lstStyle/>
          <a:p>
            <a:endParaRPr/>
          </a:p>
        </p:txBody>
      </p:sp>
      <p:sp>
        <p:nvSpPr>
          <p:cNvPr id="64" name="object 62">
            <a:extLst>
              <a:ext uri="{FF2B5EF4-FFF2-40B4-BE49-F238E27FC236}">
                <a16:creationId xmlns:a16="http://schemas.microsoft.com/office/drawing/2014/main" id="{B7F2A3DD-0AE9-2045-D3AF-5603A65ADA52}"/>
              </a:ext>
            </a:extLst>
          </p:cNvPr>
          <p:cNvSpPr/>
          <p:nvPr/>
        </p:nvSpPr>
        <p:spPr>
          <a:xfrm>
            <a:off x="8283959" y="5640623"/>
            <a:ext cx="76200" cy="76200"/>
          </a:xfrm>
          <a:custGeom>
            <a:avLst/>
            <a:gdLst/>
            <a:ahLst/>
            <a:cxnLst/>
            <a:rect l="l" t="t" r="r" b="b"/>
            <a:pathLst>
              <a:path w="76200" h="76200">
                <a:moveTo>
                  <a:pt x="38100" y="0"/>
                </a:moveTo>
                <a:lnTo>
                  <a:pt x="0" y="76200"/>
                </a:lnTo>
                <a:lnTo>
                  <a:pt x="76200" y="76200"/>
                </a:lnTo>
                <a:lnTo>
                  <a:pt x="38100" y="0"/>
                </a:lnTo>
                <a:close/>
              </a:path>
            </a:pathLst>
          </a:custGeom>
          <a:solidFill>
            <a:srgbClr val="003366"/>
          </a:solidFill>
        </p:spPr>
        <p:txBody>
          <a:bodyPr wrap="square" lIns="0" tIns="0" rIns="0" bIns="0" rtlCol="0"/>
          <a:lstStyle/>
          <a:p>
            <a:endParaRPr/>
          </a:p>
        </p:txBody>
      </p:sp>
      <p:sp>
        <p:nvSpPr>
          <p:cNvPr id="65" name="object 63">
            <a:extLst>
              <a:ext uri="{FF2B5EF4-FFF2-40B4-BE49-F238E27FC236}">
                <a16:creationId xmlns:a16="http://schemas.microsoft.com/office/drawing/2014/main" id="{598D0116-A99A-EA24-A0B5-8CFA50678D5D}"/>
              </a:ext>
            </a:extLst>
          </p:cNvPr>
          <p:cNvSpPr/>
          <p:nvPr/>
        </p:nvSpPr>
        <p:spPr>
          <a:xfrm>
            <a:off x="10592310" y="5640623"/>
            <a:ext cx="76200" cy="76200"/>
          </a:xfrm>
          <a:custGeom>
            <a:avLst/>
            <a:gdLst/>
            <a:ahLst/>
            <a:cxnLst/>
            <a:rect l="l" t="t" r="r" b="b"/>
            <a:pathLst>
              <a:path w="76200" h="76200">
                <a:moveTo>
                  <a:pt x="38100" y="0"/>
                </a:moveTo>
                <a:lnTo>
                  <a:pt x="0" y="76200"/>
                </a:lnTo>
                <a:lnTo>
                  <a:pt x="76200" y="76200"/>
                </a:lnTo>
                <a:lnTo>
                  <a:pt x="38100" y="0"/>
                </a:lnTo>
                <a:close/>
              </a:path>
            </a:pathLst>
          </a:custGeom>
          <a:solidFill>
            <a:srgbClr val="003366"/>
          </a:solidFill>
        </p:spPr>
        <p:txBody>
          <a:bodyPr wrap="square" lIns="0" tIns="0" rIns="0" bIns="0" rtlCol="0"/>
          <a:lstStyle/>
          <a:p>
            <a:endParaRPr/>
          </a:p>
        </p:txBody>
      </p:sp>
      <p:cxnSp>
        <p:nvCxnSpPr>
          <p:cNvPr id="66" name="Straight Connector 65">
            <a:extLst>
              <a:ext uri="{FF2B5EF4-FFF2-40B4-BE49-F238E27FC236}">
                <a16:creationId xmlns:a16="http://schemas.microsoft.com/office/drawing/2014/main" id="{F42D6006-133C-745A-E56A-C1996F40946E}"/>
              </a:ext>
            </a:extLst>
          </p:cNvPr>
          <p:cNvCxnSpPr>
            <a:cxnSpLocks/>
            <a:endCxn id="21" idx="3"/>
          </p:cNvCxnSpPr>
          <p:nvPr/>
        </p:nvCxnSpPr>
        <p:spPr>
          <a:xfrm flipH="1">
            <a:off x="3937000" y="3894889"/>
            <a:ext cx="882903" cy="0"/>
          </a:xfrm>
          <a:prstGeom prst="line">
            <a:avLst/>
          </a:prstGeom>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1387560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188B47-980D-C078-FB44-BDA3FF5694BF}"/>
              </a:ext>
            </a:extLst>
          </p:cNvPr>
          <p:cNvSpPr>
            <a:spLocks noGrp="1"/>
          </p:cNvSpPr>
          <p:nvPr>
            <p:ph type="title"/>
          </p:nvPr>
        </p:nvSpPr>
        <p:spPr/>
        <p:txBody>
          <a:bodyPr/>
          <a:lstStyle/>
          <a:p>
            <a:r>
              <a:rPr lang="en-US"/>
              <a:t>Program Timeline</a:t>
            </a:r>
          </a:p>
        </p:txBody>
      </p:sp>
      <p:graphicFrame>
        <p:nvGraphicFramePr>
          <p:cNvPr id="4" name="Table 3">
            <a:extLst>
              <a:ext uri="{FF2B5EF4-FFF2-40B4-BE49-F238E27FC236}">
                <a16:creationId xmlns:a16="http://schemas.microsoft.com/office/drawing/2014/main" id="{0F98D597-53E8-6B3D-DA83-833C273F13C3}"/>
              </a:ext>
            </a:extLst>
          </p:cNvPr>
          <p:cNvGraphicFramePr>
            <a:graphicFrameLocks noGrp="1"/>
          </p:cNvGraphicFramePr>
          <p:nvPr/>
        </p:nvGraphicFramePr>
        <p:xfrm>
          <a:off x="482908" y="1403270"/>
          <a:ext cx="11416477" cy="4850693"/>
        </p:xfrm>
        <a:graphic>
          <a:graphicData uri="http://schemas.openxmlformats.org/drawingml/2006/table">
            <a:tbl>
              <a:tblPr firstRow="1" bandRow="1"/>
              <a:tblGrid>
                <a:gridCol w="264012">
                  <a:extLst>
                    <a:ext uri="{9D8B030D-6E8A-4147-A177-3AD203B41FA5}">
                      <a16:colId xmlns:a16="http://schemas.microsoft.com/office/drawing/2014/main" val="20013"/>
                    </a:ext>
                  </a:extLst>
                </a:gridCol>
                <a:gridCol w="264012">
                  <a:extLst>
                    <a:ext uri="{9D8B030D-6E8A-4147-A177-3AD203B41FA5}">
                      <a16:colId xmlns:a16="http://schemas.microsoft.com/office/drawing/2014/main" val="2601302651"/>
                    </a:ext>
                  </a:extLst>
                </a:gridCol>
                <a:gridCol w="264012">
                  <a:extLst>
                    <a:ext uri="{9D8B030D-6E8A-4147-A177-3AD203B41FA5}">
                      <a16:colId xmlns:a16="http://schemas.microsoft.com/office/drawing/2014/main" val="3304607907"/>
                    </a:ext>
                  </a:extLst>
                </a:gridCol>
                <a:gridCol w="264012">
                  <a:extLst>
                    <a:ext uri="{9D8B030D-6E8A-4147-A177-3AD203B41FA5}">
                      <a16:colId xmlns:a16="http://schemas.microsoft.com/office/drawing/2014/main" val="20014"/>
                    </a:ext>
                  </a:extLst>
                </a:gridCol>
                <a:gridCol w="264012">
                  <a:extLst>
                    <a:ext uri="{9D8B030D-6E8A-4147-A177-3AD203B41FA5}">
                      <a16:colId xmlns:a16="http://schemas.microsoft.com/office/drawing/2014/main" val="20015"/>
                    </a:ext>
                  </a:extLst>
                </a:gridCol>
                <a:gridCol w="264012">
                  <a:extLst>
                    <a:ext uri="{9D8B030D-6E8A-4147-A177-3AD203B41FA5}">
                      <a16:colId xmlns:a16="http://schemas.microsoft.com/office/drawing/2014/main" val="20016"/>
                    </a:ext>
                  </a:extLst>
                </a:gridCol>
                <a:gridCol w="264012">
                  <a:extLst>
                    <a:ext uri="{9D8B030D-6E8A-4147-A177-3AD203B41FA5}">
                      <a16:colId xmlns:a16="http://schemas.microsoft.com/office/drawing/2014/main" val="20017"/>
                    </a:ext>
                  </a:extLst>
                </a:gridCol>
                <a:gridCol w="261123">
                  <a:extLst>
                    <a:ext uri="{9D8B030D-6E8A-4147-A177-3AD203B41FA5}">
                      <a16:colId xmlns:a16="http://schemas.microsoft.com/office/drawing/2014/main" val="20018"/>
                    </a:ext>
                  </a:extLst>
                </a:gridCol>
                <a:gridCol w="295890">
                  <a:extLst>
                    <a:ext uri="{9D8B030D-6E8A-4147-A177-3AD203B41FA5}">
                      <a16:colId xmlns:a16="http://schemas.microsoft.com/office/drawing/2014/main" val="20019"/>
                    </a:ext>
                  </a:extLst>
                </a:gridCol>
                <a:gridCol w="264012">
                  <a:extLst>
                    <a:ext uri="{9D8B030D-6E8A-4147-A177-3AD203B41FA5}">
                      <a16:colId xmlns:a16="http://schemas.microsoft.com/office/drawing/2014/main" val="20020"/>
                    </a:ext>
                  </a:extLst>
                </a:gridCol>
                <a:gridCol w="264012">
                  <a:extLst>
                    <a:ext uri="{9D8B030D-6E8A-4147-A177-3AD203B41FA5}">
                      <a16:colId xmlns:a16="http://schemas.microsoft.com/office/drawing/2014/main" val="20021"/>
                    </a:ext>
                  </a:extLst>
                </a:gridCol>
                <a:gridCol w="264012">
                  <a:extLst>
                    <a:ext uri="{9D8B030D-6E8A-4147-A177-3AD203B41FA5}">
                      <a16:colId xmlns:a16="http://schemas.microsoft.com/office/drawing/2014/main" val="20022"/>
                    </a:ext>
                  </a:extLst>
                </a:gridCol>
                <a:gridCol w="264012">
                  <a:extLst>
                    <a:ext uri="{9D8B030D-6E8A-4147-A177-3AD203B41FA5}">
                      <a16:colId xmlns:a16="http://schemas.microsoft.com/office/drawing/2014/main" val="20023"/>
                    </a:ext>
                  </a:extLst>
                </a:gridCol>
                <a:gridCol w="264012">
                  <a:extLst>
                    <a:ext uri="{9D8B030D-6E8A-4147-A177-3AD203B41FA5}">
                      <a16:colId xmlns:a16="http://schemas.microsoft.com/office/drawing/2014/main" val="1228837489"/>
                    </a:ext>
                  </a:extLst>
                </a:gridCol>
                <a:gridCol w="264012">
                  <a:extLst>
                    <a:ext uri="{9D8B030D-6E8A-4147-A177-3AD203B41FA5}">
                      <a16:colId xmlns:a16="http://schemas.microsoft.com/office/drawing/2014/main" val="80202068"/>
                    </a:ext>
                  </a:extLst>
                </a:gridCol>
                <a:gridCol w="264012">
                  <a:extLst>
                    <a:ext uri="{9D8B030D-6E8A-4147-A177-3AD203B41FA5}">
                      <a16:colId xmlns:a16="http://schemas.microsoft.com/office/drawing/2014/main" val="1338629963"/>
                    </a:ext>
                  </a:extLst>
                </a:gridCol>
                <a:gridCol w="264012">
                  <a:extLst>
                    <a:ext uri="{9D8B030D-6E8A-4147-A177-3AD203B41FA5}">
                      <a16:colId xmlns:a16="http://schemas.microsoft.com/office/drawing/2014/main" val="3379580384"/>
                    </a:ext>
                  </a:extLst>
                </a:gridCol>
                <a:gridCol w="222139">
                  <a:extLst>
                    <a:ext uri="{9D8B030D-6E8A-4147-A177-3AD203B41FA5}">
                      <a16:colId xmlns:a16="http://schemas.microsoft.com/office/drawing/2014/main" val="695310984"/>
                    </a:ext>
                  </a:extLst>
                </a:gridCol>
                <a:gridCol w="305885">
                  <a:extLst>
                    <a:ext uri="{9D8B030D-6E8A-4147-A177-3AD203B41FA5}">
                      <a16:colId xmlns:a16="http://schemas.microsoft.com/office/drawing/2014/main" val="2980434335"/>
                    </a:ext>
                  </a:extLst>
                </a:gridCol>
                <a:gridCol w="272590">
                  <a:extLst>
                    <a:ext uri="{9D8B030D-6E8A-4147-A177-3AD203B41FA5}">
                      <a16:colId xmlns:a16="http://schemas.microsoft.com/office/drawing/2014/main" val="2224189115"/>
                    </a:ext>
                  </a:extLst>
                </a:gridCol>
                <a:gridCol w="290406">
                  <a:extLst>
                    <a:ext uri="{9D8B030D-6E8A-4147-A177-3AD203B41FA5}">
                      <a16:colId xmlns:a16="http://schemas.microsoft.com/office/drawing/2014/main" val="502943449"/>
                    </a:ext>
                  </a:extLst>
                </a:gridCol>
                <a:gridCol w="264012">
                  <a:extLst>
                    <a:ext uri="{9D8B030D-6E8A-4147-A177-3AD203B41FA5}">
                      <a16:colId xmlns:a16="http://schemas.microsoft.com/office/drawing/2014/main" val="1498204630"/>
                    </a:ext>
                  </a:extLst>
                </a:gridCol>
                <a:gridCol w="264012">
                  <a:extLst>
                    <a:ext uri="{9D8B030D-6E8A-4147-A177-3AD203B41FA5}">
                      <a16:colId xmlns:a16="http://schemas.microsoft.com/office/drawing/2014/main" val="3702908342"/>
                    </a:ext>
                  </a:extLst>
                </a:gridCol>
                <a:gridCol w="264012">
                  <a:extLst>
                    <a:ext uri="{9D8B030D-6E8A-4147-A177-3AD203B41FA5}">
                      <a16:colId xmlns:a16="http://schemas.microsoft.com/office/drawing/2014/main" val="4167140970"/>
                    </a:ext>
                  </a:extLst>
                </a:gridCol>
                <a:gridCol w="264012">
                  <a:extLst>
                    <a:ext uri="{9D8B030D-6E8A-4147-A177-3AD203B41FA5}">
                      <a16:colId xmlns:a16="http://schemas.microsoft.com/office/drawing/2014/main" val="1587680424"/>
                    </a:ext>
                  </a:extLst>
                </a:gridCol>
                <a:gridCol w="264012">
                  <a:extLst>
                    <a:ext uri="{9D8B030D-6E8A-4147-A177-3AD203B41FA5}">
                      <a16:colId xmlns:a16="http://schemas.microsoft.com/office/drawing/2014/main" val="3694366948"/>
                    </a:ext>
                  </a:extLst>
                </a:gridCol>
                <a:gridCol w="264012">
                  <a:extLst>
                    <a:ext uri="{9D8B030D-6E8A-4147-A177-3AD203B41FA5}">
                      <a16:colId xmlns:a16="http://schemas.microsoft.com/office/drawing/2014/main" val="2064209528"/>
                    </a:ext>
                  </a:extLst>
                </a:gridCol>
                <a:gridCol w="264012">
                  <a:extLst>
                    <a:ext uri="{9D8B030D-6E8A-4147-A177-3AD203B41FA5}">
                      <a16:colId xmlns:a16="http://schemas.microsoft.com/office/drawing/2014/main" val="1947735742"/>
                    </a:ext>
                  </a:extLst>
                </a:gridCol>
                <a:gridCol w="264012">
                  <a:extLst>
                    <a:ext uri="{9D8B030D-6E8A-4147-A177-3AD203B41FA5}">
                      <a16:colId xmlns:a16="http://schemas.microsoft.com/office/drawing/2014/main" val="1132504586"/>
                    </a:ext>
                  </a:extLst>
                </a:gridCol>
                <a:gridCol w="264012">
                  <a:extLst>
                    <a:ext uri="{9D8B030D-6E8A-4147-A177-3AD203B41FA5}">
                      <a16:colId xmlns:a16="http://schemas.microsoft.com/office/drawing/2014/main" val="302019564"/>
                    </a:ext>
                  </a:extLst>
                </a:gridCol>
                <a:gridCol w="264012">
                  <a:extLst>
                    <a:ext uri="{9D8B030D-6E8A-4147-A177-3AD203B41FA5}">
                      <a16:colId xmlns:a16="http://schemas.microsoft.com/office/drawing/2014/main" val="3428396699"/>
                    </a:ext>
                  </a:extLst>
                </a:gridCol>
                <a:gridCol w="264012">
                  <a:extLst>
                    <a:ext uri="{9D8B030D-6E8A-4147-A177-3AD203B41FA5}">
                      <a16:colId xmlns:a16="http://schemas.microsoft.com/office/drawing/2014/main" val="3852783662"/>
                    </a:ext>
                  </a:extLst>
                </a:gridCol>
                <a:gridCol w="264012">
                  <a:extLst>
                    <a:ext uri="{9D8B030D-6E8A-4147-A177-3AD203B41FA5}">
                      <a16:colId xmlns:a16="http://schemas.microsoft.com/office/drawing/2014/main" val="3460869884"/>
                    </a:ext>
                  </a:extLst>
                </a:gridCol>
                <a:gridCol w="264012">
                  <a:extLst>
                    <a:ext uri="{9D8B030D-6E8A-4147-A177-3AD203B41FA5}">
                      <a16:colId xmlns:a16="http://schemas.microsoft.com/office/drawing/2014/main" val="2295854476"/>
                    </a:ext>
                  </a:extLst>
                </a:gridCol>
                <a:gridCol w="264012">
                  <a:extLst>
                    <a:ext uri="{9D8B030D-6E8A-4147-A177-3AD203B41FA5}">
                      <a16:colId xmlns:a16="http://schemas.microsoft.com/office/drawing/2014/main" val="3185642889"/>
                    </a:ext>
                  </a:extLst>
                </a:gridCol>
                <a:gridCol w="264012">
                  <a:extLst>
                    <a:ext uri="{9D8B030D-6E8A-4147-A177-3AD203B41FA5}">
                      <a16:colId xmlns:a16="http://schemas.microsoft.com/office/drawing/2014/main" val="213182039"/>
                    </a:ext>
                  </a:extLst>
                </a:gridCol>
                <a:gridCol w="264012">
                  <a:extLst>
                    <a:ext uri="{9D8B030D-6E8A-4147-A177-3AD203B41FA5}">
                      <a16:colId xmlns:a16="http://schemas.microsoft.com/office/drawing/2014/main" val="847357840"/>
                    </a:ext>
                  </a:extLst>
                </a:gridCol>
                <a:gridCol w="264012">
                  <a:extLst>
                    <a:ext uri="{9D8B030D-6E8A-4147-A177-3AD203B41FA5}">
                      <a16:colId xmlns:a16="http://schemas.microsoft.com/office/drawing/2014/main" val="289981106"/>
                    </a:ext>
                  </a:extLst>
                </a:gridCol>
                <a:gridCol w="264012">
                  <a:extLst>
                    <a:ext uri="{9D8B030D-6E8A-4147-A177-3AD203B41FA5}">
                      <a16:colId xmlns:a16="http://schemas.microsoft.com/office/drawing/2014/main" val="4085820007"/>
                    </a:ext>
                  </a:extLst>
                </a:gridCol>
                <a:gridCol w="264012">
                  <a:extLst>
                    <a:ext uri="{9D8B030D-6E8A-4147-A177-3AD203B41FA5}">
                      <a16:colId xmlns:a16="http://schemas.microsoft.com/office/drawing/2014/main" val="88209122"/>
                    </a:ext>
                  </a:extLst>
                </a:gridCol>
                <a:gridCol w="264012">
                  <a:extLst>
                    <a:ext uri="{9D8B030D-6E8A-4147-A177-3AD203B41FA5}">
                      <a16:colId xmlns:a16="http://schemas.microsoft.com/office/drawing/2014/main" val="896216915"/>
                    </a:ext>
                  </a:extLst>
                </a:gridCol>
                <a:gridCol w="264012">
                  <a:extLst>
                    <a:ext uri="{9D8B030D-6E8A-4147-A177-3AD203B41FA5}">
                      <a16:colId xmlns:a16="http://schemas.microsoft.com/office/drawing/2014/main" val="1183196453"/>
                    </a:ext>
                  </a:extLst>
                </a:gridCol>
                <a:gridCol w="264012">
                  <a:extLst>
                    <a:ext uri="{9D8B030D-6E8A-4147-A177-3AD203B41FA5}">
                      <a16:colId xmlns:a16="http://schemas.microsoft.com/office/drawing/2014/main" val="4289260143"/>
                    </a:ext>
                  </a:extLst>
                </a:gridCol>
              </a:tblGrid>
              <a:tr h="131266">
                <a:tc gridSpan="4">
                  <a:txBody>
                    <a:bodyPr/>
                    <a:lstStyle/>
                    <a:p>
                      <a:pPr algn="ctr"/>
                      <a:r>
                        <a:rPr lang="en-US" sz="750" b="1" kern="1200" spc="50" baseline="0">
                          <a:solidFill>
                            <a:schemeClr val="tx1"/>
                          </a:solidFill>
                          <a:latin typeface="+mj-lt"/>
                          <a:ea typeface="Open Sans" panose="020B0606030504020204" pitchFamily="34" charset="0"/>
                          <a:cs typeface="Open Sans" panose="020B0606030504020204" pitchFamily="34" charset="0"/>
                        </a:rPr>
                        <a:t>2025</a:t>
                      </a:r>
                    </a:p>
                  </a:txBody>
                  <a:tcPr marL="0" marR="0" marT="0" marB="0" anchor="ctr">
                    <a:lnL w="12700" cap="flat" cmpd="sng" algn="ctr">
                      <a:noFill/>
                      <a:prstDash val="sysDot"/>
                      <a:round/>
                      <a:headEnd type="none" w="med" len="med"/>
                      <a:tailEnd type="none" w="med" len="med"/>
                    </a:lnL>
                    <a:lnR w="12700" cap="flat" cmpd="sng" algn="ctr">
                      <a:solidFill>
                        <a:schemeClr val="bg1">
                          <a:lumMod val="75000"/>
                        </a:schemeClr>
                      </a:solidFill>
                      <a:prstDash val="sysDot"/>
                      <a:round/>
                      <a:headEnd type="none" w="med" len="med"/>
                      <a:tailEnd type="none" w="med" len="med"/>
                    </a:lnR>
                    <a:lnT w="12700" cap="flat" cmpd="sng" algn="ctr">
                      <a:noFill/>
                      <a:prstDash val="sysDot"/>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endParaRPr lang="en-US"/>
                    </a:p>
                  </a:txBody>
                  <a:tcPr>
                    <a:lnL w="12700" cap="flat" cmpd="sng" algn="ctr">
                      <a:solidFill>
                        <a:schemeClr val="bg1">
                          <a:lumMod val="75000"/>
                        </a:schemeClr>
                      </a:solidFill>
                      <a:prstDash val="sysDot"/>
                      <a:round/>
                      <a:headEnd type="none" w="med" len="med"/>
                      <a:tailEnd type="none" w="med" len="med"/>
                    </a:lnL>
                  </a:tcPr>
                </a:tc>
                <a:tc hMerge="1">
                  <a:txBody>
                    <a:bodyPr/>
                    <a:lstStyle/>
                    <a:p>
                      <a:endParaRPr lang="en-US"/>
                    </a:p>
                  </a:txBody>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gridSpan="12">
                  <a:txBody>
                    <a:bodyPr/>
                    <a:lstStyle>
                      <a:lvl1pPr marL="0" algn="l" defTabSz="914400" rtl="0" eaLnBrk="1" latinLnBrk="0" hangingPunct="1">
                        <a:defRPr sz="1800" b="1" kern="1200">
                          <a:solidFill>
                            <a:schemeClr val="lt1"/>
                          </a:solidFill>
                          <a:latin typeface="Arial" panose="020B0604020202020204"/>
                        </a:defRPr>
                      </a:lvl1pPr>
                      <a:lvl2pPr marL="457200" algn="l" defTabSz="914400" rtl="0" eaLnBrk="1" latinLnBrk="0" hangingPunct="1">
                        <a:defRPr sz="1800" b="1" kern="1200">
                          <a:solidFill>
                            <a:schemeClr val="lt1"/>
                          </a:solidFill>
                          <a:latin typeface="Arial" panose="020B0604020202020204"/>
                        </a:defRPr>
                      </a:lvl2pPr>
                      <a:lvl3pPr marL="914400" algn="l" defTabSz="914400" rtl="0" eaLnBrk="1" latinLnBrk="0" hangingPunct="1">
                        <a:defRPr sz="1800" b="1" kern="1200">
                          <a:solidFill>
                            <a:schemeClr val="lt1"/>
                          </a:solidFill>
                          <a:latin typeface="Arial" panose="020B0604020202020204"/>
                        </a:defRPr>
                      </a:lvl3pPr>
                      <a:lvl4pPr marL="1371600" algn="l" defTabSz="914400" rtl="0" eaLnBrk="1" latinLnBrk="0" hangingPunct="1">
                        <a:defRPr sz="1800" b="1" kern="1200">
                          <a:solidFill>
                            <a:schemeClr val="lt1"/>
                          </a:solidFill>
                          <a:latin typeface="Arial" panose="020B0604020202020204"/>
                        </a:defRPr>
                      </a:lvl4pPr>
                      <a:lvl5pPr marL="1828800" algn="l" defTabSz="914400" rtl="0" eaLnBrk="1" latinLnBrk="0" hangingPunct="1">
                        <a:defRPr sz="1800" b="1" kern="1200">
                          <a:solidFill>
                            <a:schemeClr val="lt1"/>
                          </a:solidFill>
                          <a:latin typeface="Arial" panose="020B0604020202020204"/>
                        </a:defRPr>
                      </a:lvl5pPr>
                      <a:lvl6pPr marL="2286000" algn="l" defTabSz="914400" rtl="0" eaLnBrk="1" latinLnBrk="0" hangingPunct="1">
                        <a:defRPr sz="1800" b="1" kern="1200">
                          <a:solidFill>
                            <a:schemeClr val="lt1"/>
                          </a:solidFill>
                          <a:latin typeface="Arial" panose="020B0604020202020204"/>
                        </a:defRPr>
                      </a:lvl6pPr>
                      <a:lvl7pPr marL="2743200" algn="l" defTabSz="914400" rtl="0" eaLnBrk="1" latinLnBrk="0" hangingPunct="1">
                        <a:defRPr sz="1800" b="1" kern="1200">
                          <a:solidFill>
                            <a:schemeClr val="lt1"/>
                          </a:solidFill>
                          <a:latin typeface="Arial" panose="020B0604020202020204"/>
                        </a:defRPr>
                      </a:lvl7pPr>
                      <a:lvl8pPr marL="3200400" algn="l" defTabSz="914400" rtl="0" eaLnBrk="1" latinLnBrk="0" hangingPunct="1">
                        <a:defRPr sz="1800" b="1" kern="1200">
                          <a:solidFill>
                            <a:schemeClr val="lt1"/>
                          </a:solidFill>
                          <a:latin typeface="Arial" panose="020B0604020202020204"/>
                        </a:defRPr>
                      </a:lvl8pPr>
                      <a:lvl9pPr marL="3657600" algn="l" defTabSz="914400" rtl="0" eaLnBrk="1" latinLnBrk="0" hangingPunct="1">
                        <a:defRPr sz="1800" b="1" kern="1200">
                          <a:solidFill>
                            <a:schemeClr val="lt1"/>
                          </a:solidFill>
                          <a:latin typeface="Arial" panose="020B0604020202020204"/>
                        </a:defRPr>
                      </a:lvl9pPr>
                    </a:lstStyle>
                    <a:p>
                      <a:pPr algn="ctr"/>
                      <a:r>
                        <a:rPr lang="en-US" sz="750" b="1" spc="50" baseline="0">
                          <a:solidFill>
                            <a:schemeClr val="tx1"/>
                          </a:solidFill>
                          <a:latin typeface="+mj-lt"/>
                          <a:ea typeface="Open Sans" panose="020B0606030504020204" pitchFamily="34" charset="0"/>
                          <a:cs typeface="Open Sans" panose="020B0606030504020204" pitchFamily="34" charset="0"/>
                        </a:rPr>
                        <a:t>2026</a:t>
                      </a:r>
                    </a:p>
                  </a:txBody>
                  <a:tcPr marL="0" marR="0" marT="0" marB="0" anchor="ctr">
                    <a:lnL w="12700" cap="flat" cmpd="sng" algn="ctr">
                      <a:solidFill>
                        <a:schemeClr val="bg1">
                          <a:lumMod val="75000"/>
                        </a:schemeClr>
                      </a:solidFill>
                      <a:prstDash val="sysDot"/>
                      <a:round/>
                      <a:headEnd type="none" w="med" len="med"/>
                      <a:tailEnd type="none" w="med" len="med"/>
                    </a:lnL>
                    <a:lnR w="12700" cap="flat" cmpd="sng" algn="ctr">
                      <a:solidFill>
                        <a:schemeClr val="bg1">
                          <a:lumMod val="75000"/>
                        </a:schemeClr>
                      </a:solidFill>
                      <a:prstDash val="sysDot"/>
                      <a:round/>
                      <a:headEnd type="none" w="med" len="med"/>
                      <a:tailEnd type="none" w="med" len="med"/>
                    </a:lnR>
                    <a:lnT w="12700" cap="flat" cmpd="sng" algn="ctr">
                      <a:noFill/>
                      <a:prstDash val="sysDot"/>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gridSpan="12">
                  <a:txBody>
                    <a:bodyPr/>
                    <a:lstStyle>
                      <a:lvl1pPr marL="0" algn="l" defTabSz="914400" rtl="0" eaLnBrk="1" latinLnBrk="0" hangingPunct="1">
                        <a:defRPr sz="1800" b="1" kern="1200">
                          <a:solidFill>
                            <a:schemeClr val="lt1"/>
                          </a:solidFill>
                          <a:latin typeface="Arial" panose="020B0604020202020204"/>
                        </a:defRPr>
                      </a:lvl1pPr>
                      <a:lvl2pPr marL="457200" algn="l" defTabSz="914400" rtl="0" eaLnBrk="1" latinLnBrk="0" hangingPunct="1">
                        <a:defRPr sz="1800" b="1" kern="1200">
                          <a:solidFill>
                            <a:schemeClr val="lt1"/>
                          </a:solidFill>
                          <a:latin typeface="Arial" panose="020B0604020202020204"/>
                        </a:defRPr>
                      </a:lvl2pPr>
                      <a:lvl3pPr marL="914400" algn="l" defTabSz="914400" rtl="0" eaLnBrk="1" latinLnBrk="0" hangingPunct="1">
                        <a:defRPr sz="1800" b="1" kern="1200">
                          <a:solidFill>
                            <a:schemeClr val="lt1"/>
                          </a:solidFill>
                          <a:latin typeface="Arial" panose="020B0604020202020204"/>
                        </a:defRPr>
                      </a:lvl3pPr>
                      <a:lvl4pPr marL="1371600" algn="l" defTabSz="914400" rtl="0" eaLnBrk="1" latinLnBrk="0" hangingPunct="1">
                        <a:defRPr sz="1800" b="1" kern="1200">
                          <a:solidFill>
                            <a:schemeClr val="lt1"/>
                          </a:solidFill>
                          <a:latin typeface="Arial" panose="020B0604020202020204"/>
                        </a:defRPr>
                      </a:lvl4pPr>
                      <a:lvl5pPr marL="1828800" algn="l" defTabSz="914400" rtl="0" eaLnBrk="1" latinLnBrk="0" hangingPunct="1">
                        <a:defRPr sz="1800" b="1" kern="1200">
                          <a:solidFill>
                            <a:schemeClr val="lt1"/>
                          </a:solidFill>
                          <a:latin typeface="Arial" panose="020B0604020202020204"/>
                        </a:defRPr>
                      </a:lvl5pPr>
                      <a:lvl6pPr marL="2286000" algn="l" defTabSz="914400" rtl="0" eaLnBrk="1" latinLnBrk="0" hangingPunct="1">
                        <a:defRPr sz="1800" b="1" kern="1200">
                          <a:solidFill>
                            <a:schemeClr val="lt1"/>
                          </a:solidFill>
                          <a:latin typeface="Arial" panose="020B0604020202020204"/>
                        </a:defRPr>
                      </a:lvl6pPr>
                      <a:lvl7pPr marL="2743200" algn="l" defTabSz="914400" rtl="0" eaLnBrk="1" latinLnBrk="0" hangingPunct="1">
                        <a:defRPr sz="1800" b="1" kern="1200">
                          <a:solidFill>
                            <a:schemeClr val="lt1"/>
                          </a:solidFill>
                          <a:latin typeface="Arial" panose="020B0604020202020204"/>
                        </a:defRPr>
                      </a:lvl7pPr>
                      <a:lvl8pPr marL="3200400" algn="l" defTabSz="914400" rtl="0" eaLnBrk="1" latinLnBrk="0" hangingPunct="1">
                        <a:defRPr sz="1800" b="1" kern="1200">
                          <a:solidFill>
                            <a:schemeClr val="lt1"/>
                          </a:solidFill>
                          <a:latin typeface="Arial" panose="020B0604020202020204"/>
                        </a:defRPr>
                      </a:lvl8pPr>
                      <a:lvl9pPr marL="3657600" algn="l" defTabSz="914400" rtl="0" eaLnBrk="1" latinLnBrk="0" hangingPunct="1">
                        <a:defRPr sz="1800" b="1" kern="1200">
                          <a:solidFill>
                            <a:schemeClr val="lt1"/>
                          </a:solidFill>
                          <a:latin typeface="Arial" panose="020B0604020202020204"/>
                        </a:defRPr>
                      </a:lvl9pPr>
                    </a:lstStyle>
                    <a:p>
                      <a:pPr algn="ctr"/>
                      <a:r>
                        <a:rPr lang="en-US" sz="750" b="1" spc="50" baseline="0">
                          <a:solidFill>
                            <a:schemeClr val="tx1"/>
                          </a:solidFill>
                          <a:latin typeface="+mj-lt"/>
                          <a:ea typeface="Open Sans" panose="020B0606030504020204" pitchFamily="34" charset="0"/>
                          <a:cs typeface="Open Sans" panose="020B0606030504020204" pitchFamily="34" charset="0"/>
                        </a:rPr>
                        <a:t>2027</a:t>
                      </a:r>
                    </a:p>
                  </a:txBody>
                  <a:tcPr marL="0" marR="0" marT="0" marB="0" anchor="ctr">
                    <a:lnL w="12700" cap="flat" cmpd="sng" algn="ctr">
                      <a:solidFill>
                        <a:schemeClr val="bg1">
                          <a:lumMod val="75000"/>
                        </a:schemeClr>
                      </a:solidFill>
                      <a:prstDash val="sysDot"/>
                      <a:round/>
                      <a:headEnd type="none" w="med" len="med"/>
                      <a:tailEnd type="none" w="med" len="med"/>
                    </a:lnL>
                    <a:lnR w="12700" cap="flat" cmpd="sng" algn="ctr">
                      <a:solidFill>
                        <a:schemeClr val="bg1">
                          <a:lumMod val="75000"/>
                        </a:schemeClr>
                      </a:solidFill>
                      <a:prstDash val="sysDot"/>
                      <a:round/>
                      <a:headEnd type="none" w="med" len="med"/>
                      <a:tailEnd type="none" w="med" len="med"/>
                    </a:lnR>
                    <a:lnT w="12700" cap="flat" cmpd="sng" algn="ctr">
                      <a:noFill/>
                      <a:prstDash val="sysDot"/>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0">
                        <a:solidFill>
                          <a:schemeClr val="tx1"/>
                        </a:solidFill>
                        <a:latin typeface="Calibri" panose="020F0502020204030204" pitchFamily="34" charset="0"/>
                        <a:ea typeface="Open Sans" charset="0"/>
                        <a:cs typeface="Calibri" panose="020F0502020204030204" pitchFamily="34" charset="0"/>
                      </a:endParaRPr>
                    </a:p>
                  </a:txBody>
                  <a:tcPr marL="47312" marR="47312" marT="47312" marB="47312" vert="vert270" anchor="ctr">
                    <a:lnL w="9525" cap="flat" cmpd="sng" algn="ctr">
                      <a:solidFill>
                        <a:schemeClr val="bg1">
                          <a:lumMod val="65000"/>
                        </a:schemeClr>
                      </a:solidFill>
                      <a:prstDash val="sysDot"/>
                      <a:round/>
                      <a:headEnd type="none" w="med" len="med"/>
                      <a:tailEnd type="none" w="med" len="med"/>
                    </a:lnL>
                    <a:lnR w="9525" cap="flat" cmpd="sng" algn="ctr">
                      <a:solidFill>
                        <a:schemeClr val="bg1">
                          <a:lumMod val="65000"/>
                        </a:schemeClr>
                      </a:solidFill>
                      <a:prstDash val="sysDot"/>
                      <a:round/>
                      <a:headEnd type="none" w="med" len="med"/>
                      <a:tailEnd type="none" w="med" len="med"/>
                    </a:lnR>
                    <a:lnT w="3175" cap="flat" cmpd="sng" algn="ctr">
                      <a:solidFill>
                        <a:schemeClr val="tx1"/>
                      </a:solidFill>
                      <a:prstDash val="solid"/>
                      <a:round/>
                      <a:headEnd type="none" w="med" len="med"/>
                      <a:tailEnd type="none" w="med" len="med"/>
                    </a:lnT>
                    <a:lnB w="9525" cap="flat" cmpd="sng" algn="ctr">
                      <a:solidFill>
                        <a:schemeClr val="bg1">
                          <a:lumMod val="65000"/>
                        </a:schemeClr>
                      </a:solidFill>
                      <a:prstDash val="sysDot"/>
                      <a:round/>
                      <a:headEnd type="none" w="med" len="med"/>
                      <a:tailEnd type="none" w="med" len="med"/>
                    </a:lnB>
                    <a:lnTlToBr w="12700" cmpd="sng">
                      <a:noFill/>
                      <a:prstDash val="solid"/>
                    </a:lnTlToBr>
                    <a:lnBlToTr w="12700" cmpd="sng">
                      <a:noFill/>
                      <a:prstDash val="solid"/>
                    </a:lnBlToTr>
                    <a:solidFill>
                      <a:schemeClr val="bg1">
                        <a:lumMod val="85000"/>
                      </a:schemeClr>
                    </a:solidFill>
                  </a:tcPr>
                </a:tc>
                <a:tc hMerge="1">
                  <a:txBody>
                    <a:bodyPr/>
                    <a:lstStyle/>
                    <a:p>
                      <a:pPr algn="ctr"/>
                      <a:endParaRPr lang="en-US" sz="1000" b="1" spc="50" baseline="0">
                        <a:solidFill>
                          <a:schemeClr val="tx1"/>
                        </a:solidFill>
                        <a:latin typeface="+mn-lt"/>
                        <a:ea typeface="Open Sans" panose="020B0606030504020204" pitchFamily="34" charset="0"/>
                        <a:cs typeface="Open Sans" panose="020B0606030504020204" pitchFamily="34" charset="0"/>
                      </a:endParaRPr>
                    </a:p>
                  </a:txBody>
                  <a:tcPr marL="47312" marR="47312" marT="47312" marB="47312"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1" spc="50" baseline="0">
                        <a:solidFill>
                          <a:schemeClr val="tx1"/>
                        </a:solidFill>
                        <a:latin typeface="+mn-lt"/>
                        <a:ea typeface="Open Sans" panose="020B0606030504020204" pitchFamily="34" charset="0"/>
                        <a:cs typeface="Open Sans" panose="020B0606030504020204" pitchFamily="34" charset="0"/>
                      </a:endParaRPr>
                    </a:p>
                  </a:txBody>
                  <a:tcPr marL="47312" marR="47312" marT="47312" marB="47312"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1" spc="50" baseline="0">
                        <a:solidFill>
                          <a:schemeClr val="tx1"/>
                        </a:solidFill>
                        <a:latin typeface="+mn-lt"/>
                        <a:ea typeface="Open Sans" panose="020B0606030504020204" pitchFamily="34" charset="0"/>
                        <a:cs typeface="Open Sans" panose="020B0606030504020204" pitchFamily="34" charset="0"/>
                      </a:endParaRPr>
                    </a:p>
                  </a:txBody>
                  <a:tcPr marL="47312" marR="47312" marT="47312" marB="47312"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1" spc="50" baseline="0">
                        <a:solidFill>
                          <a:schemeClr val="tx1"/>
                        </a:solidFill>
                        <a:latin typeface="+mn-lt"/>
                        <a:ea typeface="Open Sans" panose="020B0606030504020204" pitchFamily="34" charset="0"/>
                        <a:cs typeface="Open Sans" panose="020B0606030504020204" pitchFamily="34" charset="0"/>
                      </a:endParaRPr>
                    </a:p>
                  </a:txBody>
                  <a:tcPr marL="47312" marR="47312" marT="47312" marB="47312"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1" spc="50" baseline="0">
                        <a:solidFill>
                          <a:schemeClr val="tx1"/>
                        </a:solidFill>
                        <a:latin typeface="+mn-lt"/>
                        <a:ea typeface="Open Sans" panose="020B0606030504020204" pitchFamily="34" charset="0"/>
                        <a:cs typeface="Open Sans" panose="020B0606030504020204" pitchFamily="34" charset="0"/>
                      </a:endParaRPr>
                    </a:p>
                  </a:txBody>
                  <a:tcPr marL="47312" marR="47312" marT="47312" marB="47312"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1" spc="50" baseline="0">
                        <a:solidFill>
                          <a:schemeClr val="tx1"/>
                        </a:solidFill>
                        <a:latin typeface="+mn-lt"/>
                        <a:ea typeface="Open Sans" panose="020B0606030504020204" pitchFamily="34" charset="0"/>
                        <a:cs typeface="Open Sans" panose="020B0606030504020204" pitchFamily="34" charset="0"/>
                      </a:endParaRPr>
                    </a:p>
                  </a:txBody>
                  <a:tcPr marL="47312" marR="47312" marT="47312" marB="47312"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1" spc="50" baseline="0">
                        <a:solidFill>
                          <a:schemeClr val="tx1"/>
                        </a:solidFill>
                        <a:latin typeface="+mn-lt"/>
                        <a:ea typeface="Open Sans" panose="020B0606030504020204" pitchFamily="34" charset="0"/>
                        <a:cs typeface="Open Sans" panose="020B0606030504020204" pitchFamily="34" charset="0"/>
                      </a:endParaRPr>
                    </a:p>
                  </a:txBody>
                  <a:tcPr marL="47312" marR="47312" marT="47312" marB="47312"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1" spc="50" baseline="0">
                        <a:solidFill>
                          <a:schemeClr val="tx1"/>
                        </a:solidFill>
                        <a:latin typeface="+mn-lt"/>
                        <a:ea typeface="Open Sans" panose="020B0606030504020204" pitchFamily="34" charset="0"/>
                        <a:cs typeface="Open Sans" panose="020B0606030504020204" pitchFamily="34" charset="0"/>
                      </a:endParaRPr>
                    </a:p>
                  </a:txBody>
                  <a:tcPr marL="47312" marR="47312" marT="47312" marB="47312"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1000" b="1" spc="50" baseline="0">
                        <a:solidFill>
                          <a:schemeClr val="tx1"/>
                        </a:solidFill>
                        <a:latin typeface="+mn-lt"/>
                        <a:ea typeface="Open Sans" panose="020B0606030504020204" pitchFamily="34" charset="0"/>
                        <a:cs typeface="Open Sans" panose="020B0606030504020204" pitchFamily="34" charset="0"/>
                      </a:endParaRPr>
                    </a:p>
                  </a:txBody>
                  <a:tcPr marL="47312" marR="47312" marT="47312" marB="47312"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gridSpan="12">
                  <a:txBody>
                    <a:bodyPr/>
                    <a:lstStyle/>
                    <a:p>
                      <a:pPr algn="ctr"/>
                      <a:r>
                        <a:rPr lang="en-US" sz="750" b="1" spc="50" baseline="0">
                          <a:solidFill>
                            <a:schemeClr val="tx1"/>
                          </a:solidFill>
                          <a:latin typeface="+mj-lt"/>
                          <a:ea typeface="Open Sans" panose="020B0606030504020204" pitchFamily="34" charset="0"/>
                          <a:cs typeface="Open Sans" panose="020B0606030504020204" pitchFamily="34" charset="0"/>
                        </a:rPr>
                        <a:t>2028</a:t>
                      </a:r>
                    </a:p>
                  </a:txBody>
                  <a:tcPr marL="0" marR="0" marT="0" marB="0" anchor="ctr">
                    <a:lnL w="12700" cap="flat" cmpd="sng" algn="ctr">
                      <a:solidFill>
                        <a:schemeClr val="bg1">
                          <a:lumMod val="75000"/>
                        </a:schemeClr>
                      </a:solidFill>
                      <a:prstDash val="sysDot"/>
                      <a:round/>
                      <a:headEnd type="none" w="med" len="med"/>
                      <a:tailEnd type="none" w="med" len="med"/>
                    </a:lnL>
                    <a:lnR w="12700" cap="flat" cmpd="sng" algn="ctr">
                      <a:solidFill>
                        <a:schemeClr val="bg1">
                          <a:lumMod val="75000"/>
                        </a:schemeClr>
                      </a:solidFill>
                      <a:prstDash val="sysDot"/>
                      <a:round/>
                      <a:headEnd type="none" w="med" len="med"/>
                      <a:tailEnd type="none" w="med" len="med"/>
                    </a:lnR>
                    <a:lnT w="12700" cap="flat" cmpd="sng" algn="ctr">
                      <a:noFill/>
                      <a:prstDash val="sysDot"/>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9050" cap="flat" cmpd="sng" algn="ctr">
                      <a:no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gridSpan="3">
                  <a:txBody>
                    <a:bodyPr/>
                    <a:lstStyle/>
                    <a:p>
                      <a:pPr algn="ctr"/>
                      <a:r>
                        <a:rPr lang="en-US" sz="750" b="1" spc="50" baseline="0">
                          <a:solidFill>
                            <a:schemeClr val="tx1"/>
                          </a:solidFill>
                          <a:latin typeface="+mj-lt"/>
                          <a:ea typeface="Open Sans" panose="020B0606030504020204" pitchFamily="34" charset="0"/>
                          <a:cs typeface="Open Sans" panose="020B0606030504020204" pitchFamily="34" charset="0"/>
                        </a:rPr>
                        <a:t>2029</a:t>
                      </a:r>
                    </a:p>
                  </a:txBody>
                  <a:tcPr marL="0" marR="0" marT="0" marB="0" anchor="ctr">
                    <a:lnL w="12700" cap="flat" cmpd="sng" algn="ctr">
                      <a:solidFill>
                        <a:schemeClr val="bg1">
                          <a:lumMod val="75000"/>
                        </a:schemeClr>
                      </a:solidFill>
                      <a:prstDash val="sysDot"/>
                      <a:round/>
                      <a:headEnd type="none" w="med" len="med"/>
                      <a:tailEnd type="none" w="med" len="med"/>
                    </a:lnL>
                    <a:lnR w="19050" cap="flat" cmpd="sng" algn="ctr">
                      <a:noFill/>
                      <a:prstDash val="sysDot"/>
                      <a:round/>
                      <a:headEnd type="none" w="med" len="med"/>
                      <a:tailEnd type="none" w="med" len="med"/>
                    </a:lnR>
                    <a:lnT w="12700" cap="flat" cmpd="sng" algn="ctr">
                      <a:noFill/>
                      <a:prstDash val="sysDot"/>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2700" cap="flat" cmpd="sng" algn="ctr">
                      <a:solidFill>
                        <a:srgbClr val="000000">
                          <a:lumMod val="75000"/>
                          <a:lumOff val="25000"/>
                        </a:srgb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sz="800" b="1" spc="50" baseline="0">
                        <a:solidFill>
                          <a:schemeClr val="tx1"/>
                        </a:solidFill>
                        <a:latin typeface="+mn-lt"/>
                        <a:ea typeface="Open Sans" panose="020B0606030504020204" pitchFamily="34" charset="0"/>
                        <a:cs typeface="Open Sans" panose="020B0606030504020204" pitchFamily="34" charset="0"/>
                      </a:endParaRPr>
                    </a:p>
                  </a:txBody>
                  <a:tcPr marL="0" marR="0" marT="0" marB="0" anchor="ctr">
                    <a:lnL w="12700" cap="flat" cmpd="sng" algn="ctr">
                      <a:solidFill>
                        <a:srgbClr val="000000">
                          <a:lumMod val="75000"/>
                          <a:lumOff val="25000"/>
                        </a:srgbClr>
                      </a:solidFill>
                      <a:prstDash val="sysDot"/>
                      <a:round/>
                      <a:headEnd type="none" w="med" len="med"/>
                      <a:tailEnd type="none" w="med" len="med"/>
                    </a:lnL>
                    <a:lnR w="19050" cap="flat" cmpd="sng" algn="ctr">
                      <a:no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105620927"/>
                  </a:ext>
                </a:extLst>
              </a:tr>
              <a:tr h="175864">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S</a:t>
                      </a:r>
                    </a:p>
                  </a:txBody>
                  <a:tcPr marL="47312" marR="47312" marT="0" marB="0" anchor="ctr">
                    <a:lnL w="12700" cap="flat" cmpd="sng" algn="ctr">
                      <a:no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p>
                      <a:pPr algn="ctr"/>
                      <a:r>
                        <a:rPr lang="en-US" sz="650" b="1">
                          <a:solidFill>
                            <a:schemeClr val="tx1"/>
                          </a:solidFill>
                          <a:latin typeface="+mn-lt"/>
                          <a:ea typeface="Open Sans" panose="020B0606030504020204" pitchFamily="34" charset="0"/>
                          <a:cs typeface="Open Sans" panose="020B0606030504020204" pitchFamily="34" charset="0"/>
                        </a:rPr>
                        <a:t>O</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p>
                      <a:pPr algn="ctr"/>
                      <a:r>
                        <a:rPr lang="en-US" sz="650" b="1">
                          <a:solidFill>
                            <a:schemeClr val="tx1"/>
                          </a:solidFill>
                          <a:latin typeface="+mn-lt"/>
                          <a:ea typeface="Open Sans" panose="020B0606030504020204" pitchFamily="34" charset="0"/>
                          <a:cs typeface="Open Sans" panose="020B0606030504020204" pitchFamily="34" charset="0"/>
                        </a:rPr>
                        <a:t>N</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D</a:t>
                      </a:r>
                    </a:p>
                  </a:txBody>
                  <a:tcPr marL="47312" marR="47312" marT="0" marB="0" anchor="ctr">
                    <a:lnL w="6350" cap="flat" cmpd="sng" algn="ctr">
                      <a:solidFill>
                        <a:schemeClr val="bg1">
                          <a:lumMod val="85000"/>
                        </a:schemeClr>
                      </a:solidFill>
                      <a:prstDash val="sysDot"/>
                      <a:round/>
                      <a:headEnd type="none" w="med" len="med"/>
                      <a:tailEnd type="none" w="med" len="med"/>
                    </a:lnL>
                    <a:lnR w="12700" cap="flat" cmpd="sng" algn="ctr">
                      <a:solidFill>
                        <a:schemeClr val="bg1">
                          <a:lumMod val="7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12700" cap="flat" cmpd="sng" algn="ctr">
                      <a:solidFill>
                        <a:schemeClr val="bg1">
                          <a:lumMod val="7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F</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M</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A</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M</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A</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S</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O</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N</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D</a:t>
                      </a:r>
                    </a:p>
                  </a:txBody>
                  <a:tcPr marL="47312" marR="47312" marT="0" marB="0" anchor="ctr">
                    <a:lnL w="6350" cap="flat" cmpd="sng" algn="ctr">
                      <a:solidFill>
                        <a:schemeClr val="bg1">
                          <a:lumMod val="85000"/>
                        </a:schemeClr>
                      </a:solidFill>
                      <a:prstDash val="sysDot"/>
                      <a:round/>
                      <a:headEnd type="none" w="med" len="med"/>
                      <a:tailEnd type="none" w="med" len="med"/>
                    </a:lnL>
                    <a:lnR w="12700" cap="flat" cmpd="sng" algn="ctr">
                      <a:solidFill>
                        <a:schemeClr val="bg1">
                          <a:lumMod val="7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12700" cap="flat" cmpd="sng" algn="ctr">
                      <a:solidFill>
                        <a:schemeClr val="bg1">
                          <a:lumMod val="7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F</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M</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A</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M</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A</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S</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O</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N</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D</a:t>
                      </a:r>
                    </a:p>
                  </a:txBody>
                  <a:tcPr marL="47312" marR="47312" marT="0" marB="0" anchor="ctr">
                    <a:lnL w="6350" cap="flat" cmpd="sng" algn="ctr">
                      <a:solidFill>
                        <a:schemeClr val="bg1">
                          <a:lumMod val="85000"/>
                        </a:schemeClr>
                      </a:solidFill>
                      <a:prstDash val="sysDot"/>
                      <a:round/>
                      <a:headEnd type="none" w="med" len="med"/>
                      <a:tailEnd type="none" w="med" len="med"/>
                    </a:lnL>
                    <a:lnR w="12700" cap="flat" cmpd="sng" algn="ctr">
                      <a:solidFill>
                        <a:schemeClr val="bg1">
                          <a:lumMod val="7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12700" cap="flat" cmpd="sng" algn="ctr">
                      <a:solidFill>
                        <a:schemeClr val="bg1">
                          <a:lumMod val="7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F</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M</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A</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M</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A</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S</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O</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lvl1pPr marL="0" algn="l" defTabSz="914400" rtl="0" eaLnBrk="1" latinLnBrk="0" hangingPunct="1">
                        <a:defRPr sz="1800" kern="1200">
                          <a:solidFill>
                            <a:schemeClr val="dk1"/>
                          </a:solidFill>
                          <a:latin typeface="Open Sans"/>
                        </a:defRPr>
                      </a:lvl1pPr>
                      <a:lvl2pPr marL="457200" algn="l" defTabSz="914400" rtl="0" eaLnBrk="1" latinLnBrk="0" hangingPunct="1">
                        <a:defRPr sz="1800" kern="1200">
                          <a:solidFill>
                            <a:schemeClr val="dk1"/>
                          </a:solidFill>
                          <a:latin typeface="Open Sans"/>
                        </a:defRPr>
                      </a:lvl2pPr>
                      <a:lvl3pPr marL="914400" algn="l" defTabSz="914400" rtl="0" eaLnBrk="1" latinLnBrk="0" hangingPunct="1">
                        <a:defRPr sz="1800" kern="1200">
                          <a:solidFill>
                            <a:schemeClr val="dk1"/>
                          </a:solidFill>
                          <a:latin typeface="Open Sans"/>
                        </a:defRPr>
                      </a:lvl3pPr>
                      <a:lvl4pPr marL="1371600" algn="l" defTabSz="914400" rtl="0" eaLnBrk="1" latinLnBrk="0" hangingPunct="1">
                        <a:defRPr sz="1800" kern="1200">
                          <a:solidFill>
                            <a:schemeClr val="dk1"/>
                          </a:solidFill>
                          <a:latin typeface="Open Sans"/>
                        </a:defRPr>
                      </a:lvl4pPr>
                      <a:lvl5pPr marL="1828800" algn="l" defTabSz="914400" rtl="0" eaLnBrk="1" latinLnBrk="0" hangingPunct="1">
                        <a:defRPr sz="1800" kern="1200">
                          <a:solidFill>
                            <a:schemeClr val="dk1"/>
                          </a:solidFill>
                          <a:latin typeface="Open Sans"/>
                        </a:defRPr>
                      </a:lvl5pPr>
                      <a:lvl6pPr marL="2286000" algn="l" defTabSz="914400" rtl="0" eaLnBrk="1" latinLnBrk="0" hangingPunct="1">
                        <a:defRPr sz="1800" kern="1200">
                          <a:solidFill>
                            <a:schemeClr val="dk1"/>
                          </a:solidFill>
                          <a:latin typeface="Open Sans"/>
                        </a:defRPr>
                      </a:lvl6pPr>
                      <a:lvl7pPr marL="2743200" algn="l" defTabSz="914400" rtl="0" eaLnBrk="1" latinLnBrk="0" hangingPunct="1">
                        <a:defRPr sz="1800" kern="1200">
                          <a:solidFill>
                            <a:schemeClr val="dk1"/>
                          </a:solidFill>
                          <a:latin typeface="Open Sans"/>
                        </a:defRPr>
                      </a:lvl7pPr>
                      <a:lvl8pPr marL="3200400" algn="l" defTabSz="914400" rtl="0" eaLnBrk="1" latinLnBrk="0" hangingPunct="1">
                        <a:defRPr sz="1800" kern="1200">
                          <a:solidFill>
                            <a:schemeClr val="dk1"/>
                          </a:solidFill>
                          <a:latin typeface="Open Sans"/>
                        </a:defRPr>
                      </a:lvl8pPr>
                      <a:lvl9pPr marL="3657600" algn="l" defTabSz="914400" rtl="0" eaLnBrk="1" latinLnBrk="0" hangingPunct="1">
                        <a:defRPr sz="1800" kern="1200">
                          <a:solidFill>
                            <a:schemeClr val="dk1"/>
                          </a:solidFill>
                          <a:latin typeface="Open Sans"/>
                        </a:defRPr>
                      </a:lvl9pPr>
                    </a:lstStyle>
                    <a:p>
                      <a:pPr algn="ctr"/>
                      <a:r>
                        <a:rPr lang="en-US" sz="650" b="1">
                          <a:solidFill>
                            <a:schemeClr val="tx1"/>
                          </a:solidFill>
                          <a:latin typeface="+mn-lt"/>
                          <a:ea typeface="Open Sans" panose="020B0606030504020204" pitchFamily="34" charset="0"/>
                          <a:cs typeface="Open Sans" panose="020B0606030504020204" pitchFamily="34" charset="0"/>
                        </a:rPr>
                        <a:t>N</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p>
                      <a:pPr algn="ctr"/>
                      <a:r>
                        <a:rPr lang="en-US" sz="650" b="1">
                          <a:solidFill>
                            <a:schemeClr val="tx1"/>
                          </a:solidFill>
                          <a:latin typeface="+mn-lt"/>
                          <a:ea typeface="Open Sans" panose="020B0606030504020204" pitchFamily="34" charset="0"/>
                          <a:cs typeface="Open Sans" panose="020B0606030504020204" pitchFamily="34" charset="0"/>
                        </a:rPr>
                        <a:t>D</a:t>
                      </a:r>
                    </a:p>
                  </a:txBody>
                  <a:tcPr marL="47312" marR="47312" marT="0" marB="0" anchor="ctr">
                    <a:lnL w="6350" cap="flat" cmpd="sng" algn="ctr">
                      <a:solidFill>
                        <a:schemeClr val="bg1">
                          <a:lumMod val="85000"/>
                        </a:schemeClr>
                      </a:solidFill>
                      <a:prstDash val="sysDot"/>
                      <a:round/>
                      <a:headEnd type="none" w="med" len="med"/>
                      <a:tailEnd type="none" w="med" len="med"/>
                    </a:lnL>
                    <a:lnR w="12700" cap="flat" cmpd="sng" algn="ctr">
                      <a:solidFill>
                        <a:schemeClr val="bg1">
                          <a:lumMod val="7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p>
                      <a:pPr algn="ctr"/>
                      <a:r>
                        <a:rPr lang="en-US" sz="650" b="1">
                          <a:solidFill>
                            <a:schemeClr val="tx1"/>
                          </a:solidFill>
                          <a:latin typeface="+mn-lt"/>
                          <a:ea typeface="Open Sans" panose="020B0606030504020204" pitchFamily="34" charset="0"/>
                          <a:cs typeface="Open Sans" panose="020B0606030504020204" pitchFamily="34" charset="0"/>
                        </a:rPr>
                        <a:t>J</a:t>
                      </a:r>
                    </a:p>
                  </a:txBody>
                  <a:tcPr marL="47312" marR="47312" marT="0" marB="0" anchor="ctr">
                    <a:lnL w="12700" cap="flat" cmpd="sng" algn="ctr">
                      <a:solidFill>
                        <a:schemeClr val="bg1">
                          <a:lumMod val="7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p>
                      <a:pPr algn="ctr"/>
                      <a:r>
                        <a:rPr lang="en-US" sz="650" b="1">
                          <a:solidFill>
                            <a:schemeClr val="tx1"/>
                          </a:solidFill>
                          <a:latin typeface="+mn-lt"/>
                          <a:ea typeface="Open Sans" panose="020B0606030504020204" pitchFamily="34" charset="0"/>
                          <a:cs typeface="Open Sans" panose="020B0606030504020204" pitchFamily="34" charset="0"/>
                        </a:rPr>
                        <a:t>F</a:t>
                      </a:r>
                    </a:p>
                  </a:txBody>
                  <a:tcPr marL="47312" marR="47312" marT="0" marB="0" anchor="ctr">
                    <a:lnL w="6350" cap="flat" cmpd="sng" algn="ctr">
                      <a:solidFill>
                        <a:schemeClr val="bg1">
                          <a:lumMod val="85000"/>
                        </a:schemeClr>
                      </a:solidFill>
                      <a:prstDash val="sysDot"/>
                      <a:round/>
                      <a:headEnd type="none" w="med" len="med"/>
                      <a:tailEnd type="none" w="med" len="med"/>
                    </a:lnL>
                    <a:lnR w="6350" cap="flat" cmpd="sng" algn="ctr">
                      <a:solidFill>
                        <a:schemeClr val="bg1">
                          <a:lumMod val="85000"/>
                        </a:schemeClr>
                      </a:solid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tc>
                  <a:txBody>
                    <a:bodyPr/>
                    <a:lstStyle/>
                    <a:p>
                      <a:pPr algn="ctr"/>
                      <a:r>
                        <a:rPr lang="en-US" sz="650" b="1">
                          <a:solidFill>
                            <a:schemeClr val="tx1"/>
                          </a:solidFill>
                          <a:latin typeface="+mn-lt"/>
                          <a:ea typeface="Open Sans" panose="020B0606030504020204" pitchFamily="34" charset="0"/>
                          <a:cs typeface="Open Sans" panose="020B0606030504020204" pitchFamily="34" charset="0"/>
                        </a:rPr>
                        <a:t>M</a:t>
                      </a:r>
                    </a:p>
                  </a:txBody>
                  <a:tcPr marL="47312" marR="47312" marT="0" marB="0" anchor="ctr">
                    <a:lnL w="6350" cap="flat" cmpd="sng" algn="ctr">
                      <a:solidFill>
                        <a:schemeClr val="bg1">
                          <a:lumMod val="85000"/>
                        </a:schemeClr>
                      </a:solidFill>
                      <a:prstDash val="sysDot"/>
                      <a:round/>
                      <a:headEnd type="none" w="med" len="med"/>
                      <a:tailEnd type="none" w="med" len="med"/>
                    </a:lnL>
                    <a:lnR w="19050" cap="flat" cmpd="sng" algn="ctr">
                      <a:noFill/>
                      <a:prstDash val="sysDot"/>
                      <a:round/>
                      <a:headEnd type="none" w="med" len="med"/>
                      <a:tailEnd type="none" w="med" len="med"/>
                    </a:lnR>
                    <a:lnT w="9525" cap="flat" cmpd="sng" algn="ctr">
                      <a:solidFill>
                        <a:schemeClr val="tx1"/>
                      </a:solidFill>
                      <a:prstDash val="solid"/>
                      <a:round/>
                      <a:headEnd type="none" w="med" len="med"/>
                      <a:tailEnd type="none" w="med" len="med"/>
                    </a:lnT>
                    <a:lnB w="9525" cap="flat" cmpd="sng" algn="ctr">
                      <a:noFill/>
                      <a:prstDash val="sysDot"/>
                      <a:round/>
                      <a:headEnd type="none" w="med" len="med"/>
                      <a:tailEnd type="none" w="med" len="med"/>
                    </a:lnB>
                    <a:lnTlToBr w="12700" cmpd="sng">
                      <a:noFill/>
                      <a:prstDash val="solid"/>
                    </a:lnTlToBr>
                    <a:lnBlToTr w="12700" cmpd="sng">
                      <a:noFill/>
                      <a:prstDash val="solid"/>
                    </a:lnBlToTr>
                    <a:solidFill>
                      <a:srgbClr val="FFFFFF">
                        <a:lumMod val="95000"/>
                      </a:srgbClr>
                    </a:solidFill>
                  </a:tcPr>
                </a:tc>
                <a:extLst>
                  <a:ext uri="{0D108BD9-81ED-4DB2-BD59-A6C34878D82A}">
                    <a16:rowId xmlns:a16="http://schemas.microsoft.com/office/drawing/2014/main" val="10002"/>
                  </a:ext>
                </a:extLst>
              </a:tr>
              <a:tr h="4543563">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1270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b="1">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12700" cap="flat" cmpd="sng" algn="ctr">
                      <a:solidFill>
                        <a:schemeClr val="tx1">
                          <a:lumMod val="25000"/>
                          <a:lumOff val="75000"/>
                        </a:schemeClr>
                      </a:solid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12700" cap="flat" cmpd="sng" algn="ctr">
                      <a:solidFill>
                        <a:schemeClr val="tx1">
                          <a:lumMod val="25000"/>
                          <a:lumOff val="75000"/>
                        </a:schemeClr>
                      </a:solid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u="sng">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b="1">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12700" cap="flat" cmpd="sng" algn="ctr">
                      <a:solidFill>
                        <a:schemeClr val="tx1">
                          <a:lumMod val="25000"/>
                          <a:lumOff val="75000"/>
                        </a:schemeClr>
                      </a:solid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12700" cap="flat" cmpd="sng" algn="ctr">
                      <a:solidFill>
                        <a:schemeClr val="tx1">
                          <a:lumMod val="25000"/>
                          <a:lumOff val="75000"/>
                        </a:schemeClr>
                      </a:solid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Arial" panose="020B0604020202020204"/>
                        </a:defRPr>
                      </a:lvl1pPr>
                      <a:lvl2pPr marL="457200" algn="l" defTabSz="914400" rtl="0" eaLnBrk="1" latinLnBrk="0" hangingPunct="1">
                        <a:defRPr sz="1800" kern="1200">
                          <a:solidFill>
                            <a:schemeClr val="dk1"/>
                          </a:solidFill>
                          <a:latin typeface="Arial" panose="020B0604020202020204"/>
                        </a:defRPr>
                      </a:lvl2pPr>
                      <a:lvl3pPr marL="914400" algn="l" defTabSz="914400" rtl="0" eaLnBrk="1" latinLnBrk="0" hangingPunct="1">
                        <a:defRPr sz="1800" kern="1200">
                          <a:solidFill>
                            <a:schemeClr val="dk1"/>
                          </a:solidFill>
                          <a:latin typeface="Arial" panose="020B0604020202020204"/>
                        </a:defRPr>
                      </a:lvl3pPr>
                      <a:lvl4pPr marL="1371600" algn="l" defTabSz="914400" rtl="0" eaLnBrk="1" latinLnBrk="0" hangingPunct="1">
                        <a:defRPr sz="1800" kern="1200">
                          <a:solidFill>
                            <a:schemeClr val="dk1"/>
                          </a:solidFill>
                          <a:latin typeface="Arial" panose="020B0604020202020204"/>
                        </a:defRPr>
                      </a:lvl4pPr>
                      <a:lvl5pPr marL="1828800" algn="l" defTabSz="914400" rtl="0" eaLnBrk="1" latinLnBrk="0" hangingPunct="1">
                        <a:defRPr sz="1800" kern="1200">
                          <a:solidFill>
                            <a:schemeClr val="dk1"/>
                          </a:solidFill>
                          <a:latin typeface="Arial" panose="020B0604020202020204"/>
                        </a:defRPr>
                      </a:lvl5pPr>
                      <a:lvl6pPr marL="2286000" algn="l" defTabSz="914400" rtl="0" eaLnBrk="1" latinLnBrk="0" hangingPunct="1">
                        <a:defRPr sz="1800" kern="1200">
                          <a:solidFill>
                            <a:schemeClr val="dk1"/>
                          </a:solidFill>
                          <a:latin typeface="Arial" panose="020B0604020202020204"/>
                        </a:defRPr>
                      </a:lvl6pPr>
                      <a:lvl7pPr marL="2743200" algn="l" defTabSz="914400" rtl="0" eaLnBrk="1" latinLnBrk="0" hangingPunct="1">
                        <a:defRPr sz="1800" kern="1200">
                          <a:solidFill>
                            <a:schemeClr val="dk1"/>
                          </a:solidFill>
                          <a:latin typeface="Arial" panose="020B0604020202020204"/>
                        </a:defRPr>
                      </a:lvl7pPr>
                      <a:lvl8pPr marL="3200400" algn="l" defTabSz="914400" rtl="0" eaLnBrk="1" latinLnBrk="0" hangingPunct="1">
                        <a:defRPr sz="1800" kern="1200">
                          <a:solidFill>
                            <a:schemeClr val="dk1"/>
                          </a:solidFill>
                          <a:latin typeface="Arial" panose="020B0604020202020204"/>
                        </a:defRPr>
                      </a:lvl8pPr>
                      <a:lvl9pPr marL="3657600" algn="l" defTabSz="914400" rtl="0" eaLnBrk="1" latinLnBrk="0" hangingPunct="1">
                        <a:defRPr sz="1800" kern="1200">
                          <a:solidFill>
                            <a:schemeClr val="dk1"/>
                          </a:solidFill>
                          <a:latin typeface="Arial" panose="020B0604020202020204"/>
                        </a:defRPr>
                      </a:lvl9p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12700" cap="flat" cmpd="sng" algn="ctr">
                      <a:solidFill>
                        <a:schemeClr val="tx1">
                          <a:lumMod val="25000"/>
                          <a:lumOff val="75000"/>
                        </a:schemeClr>
                      </a:solid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12700" cap="flat" cmpd="sng" algn="ctr">
                      <a:solidFill>
                        <a:schemeClr val="tx1">
                          <a:lumMod val="25000"/>
                          <a:lumOff val="75000"/>
                        </a:schemeClr>
                      </a:solid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12700" cap="flat" cmpd="sng" algn="ctr">
                      <a:solidFill>
                        <a:schemeClr val="tx1">
                          <a:lumMod val="25000"/>
                          <a:lumOff val="75000"/>
                        </a:schemeClr>
                      </a:solid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12700" cap="flat" cmpd="sng" algn="ctr">
                      <a:solidFill>
                        <a:schemeClr val="tx1">
                          <a:lumMod val="25000"/>
                          <a:lumOff val="75000"/>
                        </a:schemeClr>
                      </a:solid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63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500">
                        <a:solidFill>
                          <a:schemeClr val="tx1"/>
                        </a:solidFill>
                        <a:latin typeface="+mn-lt"/>
                        <a:ea typeface="Open Sans" charset="0"/>
                        <a:cs typeface="Calibri" panose="020F0502020204030204" pitchFamily="34" charset="0"/>
                      </a:endParaRPr>
                    </a:p>
                  </a:txBody>
                  <a:tcPr marL="48261" marR="48261" marT="24130" marB="24130">
                    <a:lnL w="6350" cap="flat" cmpd="sng" algn="ctr">
                      <a:noFill/>
                      <a:prstDash val="sysDot"/>
                      <a:round/>
                      <a:headEnd type="none" w="med" len="med"/>
                      <a:tailEnd type="none" w="med" len="med"/>
                    </a:lnL>
                    <a:lnR w="19050" cap="flat" cmpd="sng" algn="ctr">
                      <a:noFill/>
                      <a:prstDash val="sysDot"/>
                      <a:round/>
                      <a:headEnd type="none" w="med" len="med"/>
                      <a:tailEnd type="none" w="med" len="med"/>
                    </a:lnR>
                    <a:lnT w="9525" cap="flat" cmpd="sng" algn="ctr">
                      <a:noFill/>
                      <a:prstDash val="sysDot"/>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6"/>
                  </a:ext>
                </a:extLst>
              </a:tr>
            </a:tbl>
          </a:graphicData>
        </a:graphic>
      </p:graphicFrame>
      <p:sp>
        <p:nvSpPr>
          <p:cNvPr id="13" name="Rectangle 112">
            <a:extLst>
              <a:ext uri="{FF2B5EF4-FFF2-40B4-BE49-F238E27FC236}">
                <a16:creationId xmlns:a16="http://schemas.microsoft.com/office/drawing/2014/main" id="{A8620006-F616-A02A-FFA4-DD6402DC4821}"/>
              </a:ext>
            </a:extLst>
          </p:cNvPr>
          <p:cNvSpPr/>
          <p:nvPr/>
        </p:nvSpPr>
        <p:spPr bwMode="auto">
          <a:xfrm>
            <a:off x="1530773" y="3770926"/>
            <a:ext cx="3203780" cy="407644"/>
          </a:xfrm>
          <a:prstGeom prst="homePlate">
            <a:avLst/>
          </a:prstGeom>
          <a:solidFill>
            <a:schemeClr val="accent2"/>
          </a:solidFill>
          <a:ln w="12700" cap="flat" cmpd="sng" algn="ctr">
            <a:noFill/>
            <a:prstDash val="solid"/>
            <a:miter lim="800000"/>
          </a:ln>
          <a:effectLst/>
        </p:spPr>
        <p:txBody>
          <a:bodyPr rtlCol="0" anchor="ctr"/>
          <a:lstStyle/>
          <a:p>
            <a:pPr algn="ctr"/>
            <a:r>
              <a:rPr lang="en-US" sz="1200" b="1" kern="0">
                <a:solidFill>
                  <a:srgbClr val="FFFFFF"/>
                </a:solidFill>
                <a:ea typeface="Open Sans" panose="020B0606030504020204" pitchFamily="34" charset="0"/>
                <a:cs typeface="Open Sans" panose="020B0606030504020204" pitchFamily="34" charset="0"/>
              </a:rPr>
              <a:t>ARCHITECT &amp; CONFIGURE</a:t>
            </a:r>
          </a:p>
        </p:txBody>
      </p:sp>
      <p:sp>
        <p:nvSpPr>
          <p:cNvPr id="20" name="OTLSHAPE_M_eeaa39053b5e4b88af85da35e5397851_Date">
            <a:extLst>
              <a:ext uri="{FF2B5EF4-FFF2-40B4-BE49-F238E27FC236}">
                <a16:creationId xmlns:a16="http://schemas.microsoft.com/office/drawing/2014/main" id="{99D94654-820C-9769-47B7-9025A92EC83F}"/>
              </a:ext>
            </a:extLst>
          </p:cNvPr>
          <p:cNvSpPr txBox="1"/>
          <p:nvPr>
            <p:custDataLst>
              <p:tags r:id="rId1"/>
            </p:custDataLst>
          </p:nvPr>
        </p:nvSpPr>
        <p:spPr>
          <a:xfrm>
            <a:off x="9201494" y="4208408"/>
            <a:ext cx="685800" cy="184666"/>
          </a:xfrm>
          <a:prstGeom prst="rect">
            <a:avLst/>
          </a:prstGeom>
          <a:noFill/>
        </p:spPr>
        <p:txBody>
          <a:bodyPr vert="horz" wrap="square" lIns="0" tIns="0" rIns="0" bIns="0" rtlCol="0" anchor="ctr" anchorCtr="0">
            <a:spAutoFit/>
          </a:bodyPr>
          <a:lstStyle/>
          <a:p>
            <a:pPr algn="ctr"/>
            <a:r>
              <a:rPr lang="en-US" sz="1200" spc="-14">
                <a:solidFill>
                  <a:srgbClr val="0E2841"/>
                </a:solidFill>
                <a:latin typeface="Calibri" panose="020F0502020204030204" pitchFamily="34" charset="0"/>
              </a:rPr>
              <a:t>07/03/28</a:t>
            </a:r>
          </a:p>
        </p:txBody>
      </p:sp>
      <p:sp>
        <p:nvSpPr>
          <p:cNvPr id="21" name="OTLSHAPE_M_eeaa39053b5e4b88af85da35e5397851_Title">
            <a:extLst>
              <a:ext uri="{FF2B5EF4-FFF2-40B4-BE49-F238E27FC236}">
                <a16:creationId xmlns:a16="http://schemas.microsoft.com/office/drawing/2014/main" id="{53A123D1-C308-F7BF-DC7C-D642FF32D1B4}"/>
              </a:ext>
            </a:extLst>
          </p:cNvPr>
          <p:cNvSpPr txBox="1"/>
          <p:nvPr>
            <p:custDataLst>
              <p:tags r:id="rId2"/>
            </p:custDataLst>
          </p:nvPr>
        </p:nvSpPr>
        <p:spPr>
          <a:xfrm>
            <a:off x="8926667" y="4492512"/>
            <a:ext cx="1196106" cy="184666"/>
          </a:xfrm>
          <a:prstGeom prst="rect">
            <a:avLst/>
          </a:prstGeom>
          <a:noFill/>
        </p:spPr>
        <p:txBody>
          <a:bodyPr vert="horz" wrap="square" lIns="0" tIns="0" rIns="0" bIns="0" rtlCol="0" anchor="ctr" anchorCtr="0">
            <a:spAutoFit/>
          </a:bodyPr>
          <a:lstStyle/>
          <a:p>
            <a:pPr algn="ctr"/>
            <a:r>
              <a:rPr lang="en-US" sz="1200" b="1" spc="-10" dirty="0">
                <a:solidFill>
                  <a:srgbClr val="000000"/>
                </a:solidFill>
                <a:latin typeface="Calibri"/>
                <a:ea typeface="Calibri"/>
                <a:cs typeface="Calibri"/>
              </a:rPr>
              <a:t> Go-Live</a:t>
            </a:r>
          </a:p>
        </p:txBody>
      </p:sp>
      <p:sp>
        <p:nvSpPr>
          <p:cNvPr id="10" name="Rectangle 112">
            <a:extLst>
              <a:ext uri="{FF2B5EF4-FFF2-40B4-BE49-F238E27FC236}">
                <a16:creationId xmlns:a16="http://schemas.microsoft.com/office/drawing/2014/main" id="{31911DA6-8679-B860-8C19-B3ECD32396F9}"/>
              </a:ext>
            </a:extLst>
          </p:cNvPr>
          <p:cNvSpPr/>
          <p:nvPr/>
        </p:nvSpPr>
        <p:spPr bwMode="auto">
          <a:xfrm>
            <a:off x="482901" y="3770926"/>
            <a:ext cx="1047871" cy="407644"/>
          </a:xfrm>
          <a:prstGeom prst="homePlate">
            <a:avLst/>
          </a:prstGeom>
          <a:solidFill>
            <a:schemeClr val="accent1"/>
          </a:solidFill>
          <a:ln w="12700" cap="flat" cmpd="sng" algn="ctr">
            <a:noFill/>
            <a:prstDash val="solid"/>
            <a:miter lim="800000"/>
          </a:ln>
          <a:effectLst/>
        </p:spPr>
        <p:txBody>
          <a:bodyPr rtlCol="0" anchor="ctr"/>
          <a:lstStyle/>
          <a:p>
            <a:pPr algn="ctr"/>
            <a:r>
              <a:rPr lang="en-US" sz="1200" b="1" kern="0">
                <a:solidFill>
                  <a:srgbClr val="FFFFFF"/>
                </a:solidFill>
                <a:ea typeface="Open Sans" panose="020B0606030504020204" pitchFamily="34" charset="0"/>
                <a:cs typeface="Open Sans" panose="020B0606030504020204" pitchFamily="34" charset="0"/>
              </a:rPr>
              <a:t>PLAN</a:t>
            </a:r>
          </a:p>
        </p:txBody>
      </p:sp>
      <p:sp>
        <p:nvSpPr>
          <p:cNvPr id="11" name="Flowchart: Process 10">
            <a:extLst>
              <a:ext uri="{FF2B5EF4-FFF2-40B4-BE49-F238E27FC236}">
                <a16:creationId xmlns:a16="http://schemas.microsoft.com/office/drawing/2014/main" id="{12AE27EF-8095-7DD1-CC1F-7D53A6A85B28}"/>
              </a:ext>
            </a:extLst>
          </p:cNvPr>
          <p:cNvSpPr/>
          <p:nvPr/>
        </p:nvSpPr>
        <p:spPr>
          <a:xfrm>
            <a:off x="482901" y="2711037"/>
            <a:ext cx="2476221" cy="822960"/>
          </a:xfrm>
          <a:prstGeom prst="flowChartProcess">
            <a:avLst/>
          </a:prstGeom>
          <a:solidFill>
            <a:schemeClr val="bg1"/>
          </a:solidFill>
          <a:ln w="28575">
            <a:solidFill>
              <a:schemeClr val="accent1"/>
            </a:solidFill>
            <a:prstDash val="solid"/>
          </a:ln>
        </p:spPr>
        <p:style>
          <a:lnRef idx="2">
            <a:schemeClr val="accent1">
              <a:shade val="15000"/>
            </a:schemeClr>
          </a:lnRef>
          <a:fillRef idx="1">
            <a:schemeClr val="accent1"/>
          </a:fillRef>
          <a:effectRef idx="0">
            <a:schemeClr val="accent1"/>
          </a:effectRef>
          <a:fontRef idx="minor">
            <a:schemeClr val="lt1"/>
          </a:fontRef>
        </p:style>
        <p:txBody>
          <a:bodyPr tIns="91440" bIns="91440" rtlCol="0" anchor="t"/>
          <a:lstStyle/>
          <a:p>
            <a:pPr marL="171450" indent="-171450">
              <a:spcBef>
                <a:spcPts val="200"/>
              </a:spcBef>
              <a:spcAft>
                <a:spcPts val="200"/>
              </a:spcAft>
              <a:buFont typeface="Arial" panose="020B0604020202020204" pitchFamily="34" charset="0"/>
              <a:buChar char="•"/>
            </a:pPr>
            <a:r>
              <a:rPr lang="en-US" sz="1000">
                <a:solidFill>
                  <a:schemeClr val="tx1"/>
                </a:solidFill>
              </a:rPr>
              <a:t>Program Start-up</a:t>
            </a:r>
          </a:p>
          <a:p>
            <a:pPr marL="171450" indent="-171450">
              <a:spcBef>
                <a:spcPts val="200"/>
              </a:spcBef>
              <a:spcAft>
                <a:spcPts val="200"/>
              </a:spcAft>
              <a:buFont typeface="Arial" panose="020B0604020202020204" pitchFamily="34" charset="0"/>
              <a:buChar char="•"/>
            </a:pPr>
            <a:r>
              <a:rPr lang="en-US" sz="1000">
                <a:solidFill>
                  <a:schemeClr val="tx1"/>
                </a:solidFill>
              </a:rPr>
              <a:t>Program Team Training</a:t>
            </a:r>
          </a:p>
        </p:txBody>
      </p:sp>
      <p:sp>
        <p:nvSpPr>
          <p:cNvPr id="17" name="Rectangle 112">
            <a:extLst>
              <a:ext uri="{FF2B5EF4-FFF2-40B4-BE49-F238E27FC236}">
                <a16:creationId xmlns:a16="http://schemas.microsoft.com/office/drawing/2014/main" id="{8C9760E4-0A79-3C3C-E1C0-99FBCC7F0B15}"/>
              </a:ext>
            </a:extLst>
          </p:cNvPr>
          <p:cNvSpPr/>
          <p:nvPr/>
        </p:nvSpPr>
        <p:spPr bwMode="auto">
          <a:xfrm>
            <a:off x="4734559" y="3770926"/>
            <a:ext cx="3203781" cy="407644"/>
          </a:xfrm>
          <a:prstGeom prst="homePlate">
            <a:avLst/>
          </a:prstGeom>
          <a:solidFill>
            <a:schemeClr val="accent3"/>
          </a:solidFill>
          <a:ln w="12700" cap="flat" cmpd="sng" algn="ctr">
            <a:noFill/>
            <a:prstDash val="solid"/>
            <a:miter lim="800000"/>
          </a:ln>
          <a:effectLst/>
        </p:spPr>
        <p:txBody>
          <a:bodyPr rtlCol="0" anchor="ctr"/>
          <a:lstStyle/>
          <a:p>
            <a:pPr algn="ctr"/>
            <a:r>
              <a:rPr lang="en-US" sz="1200" b="1" kern="0">
                <a:solidFill>
                  <a:srgbClr val="FFFFFF"/>
                </a:solidFill>
                <a:ea typeface="Open Sans" panose="020B0606030504020204" pitchFamily="34" charset="0"/>
                <a:cs typeface="Open Sans" panose="020B0606030504020204" pitchFamily="34" charset="0"/>
              </a:rPr>
              <a:t>TEST</a:t>
            </a:r>
          </a:p>
        </p:txBody>
      </p:sp>
      <p:sp>
        <p:nvSpPr>
          <p:cNvPr id="18" name="Rectangle 112">
            <a:extLst>
              <a:ext uri="{FF2B5EF4-FFF2-40B4-BE49-F238E27FC236}">
                <a16:creationId xmlns:a16="http://schemas.microsoft.com/office/drawing/2014/main" id="{2532D3F5-C059-56CD-0405-74F935E1EDB5}"/>
              </a:ext>
            </a:extLst>
          </p:cNvPr>
          <p:cNvSpPr/>
          <p:nvPr/>
        </p:nvSpPr>
        <p:spPr bwMode="auto">
          <a:xfrm>
            <a:off x="7945121" y="3770926"/>
            <a:ext cx="1579605" cy="407644"/>
          </a:xfrm>
          <a:prstGeom prst="homePlate">
            <a:avLst/>
          </a:prstGeom>
          <a:solidFill>
            <a:schemeClr val="accent4"/>
          </a:solidFill>
          <a:ln w="12700" cap="flat" cmpd="sng" algn="ctr">
            <a:noFill/>
            <a:prstDash val="solid"/>
            <a:miter lim="800000"/>
          </a:ln>
          <a:effectLst/>
        </p:spPr>
        <p:txBody>
          <a:bodyPr rtlCol="0" anchor="ctr"/>
          <a:lstStyle/>
          <a:p>
            <a:pPr algn="ctr"/>
            <a:r>
              <a:rPr lang="en-US" sz="1200" b="1" kern="0">
                <a:solidFill>
                  <a:srgbClr val="FFFFFF"/>
                </a:solidFill>
                <a:ea typeface="Open Sans" panose="020B0606030504020204" pitchFamily="34" charset="0"/>
                <a:cs typeface="Open Sans" panose="020B0606030504020204" pitchFamily="34" charset="0"/>
              </a:rPr>
              <a:t>DEPLOY</a:t>
            </a:r>
          </a:p>
        </p:txBody>
      </p:sp>
      <p:sp>
        <p:nvSpPr>
          <p:cNvPr id="19" name="Rectangle 112">
            <a:extLst>
              <a:ext uri="{FF2B5EF4-FFF2-40B4-BE49-F238E27FC236}">
                <a16:creationId xmlns:a16="http://schemas.microsoft.com/office/drawing/2014/main" id="{D5BC9D83-467C-1EBA-988C-788CC0B00E55}"/>
              </a:ext>
            </a:extLst>
          </p:cNvPr>
          <p:cNvSpPr/>
          <p:nvPr/>
        </p:nvSpPr>
        <p:spPr bwMode="auto">
          <a:xfrm>
            <a:off x="9524726" y="3770926"/>
            <a:ext cx="2430207" cy="407644"/>
          </a:xfrm>
          <a:prstGeom prst="homePlate">
            <a:avLst>
              <a:gd name="adj" fmla="val 0"/>
            </a:avLst>
          </a:prstGeom>
          <a:solidFill>
            <a:schemeClr val="accent5"/>
          </a:solidFill>
          <a:ln w="12700" cap="flat" cmpd="sng" algn="ctr">
            <a:noFill/>
            <a:prstDash val="solid"/>
            <a:miter lim="800000"/>
          </a:ln>
          <a:effectLst/>
        </p:spPr>
        <p:txBody>
          <a:bodyPr rtlCol="0" anchor="ctr"/>
          <a:lstStyle/>
          <a:p>
            <a:pPr algn="ctr"/>
            <a:r>
              <a:rPr lang="en-US" sz="1200" b="1" kern="0">
                <a:solidFill>
                  <a:srgbClr val="FFFFFF"/>
                </a:solidFill>
                <a:ea typeface="Open Sans" panose="020B0606030504020204" pitchFamily="34" charset="0"/>
                <a:cs typeface="Open Sans" panose="020B0606030504020204" pitchFamily="34" charset="0"/>
              </a:rPr>
              <a:t>POST-</a:t>
            </a:r>
            <a:br>
              <a:rPr lang="en-US" sz="1200" b="1" kern="0">
                <a:solidFill>
                  <a:srgbClr val="FFFFFF"/>
                </a:solidFill>
                <a:ea typeface="Open Sans" panose="020B0606030504020204" pitchFamily="34" charset="0"/>
                <a:cs typeface="Open Sans" panose="020B0606030504020204" pitchFamily="34" charset="0"/>
              </a:rPr>
            </a:br>
            <a:r>
              <a:rPr lang="en-US" sz="1200" b="1" kern="0">
                <a:solidFill>
                  <a:srgbClr val="FFFFFF"/>
                </a:solidFill>
                <a:ea typeface="Open Sans" panose="020B0606030504020204" pitchFamily="34" charset="0"/>
                <a:cs typeface="Open Sans" panose="020B0606030504020204" pitchFamily="34" charset="0"/>
              </a:rPr>
              <a:t>IMPLEMENTATION </a:t>
            </a:r>
          </a:p>
        </p:txBody>
      </p:sp>
      <p:sp>
        <p:nvSpPr>
          <p:cNvPr id="8" name="Star: 5 Points 7">
            <a:extLst>
              <a:ext uri="{FF2B5EF4-FFF2-40B4-BE49-F238E27FC236}">
                <a16:creationId xmlns:a16="http://schemas.microsoft.com/office/drawing/2014/main" id="{87A3716E-99E3-71A4-890C-9F8DE7D4B0C2}"/>
              </a:ext>
            </a:extLst>
          </p:cNvPr>
          <p:cNvSpPr/>
          <p:nvPr/>
        </p:nvSpPr>
        <p:spPr bwMode="gray">
          <a:xfrm>
            <a:off x="9267499" y="3795067"/>
            <a:ext cx="514448" cy="406236"/>
          </a:xfrm>
          <a:prstGeom prst="star5">
            <a:avLst>
              <a:gd name="adj" fmla="val 26976"/>
              <a:gd name="hf" fmla="val 105146"/>
              <a:gd name="vf" fmla="val 110557"/>
            </a:avLst>
          </a:prstGeom>
          <a:solidFill>
            <a:srgbClr val="FFCD00"/>
          </a:solidFill>
          <a:ln w="3175" algn="ctr">
            <a:solidFill>
              <a:schemeClr val="bg1"/>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600" b="1" i="0" u="none" strike="noStrike" kern="0" cap="none" spc="0" normalizeH="0" baseline="0" noProof="0">
              <a:ln>
                <a:noFill/>
              </a:ln>
              <a:solidFill>
                <a:prstClr val="white"/>
              </a:solidFill>
              <a:effectLst/>
              <a:uLnTx/>
              <a:uFillTx/>
            </a:endParaRPr>
          </a:p>
        </p:txBody>
      </p:sp>
      <p:sp>
        <p:nvSpPr>
          <p:cNvPr id="24" name="Rectangle 23">
            <a:extLst>
              <a:ext uri="{FF2B5EF4-FFF2-40B4-BE49-F238E27FC236}">
                <a16:creationId xmlns:a16="http://schemas.microsoft.com/office/drawing/2014/main" id="{0189877C-BAD5-C3CA-78B3-5DC045AAC483}"/>
              </a:ext>
            </a:extLst>
          </p:cNvPr>
          <p:cNvSpPr/>
          <p:nvPr/>
        </p:nvSpPr>
        <p:spPr>
          <a:xfrm>
            <a:off x="1855498" y="4857161"/>
            <a:ext cx="3154283" cy="822960"/>
          </a:xfrm>
          <a:prstGeom prst="rect">
            <a:avLst/>
          </a:prstGeom>
          <a:solidFill>
            <a:schemeClr val="bg1"/>
          </a:solidFill>
          <a:ln w="28575">
            <a:solidFill>
              <a:schemeClr val="accent2"/>
            </a:solidFill>
            <a:prstDash val="solid"/>
          </a:ln>
        </p:spPr>
        <p:style>
          <a:lnRef idx="2">
            <a:schemeClr val="accent1">
              <a:shade val="15000"/>
            </a:schemeClr>
          </a:lnRef>
          <a:fillRef idx="1">
            <a:schemeClr val="accent1"/>
          </a:fillRef>
          <a:effectRef idx="0">
            <a:schemeClr val="accent1"/>
          </a:effectRef>
          <a:fontRef idx="minor">
            <a:schemeClr val="lt1"/>
          </a:fontRef>
        </p:style>
        <p:txBody>
          <a:bodyPr tIns="91440" bIns="91440" rtlCol="0" anchor="t"/>
          <a:lstStyle/>
          <a:p>
            <a:pPr marL="171450" indent="-171450">
              <a:spcBef>
                <a:spcPts val="200"/>
              </a:spcBef>
              <a:spcAft>
                <a:spcPts val="200"/>
              </a:spcAft>
              <a:buFont typeface="Arial" panose="020B0604020202020204" pitchFamily="34" charset="0"/>
              <a:buChar char="•"/>
            </a:pPr>
            <a:r>
              <a:rPr lang="en-US" sz="1000">
                <a:solidFill>
                  <a:schemeClr val="tx1"/>
                </a:solidFill>
              </a:rPr>
              <a:t>Hybrid Agile Design and Configuration</a:t>
            </a:r>
          </a:p>
          <a:p>
            <a:pPr marL="171450" indent="-171450">
              <a:spcBef>
                <a:spcPts val="200"/>
              </a:spcBef>
              <a:spcAft>
                <a:spcPts val="200"/>
              </a:spcAft>
              <a:buFont typeface="Arial" panose="020B0604020202020204" pitchFamily="34" charset="0"/>
              <a:buChar char="•"/>
            </a:pPr>
            <a:r>
              <a:rPr lang="en-US" sz="1000">
                <a:solidFill>
                  <a:schemeClr val="tx1"/>
                </a:solidFill>
              </a:rPr>
              <a:t>Build &amp; Test Integrations and Reporting</a:t>
            </a:r>
          </a:p>
          <a:p>
            <a:pPr marL="171450" indent="-171450">
              <a:spcBef>
                <a:spcPts val="200"/>
              </a:spcBef>
              <a:spcAft>
                <a:spcPts val="200"/>
              </a:spcAft>
              <a:buFont typeface="Arial" panose="020B0604020202020204" pitchFamily="34" charset="0"/>
              <a:buChar char="•"/>
            </a:pPr>
            <a:r>
              <a:rPr lang="en-US" sz="1000">
                <a:solidFill>
                  <a:schemeClr val="tx1"/>
                </a:solidFill>
              </a:rPr>
              <a:t>Transform, load, and validate data</a:t>
            </a:r>
          </a:p>
        </p:txBody>
      </p:sp>
      <p:sp>
        <p:nvSpPr>
          <p:cNvPr id="25" name="Rectangle 24">
            <a:extLst>
              <a:ext uri="{FF2B5EF4-FFF2-40B4-BE49-F238E27FC236}">
                <a16:creationId xmlns:a16="http://schemas.microsoft.com/office/drawing/2014/main" id="{52263867-664F-90C3-B9E8-618EE0E3064E}"/>
              </a:ext>
            </a:extLst>
          </p:cNvPr>
          <p:cNvSpPr/>
          <p:nvPr/>
        </p:nvSpPr>
        <p:spPr>
          <a:xfrm>
            <a:off x="4363712" y="2711037"/>
            <a:ext cx="2976806" cy="822960"/>
          </a:xfrm>
          <a:prstGeom prst="rect">
            <a:avLst/>
          </a:prstGeom>
          <a:solidFill>
            <a:schemeClr val="bg1"/>
          </a:solidFill>
          <a:ln w="28575">
            <a:solidFill>
              <a:schemeClr val="accent3"/>
            </a:solidFill>
            <a:prstDash val="solid"/>
          </a:ln>
        </p:spPr>
        <p:style>
          <a:lnRef idx="2">
            <a:schemeClr val="accent1">
              <a:shade val="15000"/>
            </a:schemeClr>
          </a:lnRef>
          <a:fillRef idx="1">
            <a:schemeClr val="accent1"/>
          </a:fillRef>
          <a:effectRef idx="0">
            <a:schemeClr val="accent1"/>
          </a:effectRef>
          <a:fontRef idx="minor">
            <a:schemeClr val="lt1"/>
          </a:fontRef>
        </p:style>
        <p:txBody>
          <a:bodyPr tIns="91440" bIns="91440" rtlCol="0" anchor="t"/>
          <a:lstStyle/>
          <a:p>
            <a:pPr marL="171450" indent="-171450">
              <a:spcBef>
                <a:spcPts val="200"/>
              </a:spcBef>
              <a:spcAft>
                <a:spcPts val="200"/>
              </a:spcAft>
              <a:buFont typeface="Arial" panose="020B0604020202020204" pitchFamily="34" charset="0"/>
              <a:buChar char="•"/>
            </a:pPr>
            <a:r>
              <a:rPr lang="en-US" sz="1000">
                <a:solidFill>
                  <a:schemeClr val="tx1"/>
                </a:solidFill>
              </a:rPr>
              <a:t>End to End Testing</a:t>
            </a:r>
          </a:p>
          <a:p>
            <a:pPr marL="171450" indent="-171450">
              <a:spcBef>
                <a:spcPts val="200"/>
              </a:spcBef>
              <a:spcAft>
                <a:spcPts val="200"/>
              </a:spcAft>
              <a:buFont typeface="Arial" panose="020B0604020202020204" pitchFamily="34" charset="0"/>
              <a:buChar char="•"/>
            </a:pPr>
            <a:r>
              <a:rPr lang="en-US" sz="1000">
                <a:solidFill>
                  <a:schemeClr val="tx1"/>
                </a:solidFill>
              </a:rPr>
              <a:t>Parallel Payroll Testing</a:t>
            </a:r>
          </a:p>
          <a:p>
            <a:pPr marL="171450" indent="-171450">
              <a:spcBef>
                <a:spcPts val="200"/>
              </a:spcBef>
              <a:spcAft>
                <a:spcPts val="200"/>
              </a:spcAft>
              <a:buFont typeface="Arial" panose="020B0604020202020204" pitchFamily="34" charset="0"/>
              <a:buChar char="•"/>
            </a:pPr>
            <a:r>
              <a:rPr lang="en-US" sz="1000">
                <a:solidFill>
                  <a:schemeClr val="tx1"/>
                </a:solidFill>
              </a:rPr>
              <a:t>Performance Testing</a:t>
            </a:r>
          </a:p>
        </p:txBody>
      </p:sp>
      <p:sp>
        <p:nvSpPr>
          <p:cNvPr id="26" name="Rectangle 25">
            <a:extLst>
              <a:ext uri="{FF2B5EF4-FFF2-40B4-BE49-F238E27FC236}">
                <a16:creationId xmlns:a16="http://schemas.microsoft.com/office/drawing/2014/main" id="{E82F245F-A4EB-875D-EE0E-1A3C5200A01B}"/>
              </a:ext>
            </a:extLst>
          </p:cNvPr>
          <p:cNvSpPr/>
          <p:nvPr/>
        </p:nvSpPr>
        <p:spPr>
          <a:xfrm>
            <a:off x="6096000" y="4857162"/>
            <a:ext cx="3154283" cy="822960"/>
          </a:xfrm>
          <a:prstGeom prst="rect">
            <a:avLst/>
          </a:prstGeom>
          <a:solidFill>
            <a:schemeClr val="bg1"/>
          </a:solidFill>
          <a:ln w="28575">
            <a:solidFill>
              <a:schemeClr val="accent4"/>
            </a:solidFill>
            <a:prstDash val="solid"/>
          </a:ln>
        </p:spPr>
        <p:style>
          <a:lnRef idx="2">
            <a:schemeClr val="accent1">
              <a:shade val="15000"/>
            </a:schemeClr>
          </a:lnRef>
          <a:fillRef idx="1">
            <a:schemeClr val="accent1"/>
          </a:fillRef>
          <a:effectRef idx="0">
            <a:schemeClr val="accent1"/>
          </a:effectRef>
          <a:fontRef idx="minor">
            <a:schemeClr val="lt1"/>
          </a:fontRef>
        </p:style>
        <p:txBody>
          <a:bodyPr tIns="91440" bIns="91440" rtlCol="0" anchor="t"/>
          <a:lstStyle/>
          <a:p>
            <a:pPr marL="171450" indent="-171450">
              <a:spcBef>
                <a:spcPts val="200"/>
              </a:spcBef>
              <a:spcAft>
                <a:spcPts val="200"/>
              </a:spcAft>
              <a:buFont typeface="Arial" panose="020B0604020202020204" pitchFamily="34" charset="0"/>
              <a:buChar char="•"/>
            </a:pPr>
            <a:r>
              <a:rPr lang="en-US" sz="1000">
                <a:solidFill>
                  <a:schemeClr val="tx1"/>
                </a:solidFill>
              </a:rPr>
              <a:t>End User Training</a:t>
            </a:r>
          </a:p>
          <a:p>
            <a:pPr marL="171450" indent="-171450">
              <a:spcBef>
                <a:spcPts val="200"/>
              </a:spcBef>
              <a:spcAft>
                <a:spcPts val="200"/>
              </a:spcAft>
              <a:buFont typeface="Arial" panose="020B0604020202020204" pitchFamily="34" charset="0"/>
              <a:buChar char="•"/>
            </a:pPr>
            <a:r>
              <a:rPr lang="en-US" sz="1000">
                <a:solidFill>
                  <a:schemeClr val="tx1"/>
                </a:solidFill>
              </a:rPr>
              <a:t>Gold/Pre-production Build</a:t>
            </a:r>
          </a:p>
          <a:p>
            <a:pPr marL="171450" indent="-171450">
              <a:spcBef>
                <a:spcPts val="200"/>
              </a:spcBef>
              <a:spcAft>
                <a:spcPts val="200"/>
              </a:spcAft>
              <a:buFont typeface="Arial" panose="020B0604020202020204" pitchFamily="34" charset="0"/>
              <a:buChar char="•"/>
            </a:pPr>
            <a:r>
              <a:rPr lang="en-US" sz="1000">
                <a:solidFill>
                  <a:schemeClr val="tx1"/>
                </a:solidFill>
              </a:rPr>
              <a:t>Go-Live</a:t>
            </a:r>
          </a:p>
        </p:txBody>
      </p:sp>
      <p:sp>
        <p:nvSpPr>
          <p:cNvPr id="32" name="TextBox 31">
            <a:extLst>
              <a:ext uri="{FF2B5EF4-FFF2-40B4-BE49-F238E27FC236}">
                <a16:creationId xmlns:a16="http://schemas.microsoft.com/office/drawing/2014/main" id="{BF34B134-8E89-4745-191B-E6402E511405}"/>
              </a:ext>
            </a:extLst>
          </p:cNvPr>
          <p:cNvSpPr txBox="1"/>
          <p:nvPr/>
        </p:nvSpPr>
        <p:spPr>
          <a:xfrm>
            <a:off x="396517" y="2249842"/>
            <a:ext cx="3154283" cy="446276"/>
          </a:xfrm>
          <a:prstGeom prst="rect">
            <a:avLst/>
          </a:prstGeom>
          <a:noFill/>
        </p:spPr>
        <p:txBody>
          <a:bodyPr wrap="square" rtlCol="0">
            <a:spAutoFit/>
          </a:bodyPr>
          <a:lstStyle/>
          <a:p>
            <a:r>
              <a:rPr lang="en-US" sz="1400" b="1"/>
              <a:t>Establish the foundation</a:t>
            </a:r>
            <a:br>
              <a:rPr lang="en-US" sz="1100" b="1"/>
            </a:br>
            <a:r>
              <a:rPr lang="en-US" sz="900"/>
              <a:t>Align leadership, build the team, and define the scope</a:t>
            </a:r>
            <a:endParaRPr lang="en-US" sz="1100" b="1"/>
          </a:p>
        </p:txBody>
      </p:sp>
      <p:sp>
        <p:nvSpPr>
          <p:cNvPr id="38" name="Rectangle 37">
            <a:extLst>
              <a:ext uri="{FF2B5EF4-FFF2-40B4-BE49-F238E27FC236}">
                <a16:creationId xmlns:a16="http://schemas.microsoft.com/office/drawing/2014/main" id="{21407E96-0E46-7F28-8716-C26E30347FB9}"/>
              </a:ext>
            </a:extLst>
          </p:cNvPr>
          <p:cNvSpPr/>
          <p:nvPr/>
        </p:nvSpPr>
        <p:spPr>
          <a:xfrm>
            <a:off x="8641202" y="2711037"/>
            <a:ext cx="3119316" cy="837092"/>
          </a:xfrm>
          <a:prstGeom prst="rect">
            <a:avLst/>
          </a:prstGeom>
          <a:solidFill>
            <a:schemeClr val="bg1"/>
          </a:solidFill>
          <a:ln w="28575">
            <a:solidFill>
              <a:schemeClr val="accent5"/>
            </a:solidFill>
            <a:prstDash val="solid"/>
          </a:ln>
        </p:spPr>
        <p:style>
          <a:lnRef idx="2">
            <a:schemeClr val="accent1">
              <a:shade val="15000"/>
            </a:schemeClr>
          </a:lnRef>
          <a:fillRef idx="1">
            <a:schemeClr val="accent1"/>
          </a:fillRef>
          <a:effectRef idx="0">
            <a:schemeClr val="accent1"/>
          </a:effectRef>
          <a:fontRef idx="minor">
            <a:schemeClr val="lt1"/>
          </a:fontRef>
        </p:style>
        <p:txBody>
          <a:bodyPr tIns="91440" bIns="91440" rtlCol="0" anchor="t"/>
          <a:lstStyle/>
          <a:p>
            <a:pPr marL="171450" indent="-171450">
              <a:spcBef>
                <a:spcPts val="200"/>
              </a:spcBef>
              <a:spcAft>
                <a:spcPts val="200"/>
              </a:spcAft>
              <a:buFont typeface="Arial" panose="020B0604020202020204" pitchFamily="34" charset="0"/>
              <a:buChar char="•"/>
            </a:pPr>
            <a:r>
              <a:rPr lang="en-US" sz="1000">
                <a:solidFill>
                  <a:schemeClr val="tx1"/>
                </a:solidFill>
              </a:rPr>
              <a:t>Production Support</a:t>
            </a:r>
          </a:p>
          <a:p>
            <a:pPr marL="171450" indent="-171450">
              <a:spcBef>
                <a:spcPts val="200"/>
              </a:spcBef>
              <a:spcAft>
                <a:spcPts val="200"/>
              </a:spcAft>
              <a:buFont typeface="Arial" panose="020B0604020202020204" pitchFamily="34" charset="0"/>
              <a:buChar char="•"/>
            </a:pPr>
            <a:r>
              <a:rPr lang="en-US" sz="1000">
                <a:solidFill>
                  <a:schemeClr val="tx1"/>
                </a:solidFill>
              </a:rPr>
              <a:t>New Release Management</a:t>
            </a:r>
          </a:p>
          <a:p>
            <a:pPr marL="171450" indent="-171450">
              <a:spcBef>
                <a:spcPts val="200"/>
              </a:spcBef>
              <a:spcAft>
                <a:spcPts val="200"/>
              </a:spcAft>
              <a:buFont typeface="Arial" panose="020B0604020202020204" pitchFamily="34" charset="0"/>
              <a:buChar char="•"/>
            </a:pPr>
            <a:r>
              <a:rPr lang="en-US" sz="1000">
                <a:solidFill>
                  <a:schemeClr val="tx1"/>
                </a:solidFill>
              </a:rPr>
              <a:t>New Projects</a:t>
            </a:r>
          </a:p>
        </p:txBody>
      </p:sp>
      <p:sp>
        <p:nvSpPr>
          <p:cNvPr id="40" name="TextBox 39">
            <a:extLst>
              <a:ext uri="{FF2B5EF4-FFF2-40B4-BE49-F238E27FC236}">
                <a16:creationId xmlns:a16="http://schemas.microsoft.com/office/drawing/2014/main" id="{8A3446AA-460F-8F01-0B36-2B793E82B4B6}"/>
              </a:ext>
            </a:extLst>
          </p:cNvPr>
          <p:cNvSpPr txBox="1"/>
          <p:nvPr/>
        </p:nvSpPr>
        <p:spPr>
          <a:xfrm>
            <a:off x="4292721" y="2249842"/>
            <a:ext cx="3337890" cy="446276"/>
          </a:xfrm>
          <a:prstGeom prst="rect">
            <a:avLst/>
          </a:prstGeom>
          <a:noFill/>
        </p:spPr>
        <p:txBody>
          <a:bodyPr wrap="square" rtlCol="0">
            <a:spAutoFit/>
          </a:bodyPr>
          <a:lstStyle/>
          <a:p>
            <a:r>
              <a:rPr lang="en-US" sz="1400" b="1"/>
              <a:t>Push it, break it, fix it</a:t>
            </a:r>
            <a:br>
              <a:rPr lang="en-US" sz="1100" b="1"/>
            </a:br>
            <a:r>
              <a:rPr lang="en-US" sz="900"/>
              <a:t>Validate processes, catch gaps, confirm everything works</a:t>
            </a:r>
            <a:endParaRPr lang="en-US" sz="1100" b="1"/>
          </a:p>
        </p:txBody>
      </p:sp>
      <p:sp>
        <p:nvSpPr>
          <p:cNvPr id="41" name="TextBox 40">
            <a:extLst>
              <a:ext uri="{FF2B5EF4-FFF2-40B4-BE49-F238E27FC236}">
                <a16:creationId xmlns:a16="http://schemas.microsoft.com/office/drawing/2014/main" id="{88758FD2-FC4C-51F7-826A-1BE85430F62E}"/>
              </a:ext>
            </a:extLst>
          </p:cNvPr>
          <p:cNvSpPr txBox="1"/>
          <p:nvPr/>
        </p:nvSpPr>
        <p:spPr>
          <a:xfrm>
            <a:off x="1817806" y="4385559"/>
            <a:ext cx="3154283" cy="446276"/>
          </a:xfrm>
          <a:prstGeom prst="rect">
            <a:avLst/>
          </a:prstGeom>
          <a:noFill/>
        </p:spPr>
        <p:txBody>
          <a:bodyPr wrap="square" rtlCol="0">
            <a:spAutoFit/>
          </a:bodyPr>
          <a:lstStyle/>
          <a:p>
            <a:r>
              <a:rPr lang="en-US" sz="1400" b="1"/>
              <a:t>Design it, build it, review it</a:t>
            </a:r>
            <a:br>
              <a:rPr lang="en-US" sz="1100" b="1"/>
            </a:br>
            <a:r>
              <a:rPr lang="en-US" sz="900"/>
              <a:t>Translate strategy into system design – iterate fast</a:t>
            </a:r>
          </a:p>
        </p:txBody>
      </p:sp>
      <p:sp>
        <p:nvSpPr>
          <p:cNvPr id="42" name="TextBox 41">
            <a:extLst>
              <a:ext uri="{FF2B5EF4-FFF2-40B4-BE49-F238E27FC236}">
                <a16:creationId xmlns:a16="http://schemas.microsoft.com/office/drawing/2014/main" id="{865E27E5-675D-5AAD-B357-A447291C4FAD}"/>
              </a:ext>
            </a:extLst>
          </p:cNvPr>
          <p:cNvSpPr txBox="1"/>
          <p:nvPr/>
        </p:nvSpPr>
        <p:spPr>
          <a:xfrm>
            <a:off x="6089325" y="4424321"/>
            <a:ext cx="3154283" cy="446276"/>
          </a:xfrm>
          <a:prstGeom prst="rect">
            <a:avLst/>
          </a:prstGeom>
          <a:noFill/>
        </p:spPr>
        <p:txBody>
          <a:bodyPr wrap="square" rtlCol="0">
            <a:spAutoFit/>
          </a:bodyPr>
          <a:lstStyle/>
          <a:p>
            <a:r>
              <a:rPr lang="en-US" sz="1400" b="1"/>
              <a:t>Flip the Switch</a:t>
            </a:r>
            <a:br>
              <a:rPr lang="en-US" sz="1100" b="1"/>
            </a:br>
            <a:r>
              <a:rPr lang="en-US" sz="900"/>
              <a:t>Launch with confidence – stabilize quickly</a:t>
            </a:r>
          </a:p>
        </p:txBody>
      </p:sp>
      <p:sp>
        <p:nvSpPr>
          <p:cNvPr id="43" name="TextBox 42">
            <a:extLst>
              <a:ext uri="{FF2B5EF4-FFF2-40B4-BE49-F238E27FC236}">
                <a16:creationId xmlns:a16="http://schemas.microsoft.com/office/drawing/2014/main" id="{69BD8472-7224-E412-BB77-FA33F9C5C16A}"/>
              </a:ext>
            </a:extLst>
          </p:cNvPr>
          <p:cNvSpPr txBox="1"/>
          <p:nvPr/>
        </p:nvSpPr>
        <p:spPr>
          <a:xfrm>
            <a:off x="8637262" y="2249842"/>
            <a:ext cx="3419271" cy="446276"/>
          </a:xfrm>
          <a:prstGeom prst="rect">
            <a:avLst/>
          </a:prstGeom>
          <a:noFill/>
        </p:spPr>
        <p:txBody>
          <a:bodyPr wrap="square" rtlCol="0">
            <a:spAutoFit/>
          </a:bodyPr>
          <a:lstStyle/>
          <a:p>
            <a:r>
              <a:rPr lang="en-US" sz="1400" b="1"/>
              <a:t>Own it, improve it, sustain it</a:t>
            </a:r>
            <a:br>
              <a:rPr lang="en-US" sz="1100" b="1"/>
            </a:br>
            <a:r>
              <a:rPr lang="en-US" sz="900"/>
              <a:t>Support the system, drive adoption, and plan for what’s next</a:t>
            </a:r>
            <a:endParaRPr lang="en-US" sz="1100" b="1"/>
          </a:p>
        </p:txBody>
      </p:sp>
    </p:spTree>
    <p:extLst>
      <p:ext uri="{BB962C8B-B14F-4D97-AF65-F5344CB8AC3E}">
        <p14:creationId xmlns:p14="http://schemas.microsoft.com/office/powerpoint/2010/main" val="81248661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4-Unified ERP">
      <a:dk1>
        <a:srgbClr val="262626"/>
      </a:dk1>
      <a:lt1>
        <a:srgbClr val="FFFFFF"/>
      </a:lt1>
      <a:dk2>
        <a:srgbClr val="262626"/>
      </a:dk2>
      <a:lt2>
        <a:srgbClr val="FFFFFF"/>
      </a:lt2>
      <a:accent1>
        <a:srgbClr val="003366"/>
      </a:accent1>
      <a:accent2>
        <a:srgbClr val="B6B6B6"/>
      </a:accent2>
      <a:accent3>
        <a:srgbClr val="008080"/>
      </a:accent3>
      <a:accent4>
        <a:srgbClr val="B22222"/>
      </a:accent4>
      <a:accent5>
        <a:srgbClr val="708090"/>
      </a:accent5>
      <a:accent6>
        <a:srgbClr val="20B2AA"/>
      </a:accent6>
      <a:hlink>
        <a:srgbClr val="003366"/>
      </a:hlink>
      <a:folHlink>
        <a:srgbClr val="008080"/>
      </a:folHlink>
    </a:clrScheme>
    <a:fontScheme name="Unified ERP">
      <a:majorFont>
        <a:latin typeface="Montserra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Unified ERP PPT Template.pptx" id="{D7FB9344-7151-4D07-B2B5-6A36AA1F0346}" vid="{BC2E3FB3-DBA9-474E-89BD-A8CC34400042}"/>
    </a:ext>
  </a:extLst>
</a:theme>
</file>

<file path=ppt/theme/theme2.xml><?xml version="1.0" encoding="utf-8"?>
<a:theme xmlns:a="http://schemas.openxmlformats.org/drawingml/2006/main" name="USG1">
  <a:themeElements>
    <a:clrScheme name="4-Unified ERP">
      <a:dk1>
        <a:srgbClr val="262626"/>
      </a:dk1>
      <a:lt1>
        <a:srgbClr val="FFFFFF"/>
      </a:lt1>
      <a:dk2>
        <a:srgbClr val="262626"/>
      </a:dk2>
      <a:lt2>
        <a:srgbClr val="FFFFFF"/>
      </a:lt2>
      <a:accent1>
        <a:srgbClr val="003366"/>
      </a:accent1>
      <a:accent2>
        <a:srgbClr val="B6B6B6"/>
      </a:accent2>
      <a:accent3>
        <a:srgbClr val="008080"/>
      </a:accent3>
      <a:accent4>
        <a:srgbClr val="B22222"/>
      </a:accent4>
      <a:accent5>
        <a:srgbClr val="708090"/>
      </a:accent5>
      <a:accent6>
        <a:srgbClr val="20B2AA"/>
      </a:accent6>
      <a:hlink>
        <a:srgbClr val="003366"/>
      </a:hlink>
      <a:folHlink>
        <a:srgbClr val="008080"/>
      </a:folHlink>
    </a:clrScheme>
    <a:fontScheme name="Unified ERP">
      <a:majorFont>
        <a:latin typeface="Montserra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USG1" id="{2D9DB42B-6126-48EB-AD68-6B94BE0B03FF}" vid="{B1876C42-7833-456C-8A0F-0412883623C2}"/>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5B0A54F4E17D514D9191DD95A75466F1" ma:contentTypeVersion="9" ma:contentTypeDescription="Create a new document." ma:contentTypeScope="" ma:versionID="fdb06364574eae50fe973b45a2dff54b">
  <xsd:schema xmlns:xsd="http://www.w3.org/2001/XMLSchema" xmlns:xs="http://www.w3.org/2001/XMLSchema" xmlns:p="http://schemas.microsoft.com/office/2006/metadata/properties" xmlns:ns2="b7890dff-8ec5-49c7-9dd4-85e6e48ea024" targetNamespace="http://schemas.microsoft.com/office/2006/metadata/properties" ma:root="true" ma:fieldsID="e7430482d47c6955fe37a57e6a3e94c3" ns2:_="">
    <xsd:import namespace="b7890dff-8ec5-49c7-9dd4-85e6e48ea024"/>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DateTaken" minOccurs="0"/>
                <xsd:element ref="ns2:lcf76f155ced4ddcb4097134ff3c332f"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7890dff-8ec5-49c7-9dd4-85e6e48ea02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DateTaken" ma:index="11" nillable="true" ma:displayName="MediaServiceDateTaken" ma:hidden="true" ma:indexed="true" ma:internalName="MediaServiceDateTaken" ma:readOnly="true">
      <xsd:simpleType>
        <xsd:restriction base="dms:Text"/>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f0ecd7d-7305-47a7-acb2-43d943ef900d" ma:termSetId="09814cd3-568e-fe90-9814-8d621ff8fb84" ma:anchorId="fba54fb3-c3e1-fe81-a776-ca4b69148c4d" ma:open="true" ma:isKeyword="false">
      <xsd:complexType>
        <xsd:sequence>
          <xsd:element ref="pc:Terms" minOccurs="0" maxOccurs="1"/>
        </xsd:sequence>
      </xsd:complex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b7890dff-8ec5-49c7-9dd4-85e6e48ea024">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46D7F21B-2009-4A58-8591-C65B1954ACA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b7890dff-8ec5-49c7-9dd4-85e6e48ea02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5EAC7AC1-2581-4FD1-9E1A-38E59A2CDA1F}">
  <ds:schemaRefs>
    <ds:schemaRef ds:uri="http://schemas.microsoft.com/sharepoint/v3/contenttype/forms"/>
  </ds:schemaRefs>
</ds:datastoreItem>
</file>

<file path=customXml/itemProps3.xml><?xml version="1.0" encoding="utf-8"?>
<ds:datastoreItem xmlns:ds="http://schemas.openxmlformats.org/officeDocument/2006/customXml" ds:itemID="{FB788A51-684E-4291-AC01-2C0C5491CD04}">
  <ds:schemaRefs>
    <ds:schemaRef ds:uri="http://purl.org/dc/terms/"/>
    <ds:schemaRef ds:uri="http://purl.org/dc/elements/1.1/"/>
    <ds:schemaRef ds:uri="http://schemas.microsoft.com/office/2006/metadata/properties"/>
    <ds:schemaRef ds:uri="http://schemas.microsoft.com/office/infopath/2007/PartnerControls"/>
    <ds:schemaRef ds:uri="http://schemas.openxmlformats.org/package/2006/metadata/core-properties"/>
    <ds:schemaRef ds:uri="http://purl.org/dc/dcmitype/"/>
    <ds:schemaRef ds:uri="http://schemas.microsoft.com/office/2006/documentManagement/types"/>
    <ds:schemaRef ds:uri="b7890dff-8ec5-49c7-9dd4-85e6e48ea024"/>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Unified ERP PPT Template</Template>
  <TotalTime>3086</TotalTime>
  <Words>2063</Words>
  <Application>Microsoft Office PowerPoint</Application>
  <PresentationFormat>Widescreen</PresentationFormat>
  <Paragraphs>400</Paragraphs>
  <Slides>27</Slides>
  <Notes>23</Notes>
  <HiddenSlides>0</HiddenSlides>
  <MMClips>0</MMClips>
  <ScaleCrop>false</ScaleCrop>
  <HeadingPairs>
    <vt:vector size="6" baseType="variant">
      <vt:variant>
        <vt:lpstr>Fonts Used</vt:lpstr>
      </vt:variant>
      <vt:variant>
        <vt:i4>8</vt:i4>
      </vt:variant>
      <vt:variant>
        <vt:lpstr>Theme</vt:lpstr>
      </vt:variant>
      <vt:variant>
        <vt:i4>2</vt:i4>
      </vt:variant>
      <vt:variant>
        <vt:lpstr>Slide Titles</vt:lpstr>
      </vt:variant>
      <vt:variant>
        <vt:i4>27</vt:i4>
      </vt:variant>
    </vt:vector>
  </HeadingPairs>
  <TitlesOfParts>
    <vt:vector size="37" baseType="lpstr">
      <vt:lpstr>Aptos</vt:lpstr>
      <vt:lpstr>Arial</vt:lpstr>
      <vt:lpstr>Calibri</vt:lpstr>
      <vt:lpstr>Montserrat</vt:lpstr>
      <vt:lpstr>Open Sans</vt:lpstr>
      <vt:lpstr>Times New Roman</vt:lpstr>
      <vt:lpstr>Verdana</vt:lpstr>
      <vt:lpstr>Wingdings 2</vt:lpstr>
      <vt:lpstr>Office Theme</vt:lpstr>
      <vt:lpstr>USG1</vt:lpstr>
      <vt:lpstr>Unified ERP Program Update  Institutional Research &amp; Planning </vt:lpstr>
      <vt:lpstr>Agenda</vt:lpstr>
      <vt:lpstr>Unified ERP Vision</vt:lpstr>
      <vt:lpstr>Unified ERP Guiding Principles</vt:lpstr>
      <vt:lpstr>Program Scope</vt:lpstr>
      <vt:lpstr>Program Scope</vt:lpstr>
      <vt:lpstr>Program Overview: USG Collaboration</vt:lpstr>
      <vt:lpstr>Unified ERP Program Governance Structure</vt:lpstr>
      <vt:lpstr>Program Timeline</vt:lpstr>
      <vt:lpstr>How does Workday affect IR?</vt:lpstr>
      <vt:lpstr>Creating Consolidated Reports</vt:lpstr>
      <vt:lpstr>Workday Dashboards</vt:lpstr>
      <vt:lpstr>Driving Value</vt:lpstr>
      <vt:lpstr>Types and Features of Dashboards</vt:lpstr>
      <vt:lpstr>Dashboard Categories </vt:lpstr>
      <vt:lpstr>Dashboard Categories </vt:lpstr>
      <vt:lpstr>Dashboard Categories </vt:lpstr>
      <vt:lpstr>Dashboard Categories </vt:lpstr>
      <vt:lpstr>Standard vs. Custom Dashboards</vt:lpstr>
      <vt:lpstr>Illustrations of Workday Dashboards and Reports</vt:lpstr>
      <vt:lpstr>Examples of Workday Dashboards and Reports</vt:lpstr>
      <vt:lpstr>Examples of Workday Dashboards and Reports</vt:lpstr>
      <vt:lpstr>Examples of Workday Dashboards and Reports</vt:lpstr>
      <vt:lpstr>What to Expect as Program Progresses</vt:lpstr>
      <vt:lpstr>Additional Information</vt:lpstr>
      <vt:lpstr>Question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Teresa Piazza</dc:creator>
  <cp:lastModifiedBy>Rich Loftus</cp:lastModifiedBy>
  <cp:revision>14</cp:revision>
  <cp:lastPrinted>2025-02-03T17:29:54Z</cp:lastPrinted>
  <dcterms:created xsi:type="dcterms:W3CDTF">2025-10-01T19:29:05Z</dcterms:created>
  <dcterms:modified xsi:type="dcterms:W3CDTF">2025-10-07T12:04: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5B0A54F4E17D514D9191DD95A75466F1</vt:lpwstr>
  </property>
  <property fmtid="{D5CDD505-2E9C-101B-9397-08002B2CF9AE}" pid="3" name="MediaServiceImageTags">
    <vt:lpwstr/>
  </property>
</Properties>
</file>